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firstSheet="11" activeTab="2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A:$A</definedName>
  </definedNames>
  <calcPr calcId="162913"/>
</workbook>
</file>

<file path=xl/calcChain.xml><?xml version="1.0" encoding="utf-8"?>
<calcChain xmlns="http://schemas.openxmlformats.org/spreadsheetml/2006/main">
  <c r="I1" i="10" l="1"/>
  <c r="H4" i="1" l="1"/>
  <c r="F1" i="34" l="1"/>
  <c r="G1" i="34" s="1"/>
  <c r="E1" i="34"/>
  <c r="F1" i="6"/>
  <c r="G1" i="6" s="1"/>
  <c r="I1" i="33"/>
  <c r="J1" i="33" s="1"/>
  <c r="H1" i="33"/>
  <c r="J1" i="5"/>
  <c r="K1" i="5" s="1"/>
  <c r="H1" i="5"/>
  <c r="J1" i="30"/>
  <c r="I1" i="25" l="1"/>
  <c r="J1" i="25" s="1"/>
  <c r="H1" i="25"/>
  <c r="J1" i="32" l="1"/>
  <c r="K1" i="32" s="1"/>
  <c r="H1" i="32"/>
  <c r="K1" i="31"/>
  <c r="L1" i="31" s="1"/>
  <c r="I1" i="31"/>
  <c r="L1" i="30"/>
  <c r="M1" i="30" s="1"/>
  <c r="K1" i="29"/>
  <c r="L1" i="29" s="1"/>
  <c r="I1" i="29"/>
  <c r="H1" i="28"/>
  <c r="I1" i="28" s="1"/>
  <c r="F1" i="28"/>
  <c r="D1" i="18" l="1"/>
  <c r="E1" i="26"/>
  <c r="E1" i="6"/>
  <c r="H1" i="24"/>
  <c r="H1" i="14"/>
  <c r="I1" i="23"/>
  <c r="I1" i="13"/>
  <c r="H1" i="4"/>
  <c r="J1" i="22"/>
  <c r="J1" i="11"/>
  <c r="I1" i="21"/>
  <c r="G1" i="9"/>
  <c r="F1" i="19"/>
  <c r="F1" i="8"/>
  <c r="E1" i="18" l="1"/>
  <c r="F1" i="26"/>
  <c r="J1" i="24"/>
  <c r="J1" i="14"/>
  <c r="K1" i="23"/>
  <c r="K1" i="13"/>
  <c r="J1" i="4"/>
  <c r="L1" i="22"/>
  <c r="L1" i="11"/>
  <c r="K1" i="21"/>
  <c r="K1" i="10"/>
  <c r="I1" i="9"/>
  <c r="H1" i="19"/>
  <c r="I1" i="19" s="1"/>
  <c r="H1" i="8"/>
  <c r="I1" i="8" s="1"/>
  <c r="J1" i="9" l="1"/>
  <c r="G1" i="26"/>
  <c r="K1" i="24"/>
  <c r="L1" i="23"/>
  <c r="M1" i="22"/>
  <c r="L1" i="21"/>
  <c r="F1" i="18"/>
  <c r="K1" i="14"/>
  <c r="L1" i="13"/>
  <c r="M1" i="11"/>
  <c r="L1" i="10"/>
  <c r="K1" i="4"/>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3" xfId="0" applyBorder="1" applyAlignment="1">
      <alignment horizontal="center" vertical="center" shrinkToFit="1"/>
    </xf>
    <xf numFmtId="0" fontId="0" fillId="0" borderId="7" xfId="0" applyBorder="1" applyAlignment="1">
      <alignment horizontal="center"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3" fillId="0" borderId="0" xfId="0" applyNumberFormat="1" applyFont="1" applyAlignment="1">
      <alignment horizontal="left" vertical="center"/>
    </xf>
    <xf numFmtId="182" fontId="3" fillId="0" borderId="0" xfId="0" applyNumberFormat="1" applyFont="1" applyBorder="1" applyAlignment="1">
      <alignment horizontal="left"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182" fontId="2" fillId="0" borderId="0" xfId="0" applyNumberFormat="1" applyFont="1" applyBorder="1" applyAlignment="1">
      <alignment horizontal="left"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502" t="s">
        <v>0</v>
      </c>
      <c r="F1" s="502"/>
      <c r="G1" s="502"/>
      <c r="H1" s="502"/>
      <c r="I1" s="2"/>
      <c r="J1" s="2"/>
      <c r="K1" s="2"/>
      <c r="L1" s="2"/>
    </row>
    <row r="2" spans="1:13" ht="24" customHeight="1" x14ac:dyDescent="0.2">
      <c r="A2" s="2"/>
      <c r="B2" s="2"/>
      <c r="C2" s="2"/>
      <c r="D2" s="2"/>
      <c r="E2" s="2"/>
      <c r="F2" s="364">
        <v>5</v>
      </c>
      <c r="G2" s="246">
        <v>5</v>
      </c>
      <c r="H2" s="2"/>
      <c r="I2" s="2"/>
      <c r="J2" s="2"/>
      <c r="K2" s="2"/>
      <c r="L2" s="2"/>
      <c r="M2" s="2"/>
    </row>
    <row r="3" spans="1:13" ht="24" customHeight="1" x14ac:dyDescent="0.2"/>
    <row r="4" spans="1:13" ht="20.25" customHeight="1" x14ac:dyDescent="0.2">
      <c r="D4" s="3"/>
      <c r="E4" s="4" t="s">
        <v>1</v>
      </c>
      <c r="F4" s="3"/>
      <c r="H4" s="253">
        <f>G2</f>
        <v>5</v>
      </c>
    </row>
    <row r="5" spans="1:13" ht="10.5" customHeight="1" thickBot="1" x14ac:dyDescent="0.25">
      <c r="E5" s="5"/>
    </row>
    <row r="6" spans="1:13" ht="21" customHeight="1" x14ac:dyDescent="0.2">
      <c r="E6" s="340"/>
      <c r="F6" s="503" t="s">
        <v>2</v>
      </c>
      <c r="G6" s="504"/>
      <c r="H6" s="504"/>
      <c r="I6" s="505"/>
    </row>
    <row r="7" spans="1:13" ht="21" customHeight="1" x14ac:dyDescent="0.2">
      <c r="E7" s="7"/>
      <c r="F7" s="8"/>
      <c r="G7" s="9" t="s">
        <v>3</v>
      </c>
      <c r="H7" s="343" t="s">
        <v>150</v>
      </c>
      <c r="I7" s="344" t="s">
        <v>149</v>
      </c>
    </row>
    <row r="8" spans="1:13" ht="21" customHeight="1" x14ac:dyDescent="0.2">
      <c r="E8" s="341" t="s">
        <v>4</v>
      </c>
      <c r="F8" s="371">
        <v>2344000</v>
      </c>
      <c r="G8" s="371">
        <v>1038476</v>
      </c>
      <c r="H8" s="371">
        <v>901551</v>
      </c>
      <c r="I8" s="372">
        <v>403973</v>
      </c>
    </row>
    <row r="9" spans="1:13" ht="21" customHeight="1" x14ac:dyDescent="0.2">
      <c r="E9" s="10" t="s">
        <v>5</v>
      </c>
      <c r="F9" s="373">
        <v>935264</v>
      </c>
      <c r="G9" s="373">
        <v>412714</v>
      </c>
      <c r="H9" s="373">
        <v>355178</v>
      </c>
      <c r="I9" s="374">
        <v>167372</v>
      </c>
    </row>
    <row r="10" spans="1:13" ht="21" customHeight="1" x14ac:dyDescent="0.2">
      <c r="E10" s="10" t="s">
        <v>6</v>
      </c>
      <c r="F10" s="373">
        <v>307940</v>
      </c>
      <c r="G10" s="373">
        <v>142204</v>
      </c>
      <c r="H10" s="373">
        <v>112861</v>
      </c>
      <c r="I10" s="374">
        <v>52875</v>
      </c>
    </row>
    <row r="11" spans="1:13" ht="21" customHeight="1" x14ac:dyDescent="0.2">
      <c r="E11" s="10" t="s">
        <v>14</v>
      </c>
      <c r="F11" s="373">
        <v>188416</v>
      </c>
      <c r="G11" s="373">
        <v>84606</v>
      </c>
      <c r="H11" s="373">
        <v>74978</v>
      </c>
      <c r="I11" s="374">
        <v>28832</v>
      </c>
    </row>
    <row r="12" spans="1:13" ht="21" customHeight="1" x14ac:dyDescent="0.2">
      <c r="E12" s="10" t="s">
        <v>7</v>
      </c>
      <c r="F12" s="373">
        <v>125403</v>
      </c>
      <c r="G12" s="373">
        <v>52704</v>
      </c>
      <c r="H12" s="373">
        <v>50085</v>
      </c>
      <c r="I12" s="374">
        <v>22614</v>
      </c>
    </row>
    <row r="13" spans="1:13" ht="21" customHeight="1" x14ac:dyDescent="0.2">
      <c r="E13" s="10" t="s">
        <v>8</v>
      </c>
      <c r="F13" s="373">
        <v>73455</v>
      </c>
      <c r="G13" s="373">
        <v>33241</v>
      </c>
      <c r="H13" s="373">
        <v>28302</v>
      </c>
      <c r="I13" s="374">
        <v>11912</v>
      </c>
    </row>
    <row r="14" spans="1:13" ht="21" customHeight="1" x14ac:dyDescent="0.2">
      <c r="E14" s="10" t="s">
        <v>9</v>
      </c>
      <c r="F14" s="373">
        <v>53509</v>
      </c>
      <c r="G14" s="373">
        <v>20621</v>
      </c>
      <c r="H14" s="373">
        <v>21054</v>
      </c>
      <c r="I14" s="374">
        <v>11834</v>
      </c>
    </row>
    <row r="15" spans="1:13" ht="21" customHeight="1" x14ac:dyDescent="0.2">
      <c r="E15" s="10" t="s">
        <v>10</v>
      </c>
      <c r="F15" s="373">
        <v>108435</v>
      </c>
      <c r="G15" s="373">
        <v>46985</v>
      </c>
      <c r="H15" s="373">
        <v>41907</v>
      </c>
      <c r="I15" s="374">
        <v>19543</v>
      </c>
    </row>
    <row r="16" spans="1:13" ht="21" customHeight="1" x14ac:dyDescent="0.2">
      <c r="E16" s="10" t="s">
        <v>11</v>
      </c>
      <c r="F16" s="373">
        <v>57396</v>
      </c>
      <c r="G16" s="373">
        <v>25636</v>
      </c>
      <c r="H16" s="373">
        <v>21653</v>
      </c>
      <c r="I16" s="374">
        <v>10107</v>
      </c>
    </row>
    <row r="17" spans="5:13" ht="21" customHeight="1" x14ac:dyDescent="0.2">
      <c r="E17" s="10" t="s">
        <v>12</v>
      </c>
      <c r="F17" s="373">
        <v>65749</v>
      </c>
      <c r="G17" s="373">
        <v>28356</v>
      </c>
      <c r="H17" s="373">
        <v>25631</v>
      </c>
      <c r="I17" s="374">
        <v>11762</v>
      </c>
    </row>
    <row r="18" spans="5:13" ht="21" customHeight="1" x14ac:dyDescent="0.2">
      <c r="E18" s="10" t="s">
        <v>13</v>
      </c>
      <c r="F18" s="373">
        <v>18569</v>
      </c>
      <c r="G18" s="373">
        <v>7122</v>
      </c>
      <c r="H18" s="373">
        <v>7336</v>
      </c>
      <c r="I18" s="374">
        <v>4111</v>
      </c>
      <c r="M18" s="1" t="s">
        <v>87</v>
      </c>
    </row>
    <row r="19" spans="5:13" ht="21" customHeight="1" x14ac:dyDescent="0.2">
      <c r="E19" s="10" t="s">
        <v>15</v>
      </c>
      <c r="F19" s="373">
        <v>16206</v>
      </c>
      <c r="G19" s="373">
        <v>7130</v>
      </c>
      <c r="H19" s="373">
        <v>6192</v>
      </c>
      <c r="I19" s="374">
        <v>2884</v>
      </c>
    </row>
    <row r="20" spans="5:13" ht="21" customHeight="1" x14ac:dyDescent="0.2">
      <c r="E20" s="10" t="s">
        <v>16</v>
      </c>
      <c r="F20" s="373">
        <v>49427</v>
      </c>
      <c r="G20" s="373">
        <v>23235</v>
      </c>
      <c r="H20" s="373">
        <v>19132</v>
      </c>
      <c r="I20" s="374">
        <v>7060</v>
      </c>
    </row>
    <row r="21" spans="5:13" ht="21" customHeight="1" x14ac:dyDescent="0.2">
      <c r="E21" s="10" t="s">
        <v>17</v>
      </c>
      <c r="F21" s="373">
        <v>58677</v>
      </c>
      <c r="G21" s="373">
        <v>27290</v>
      </c>
      <c r="H21" s="373">
        <v>23263</v>
      </c>
      <c r="I21" s="374">
        <v>8124</v>
      </c>
    </row>
    <row r="22" spans="5:13" ht="21" customHeight="1" x14ac:dyDescent="0.2">
      <c r="E22" s="10" t="s">
        <v>18</v>
      </c>
      <c r="F22" s="373">
        <v>58254</v>
      </c>
      <c r="G22" s="373">
        <v>25925</v>
      </c>
      <c r="H22" s="373">
        <v>23282</v>
      </c>
      <c r="I22" s="374">
        <v>9047</v>
      </c>
    </row>
    <row r="23" spans="5:13" ht="21" customHeight="1" x14ac:dyDescent="0.2">
      <c r="E23" s="10" t="s">
        <v>19</v>
      </c>
      <c r="F23" s="373">
        <v>26699</v>
      </c>
      <c r="G23" s="373">
        <v>12006</v>
      </c>
      <c r="H23" s="373">
        <v>10515</v>
      </c>
      <c r="I23" s="374">
        <v>4178</v>
      </c>
    </row>
    <row r="24" spans="5:13" ht="21" customHeight="1" x14ac:dyDescent="0.2">
      <c r="E24" s="10" t="s">
        <v>20</v>
      </c>
      <c r="F24" s="373">
        <v>34147</v>
      </c>
      <c r="G24" s="373">
        <v>15589</v>
      </c>
      <c r="H24" s="373">
        <v>13539</v>
      </c>
      <c r="I24" s="374">
        <v>5019</v>
      </c>
    </row>
    <row r="25" spans="5:13" ht="21" customHeight="1" x14ac:dyDescent="0.2">
      <c r="E25" s="10" t="s">
        <v>21</v>
      </c>
      <c r="F25" s="373">
        <v>34405</v>
      </c>
      <c r="G25" s="373">
        <v>15580</v>
      </c>
      <c r="H25" s="373">
        <v>13681</v>
      </c>
      <c r="I25" s="374">
        <v>5144</v>
      </c>
    </row>
    <row r="26" spans="5:13" ht="21" customHeight="1" x14ac:dyDescent="0.2">
      <c r="E26" s="10" t="s">
        <v>22</v>
      </c>
      <c r="F26" s="373">
        <v>13635</v>
      </c>
      <c r="G26" s="373">
        <v>5770</v>
      </c>
      <c r="H26" s="373">
        <v>5480</v>
      </c>
      <c r="I26" s="374">
        <v>2385</v>
      </c>
    </row>
    <row r="27" spans="5:13" ht="21" customHeight="1" x14ac:dyDescent="0.2">
      <c r="E27" s="10" t="s">
        <v>23</v>
      </c>
      <c r="F27" s="373">
        <v>22818</v>
      </c>
      <c r="G27" s="373">
        <v>9664</v>
      </c>
      <c r="H27" s="373">
        <v>9926</v>
      </c>
      <c r="I27" s="374">
        <v>3228</v>
      </c>
    </row>
    <row r="28" spans="5:13" ht="21" customHeight="1" x14ac:dyDescent="0.2">
      <c r="E28" s="10" t="s">
        <v>24</v>
      </c>
      <c r="F28" s="373">
        <v>10161</v>
      </c>
      <c r="G28" s="373">
        <v>3929</v>
      </c>
      <c r="H28" s="373">
        <v>4181</v>
      </c>
      <c r="I28" s="374">
        <v>2051</v>
      </c>
    </row>
    <row r="29" spans="5:13" ht="21" customHeight="1" x14ac:dyDescent="0.2">
      <c r="E29" s="10" t="s">
        <v>25</v>
      </c>
      <c r="F29" s="373">
        <v>13444</v>
      </c>
      <c r="G29" s="373">
        <v>6274</v>
      </c>
      <c r="H29" s="373">
        <v>5315</v>
      </c>
      <c r="I29" s="374">
        <v>1855</v>
      </c>
    </row>
    <row r="30" spans="5:13" ht="21" customHeight="1" x14ac:dyDescent="0.2">
      <c r="E30" s="10" t="s">
        <v>26</v>
      </c>
      <c r="F30" s="373">
        <v>11117</v>
      </c>
      <c r="G30" s="373">
        <v>4721</v>
      </c>
      <c r="H30" s="373">
        <v>4487</v>
      </c>
      <c r="I30" s="374">
        <v>1909</v>
      </c>
    </row>
    <row r="31" spans="5:13" ht="21" customHeight="1" x14ac:dyDescent="0.2">
      <c r="E31" s="10" t="s">
        <v>27</v>
      </c>
      <c r="F31" s="373">
        <v>9831</v>
      </c>
      <c r="G31" s="373">
        <v>3951</v>
      </c>
      <c r="H31" s="373">
        <v>3970</v>
      </c>
      <c r="I31" s="374">
        <v>1910</v>
      </c>
    </row>
    <row r="32" spans="5:13" ht="21" customHeight="1" x14ac:dyDescent="0.2">
      <c r="E32" s="10" t="s">
        <v>28</v>
      </c>
      <c r="F32" s="373">
        <v>3223</v>
      </c>
      <c r="G32" s="373">
        <v>1519</v>
      </c>
      <c r="H32" s="373">
        <v>1259</v>
      </c>
      <c r="I32" s="374">
        <v>445</v>
      </c>
    </row>
    <row r="33" spans="5:9" ht="21" customHeight="1" x14ac:dyDescent="0.2">
      <c r="E33" s="10" t="s">
        <v>29</v>
      </c>
      <c r="F33" s="373">
        <v>4990</v>
      </c>
      <c r="G33" s="373">
        <v>2249</v>
      </c>
      <c r="H33" s="373">
        <v>1996</v>
      </c>
      <c r="I33" s="374">
        <v>745</v>
      </c>
    </row>
    <row r="34" spans="5:9" ht="21" customHeight="1" x14ac:dyDescent="0.2">
      <c r="E34" s="10" t="s">
        <v>30</v>
      </c>
      <c r="F34" s="373">
        <v>3727</v>
      </c>
      <c r="G34" s="373">
        <v>1612</v>
      </c>
      <c r="H34" s="373">
        <v>1402</v>
      </c>
      <c r="I34" s="374">
        <v>713</v>
      </c>
    </row>
    <row r="35" spans="5:9" ht="21" customHeight="1" x14ac:dyDescent="0.2">
      <c r="E35" s="10" t="s">
        <v>31</v>
      </c>
      <c r="F35" s="373">
        <v>4020</v>
      </c>
      <c r="G35" s="373">
        <v>1888</v>
      </c>
      <c r="H35" s="373">
        <v>1378</v>
      </c>
      <c r="I35" s="374">
        <v>754</v>
      </c>
    </row>
    <row r="36" spans="5:9" ht="21" customHeight="1" x14ac:dyDescent="0.2">
      <c r="E36" s="10" t="s">
        <v>32</v>
      </c>
      <c r="F36" s="373">
        <v>4655</v>
      </c>
      <c r="G36" s="373">
        <v>2087</v>
      </c>
      <c r="H36" s="373">
        <v>1786</v>
      </c>
      <c r="I36" s="374">
        <v>782</v>
      </c>
    </row>
    <row r="37" spans="5:9" ht="21" customHeight="1" x14ac:dyDescent="0.2">
      <c r="E37" s="10" t="s">
        <v>33</v>
      </c>
      <c r="F37" s="373">
        <v>4142</v>
      </c>
      <c r="G37" s="373">
        <v>1828</v>
      </c>
      <c r="H37" s="373">
        <v>1609</v>
      </c>
      <c r="I37" s="374">
        <v>705</v>
      </c>
    </row>
    <row r="38" spans="5:9" ht="21" customHeight="1" x14ac:dyDescent="0.2">
      <c r="E38" s="10" t="s">
        <v>34</v>
      </c>
      <c r="F38" s="373">
        <v>3015</v>
      </c>
      <c r="G38" s="373">
        <v>1310</v>
      </c>
      <c r="H38" s="373">
        <v>1162</v>
      </c>
      <c r="I38" s="374">
        <v>543</v>
      </c>
    </row>
    <row r="39" spans="5:9" ht="21" customHeight="1" x14ac:dyDescent="0.2">
      <c r="E39" s="10" t="s">
        <v>35</v>
      </c>
      <c r="F39" s="373">
        <v>9823</v>
      </c>
      <c r="G39" s="373">
        <v>4118</v>
      </c>
      <c r="H39" s="373">
        <v>3914</v>
      </c>
      <c r="I39" s="374">
        <v>1791</v>
      </c>
    </row>
    <row r="40" spans="5:9" ht="21" customHeight="1" x14ac:dyDescent="0.2">
      <c r="E40" s="10" t="s">
        <v>36</v>
      </c>
      <c r="F40" s="373">
        <v>12382</v>
      </c>
      <c r="G40" s="373">
        <v>6069</v>
      </c>
      <c r="H40" s="373">
        <v>4730</v>
      </c>
      <c r="I40" s="374">
        <v>1583</v>
      </c>
    </row>
    <row r="41" spans="5:9" ht="21" customHeight="1" thickBot="1" x14ac:dyDescent="0.25">
      <c r="E41" s="11" t="s">
        <v>37</v>
      </c>
      <c r="F41" s="375">
        <v>1066</v>
      </c>
      <c r="G41" s="375">
        <v>543</v>
      </c>
      <c r="H41" s="375">
        <v>367</v>
      </c>
      <c r="I41" s="376">
        <v>156</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6.777343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4">
        <f>第１表!F2</f>
        <v>5</v>
      </c>
      <c r="K1" s="524"/>
      <c r="L1" s="248">
        <f>第１表!G2</f>
        <v>5</v>
      </c>
      <c r="M1" s="529">
        <f>IF(L1&lt;3,L1+12-2,L1-2)</f>
        <v>3</v>
      </c>
      <c r="N1" s="529"/>
    </row>
    <row r="2" spans="2:112" ht="24" customHeight="1" thickBot="1" x14ac:dyDescent="0.25">
      <c r="B2" s="290" t="s">
        <v>131</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59" t="s">
        <v>44</v>
      </c>
      <c r="E5" s="380"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21" t="s">
        <v>43</v>
      </c>
      <c r="Z5" s="259" t="s">
        <v>44</v>
      </c>
      <c r="AA5" s="268" t="s">
        <v>45</v>
      </c>
      <c r="AB5" s="267" t="s">
        <v>83</v>
      </c>
      <c r="AC5" s="259" t="s">
        <v>47</v>
      </c>
      <c r="AD5" s="259" t="s">
        <v>48</v>
      </c>
      <c r="AE5" s="259" t="s">
        <v>49</v>
      </c>
      <c r="AF5" s="259" t="s">
        <v>50</v>
      </c>
      <c r="AG5" s="259" t="s">
        <v>51</v>
      </c>
      <c r="AH5" s="265" t="s">
        <v>45</v>
      </c>
      <c r="AI5" s="531"/>
      <c r="AJ5" s="321" t="s">
        <v>43</v>
      </c>
      <c r="AK5" s="259" t="s">
        <v>44</v>
      </c>
      <c r="AL5" s="265" t="s">
        <v>45</v>
      </c>
      <c r="AM5" s="267" t="s">
        <v>83</v>
      </c>
      <c r="AN5" s="259" t="s">
        <v>47</v>
      </c>
      <c r="AO5" s="259" t="s">
        <v>48</v>
      </c>
      <c r="AP5" s="259" t="s">
        <v>49</v>
      </c>
      <c r="AQ5" s="259" t="s">
        <v>50</v>
      </c>
      <c r="AR5" s="259" t="s">
        <v>51</v>
      </c>
      <c r="AS5" s="265" t="s">
        <v>45</v>
      </c>
      <c r="AT5" s="531"/>
      <c r="AU5" s="321" t="s">
        <v>43</v>
      </c>
      <c r="AV5" s="259" t="s">
        <v>44</v>
      </c>
      <c r="AW5" s="268" t="s">
        <v>45</v>
      </c>
      <c r="AX5" s="267" t="s">
        <v>83</v>
      </c>
      <c r="AY5" s="259" t="s">
        <v>47</v>
      </c>
      <c r="AZ5" s="259" t="s">
        <v>48</v>
      </c>
      <c r="BA5" s="259" t="s">
        <v>49</v>
      </c>
      <c r="BB5" s="259" t="s">
        <v>50</v>
      </c>
      <c r="BC5" s="259" t="s">
        <v>51</v>
      </c>
      <c r="BD5" s="268" t="s">
        <v>45</v>
      </c>
      <c r="BE5" s="531"/>
      <c r="BF5" s="321" t="s">
        <v>43</v>
      </c>
      <c r="BG5" s="259" t="s">
        <v>44</v>
      </c>
      <c r="BH5" s="265" t="s">
        <v>45</v>
      </c>
      <c r="BI5" s="267" t="s">
        <v>83</v>
      </c>
      <c r="BJ5" s="259" t="s">
        <v>47</v>
      </c>
      <c r="BK5" s="259" t="s">
        <v>48</v>
      </c>
      <c r="BL5" s="259" t="s">
        <v>49</v>
      </c>
      <c r="BM5" s="259" t="s">
        <v>50</v>
      </c>
      <c r="BN5" s="259" t="s">
        <v>51</v>
      </c>
      <c r="BO5" s="265" t="s">
        <v>45</v>
      </c>
      <c r="BP5" s="531"/>
      <c r="BQ5" s="321" t="s">
        <v>43</v>
      </c>
      <c r="BR5" s="259" t="s">
        <v>44</v>
      </c>
      <c r="BS5" s="265" t="s">
        <v>45</v>
      </c>
      <c r="BT5" s="267" t="s">
        <v>83</v>
      </c>
      <c r="BU5" s="259" t="s">
        <v>47</v>
      </c>
      <c r="BV5" s="259" t="s">
        <v>48</v>
      </c>
      <c r="BW5" s="259" t="s">
        <v>49</v>
      </c>
      <c r="BX5" s="259" t="s">
        <v>50</v>
      </c>
      <c r="BY5" s="259" t="s">
        <v>51</v>
      </c>
      <c r="BZ5" s="265" t="s">
        <v>45</v>
      </c>
      <c r="CA5" s="531"/>
      <c r="CB5" s="321" t="s">
        <v>43</v>
      </c>
      <c r="CC5" s="259" t="s">
        <v>44</v>
      </c>
      <c r="CD5" s="265" t="s">
        <v>45</v>
      </c>
      <c r="CE5" s="267" t="s">
        <v>83</v>
      </c>
      <c r="CF5" s="259" t="s">
        <v>47</v>
      </c>
      <c r="CG5" s="259" t="s">
        <v>48</v>
      </c>
      <c r="CH5" s="259" t="s">
        <v>49</v>
      </c>
      <c r="CI5" s="259" t="s">
        <v>50</v>
      </c>
      <c r="CJ5" s="259" t="s">
        <v>51</v>
      </c>
      <c r="CK5" s="265" t="s">
        <v>45</v>
      </c>
      <c r="CL5" s="531"/>
      <c r="CM5" s="321" t="s">
        <v>43</v>
      </c>
      <c r="CN5" s="259" t="s">
        <v>44</v>
      </c>
      <c r="CO5" s="265" t="s">
        <v>45</v>
      </c>
      <c r="CP5" s="267" t="s">
        <v>83</v>
      </c>
      <c r="CQ5" s="259" t="s">
        <v>47</v>
      </c>
      <c r="CR5" s="259" t="s">
        <v>48</v>
      </c>
      <c r="CS5" s="259" t="s">
        <v>49</v>
      </c>
      <c r="CT5" s="259" t="s">
        <v>50</v>
      </c>
      <c r="CU5" s="259" t="s">
        <v>51</v>
      </c>
      <c r="CV5" s="265" t="s">
        <v>45</v>
      </c>
      <c r="CW5" s="531"/>
      <c r="CX5" s="363"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3">
        <v>0</v>
      </c>
      <c r="E6" s="381">
        <v>0</v>
      </c>
      <c r="F6" s="272">
        <v>0</v>
      </c>
      <c r="G6" s="273">
        <v>14135</v>
      </c>
      <c r="H6" s="273">
        <v>19127</v>
      </c>
      <c r="I6" s="273">
        <v>22058</v>
      </c>
      <c r="J6" s="273">
        <v>24493</v>
      </c>
      <c r="K6" s="273">
        <v>20614</v>
      </c>
      <c r="L6" s="274">
        <v>100427</v>
      </c>
      <c r="M6" s="275">
        <v>100427</v>
      </c>
      <c r="N6" s="269">
        <v>0</v>
      </c>
      <c r="O6" s="273">
        <v>0</v>
      </c>
      <c r="P6" s="270">
        <v>0</v>
      </c>
      <c r="Q6" s="272">
        <v>0</v>
      </c>
      <c r="R6" s="273">
        <v>45</v>
      </c>
      <c r="S6" s="273">
        <v>160</v>
      </c>
      <c r="T6" s="273">
        <v>281</v>
      </c>
      <c r="U6" s="273">
        <v>605</v>
      </c>
      <c r="V6" s="273">
        <v>1108</v>
      </c>
      <c r="W6" s="270">
        <v>2199</v>
      </c>
      <c r="X6" s="275">
        <v>2199</v>
      </c>
      <c r="Y6" s="269">
        <v>1170</v>
      </c>
      <c r="Z6" s="273">
        <v>2720</v>
      </c>
      <c r="AA6" s="270">
        <v>3890</v>
      </c>
      <c r="AB6" s="272">
        <v>0</v>
      </c>
      <c r="AC6" s="273">
        <v>8598</v>
      </c>
      <c r="AD6" s="273">
        <v>12990</v>
      </c>
      <c r="AE6" s="273">
        <v>8977</v>
      </c>
      <c r="AF6" s="273">
        <v>7698</v>
      </c>
      <c r="AG6" s="273">
        <v>5173</v>
      </c>
      <c r="AH6" s="270">
        <v>43436</v>
      </c>
      <c r="AI6" s="275">
        <v>47326</v>
      </c>
      <c r="AJ6" s="269">
        <v>159</v>
      </c>
      <c r="AK6" s="273">
        <v>663</v>
      </c>
      <c r="AL6" s="270">
        <v>822</v>
      </c>
      <c r="AM6" s="272">
        <v>0</v>
      </c>
      <c r="AN6" s="273">
        <v>868</v>
      </c>
      <c r="AO6" s="273">
        <v>1803</v>
      </c>
      <c r="AP6" s="273">
        <v>998</v>
      </c>
      <c r="AQ6" s="273">
        <v>1078</v>
      </c>
      <c r="AR6" s="273">
        <v>258</v>
      </c>
      <c r="AS6" s="270">
        <v>5005</v>
      </c>
      <c r="AT6" s="275">
        <v>5827</v>
      </c>
      <c r="AU6" s="269">
        <v>0</v>
      </c>
      <c r="AV6" s="273">
        <v>0</v>
      </c>
      <c r="AW6" s="270">
        <v>0</v>
      </c>
      <c r="AX6" s="272">
        <v>0</v>
      </c>
      <c r="AY6" s="273">
        <v>13465</v>
      </c>
      <c r="AZ6" s="273">
        <v>13490</v>
      </c>
      <c r="BA6" s="273">
        <v>7989</v>
      </c>
      <c r="BB6" s="273">
        <v>3814</v>
      </c>
      <c r="BC6" s="273">
        <v>1408</v>
      </c>
      <c r="BD6" s="274">
        <v>40166</v>
      </c>
      <c r="BE6" s="275">
        <v>40166</v>
      </c>
      <c r="BF6" s="269">
        <v>0</v>
      </c>
      <c r="BG6" s="273">
        <v>0</v>
      </c>
      <c r="BH6" s="270">
        <v>0</v>
      </c>
      <c r="BI6" s="272">
        <v>0</v>
      </c>
      <c r="BJ6" s="273">
        <v>2838</v>
      </c>
      <c r="BK6" s="273">
        <v>4003</v>
      </c>
      <c r="BL6" s="273">
        <v>2456</v>
      </c>
      <c r="BM6" s="273">
        <v>1337</v>
      </c>
      <c r="BN6" s="273">
        <v>406</v>
      </c>
      <c r="BO6" s="270">
        <v>11040</v>
      </c>
      <c r="BP6" s="275">
        <v>11040</v>
      </c>
      <c r="BQ6" s="269">
        <v>31</v>
      </c>
      <c r="BR6" s="273">
        <v>74</v>
      </c>
      <c r="BS6" s="270">
        <v>105</v>
      </c>
      <c r="BT6" s="272">
        <v>0</v>
      </c>
      <c r="BU6" s="273">
        <v>1173</v>
      </c>
      <c r="BV6" s="273">
        <v>2091</v>
      </c>
      <c r="BW6" s="273">
        <v>4208</v>
      </c>
      <c r="BX6" s="273">
        <v>2776</v>
      </c>
      <c r="BY6" s="273">
        <v>1413</v>
      </c>
      <c r="BZ6" s="270">
        <v>11661</v>
      </c>
      <c r="CA6" s="275">
        <v>11766</v>
      </c>
      <c r="CB6" s="269">
        <v>9</v>
      </c>
      <c r="CC6" s="273">
        <v>15</v>
      </c>
      <c r="CD6" s="270">
        <v>24</v>
      </c>
      <c r="CE6" s="272">
        <v>0</v>
      </c>
      <c r="CF6" s="273">
        <v>145</v>
      </c>
      <c r="CG6" s="273">
        <v>334</v>
      </c>
      <c r="CH6" s="273">
        <v>464</v>
      </c>
      <c r="CI6" s="273">
        <v>359</v>
      </c>
      <c r="CJ6" s="273">
        <v>144</v>
      </c>
      <c r="CK6" s="270">
        <v>1446</v>
      </c>
      <c r="CL6" s="275">
        <v>1470</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2">
        <v>0</v>
      </c>
      <c r="F7" s="279">
        <v>0</v>
      </c>
      <c r="G7" s="280">
        <v>5368</v>
      </c>
      <c r="H7" s="280">
        <v>8562</v>
      </c>
      <c r="I7" s="280">
        <v>9367</v>
      </c>
      <c r="J7" s="280">
        <v>10571</v>
      </c>
      <c r="K7" s="280">
        <v>8528</v>
      </c>
      <c r="L7" s="281">
        <v>42396</v>
      </c>
      <c r="M7" s="282">
        <v>42396</v>
      </c>
      <c r="N7" s="276">
        <v>0</v>
      </c>
      <c r="O7" s="280">
        <v>0</v>
      </c>
      <c r="P7" s="277">
        <v>0</v>
      </c>
      <c r="Q7" s="279">
        <v>0</v>
      </c>
      <c r="R7" s="280">
        <v>5</v>
      </c>
      <c r="S7" s="280">
        <v>77</v>
      </c>
      <c r="T7" s="280">
        <v>110</v>
      </c>
      <c r="U7" s="280">
        <v>268</v>
      </c>
      <c r="V7" s="280">
        <v>517</v>
      </c>
      <c r="W7" s="277">
        <v>977</v>
      </c>
      <c r="X7" s="282">
        <v>977</v>
      </c>
      <c r="Y7" s="276">
        <v>565</v>
      </c>
      <c r="Z7" s="280">
        <v>1552</v>
      </c>
      <c r="AA7" s="277">
        <v>2117</v>
      </c>
      <c r="AB7" s="279">
        <v>0</v>
      </c>
      <c r="AC7" s="280">
        <v>3475</v>
      </c>
      <c r="AD7" s="280">
        <v>7038</v>
      </c>
      <c r="AE7" s="280">
        <v>4760</v>
      </c>
      <c r="AF7" s="280">
        <v>3716</v>
      </c>
      <c r="AG7" s="280">
        <v>2394</v>
      </c>
      <c r="AH7" s="277">
        <v>21383</v>
      </c>
      <c r="AI7" s="282">
        <v>23500</v>
      </c>
      <c r="AJ7" s="276">
        <v>74</v>
      </c>
      <c r="AK7" s="280">
        <v>327</v>
      </c>
      <c r="AL7" s="277">
        <v>401</v>
      </c>
      <c r="AM7" s="279">
        <v>0</v>
      </c>
      <c r="AN7" s="280">
        <v>255</v>
      </c>
      <c r="AO7" s="280">
        <v>673</v>
      </c>
      <c r="AP7" s="280">
        <v>508</v>
      </c>
      <c r="AQ7" s="280">
        <v>405</v>
      </c>
      <c r="AR7" s="280">
        <v>82</v>
      </c>
      <c r="AS7" s="277">
        <v>1923</v>
      </c>
      <c r="AT7" s="282">
        <v>2324</v>
      </c>
      <c r="AU7" s="276">
        <v>0</v>
      </c>
      <c r="AV7" s="280">
        <v>0</v>
      </c>
      <c r="AW7" s="277">
        <v>0</v>
      </c>
      <c r="AX7" s="279">
        <v>0</v>
      </c>
      <c r="AY7" s="280">
        <v>4913</v>
      </c>
      <c r="AZ7" s="280">
        <v>5631</v>
      </c>
      <c r="BA7" s="280">
        <v>3157</v>
      </c>
      <c r="BB7" s="280">
        <v>1440</v>
      </c>
      <c r="BC7" s="280">
        <v>640</v>
      </c>
      <c r="BD7" s="281">
        <v>15781</v>
      </c>
      <c r="BE7" s="282">
        <v>15781</v>
      </c>
      <c r="BF7" s="276">
        <v>0</v>
      </c>
      <c r="BG7" s="280">
        <v>0</v>
      </c>
      <c r="BH7" s="277">
        <v>0</v>
      </c>
      <c r="BI7" s="279">
        <v>0</v>
      </c>
      <c r="BJ7" s="280">
        <v>968</v>
      </c>
      <c r="BK7" s="280">
        <v>1685</v>
      </c>
      <c r="BL7" s="280">
        <v>1223</v>
      </c>
      <c r="BM7" s="280">
        <v>600</v>
      </c>
      <c r="BN7" s="280">
        <v>172</v>
      </c>
      <c r="BO7" s="277">
        <v>4648</v>
      </c>
      <c r="BP7" s="282">
        <v>4648</v>
      </c>
      <c r="BQ7" s="276">
        <v>9</v>
      </c>
      <c r="BR7" s="280">
        <v>37</v>
      </c>
      <c r="BS7" s="277">
        <v>46</v>
      </c>
      <c r="BT7" s="279">
        <v>0</v>
      </c>
      <c r="BU7" s="280">
        <v>324</v>
      </c>
      <c r="BV7" s="280">
        <v>844</v>
      </c>
      <c r="BW7" s="280">
        <v>1917</v>
      </c>
      <c r="BX7" s="280">
        <v>941</v>
      </c>
      <c r="BY7" s="280">
        <v>678</v>
      </c>
      <c r="BZ7" s="277">
        <v>4704</v>
      </c>
      <c r="CA7" s="282">
        <v>4750</v>
      </c>
      <c r="CB7" s="276">
        <v>9</v>
      </c>
      <c r="CC7" s="280">
        <v>12</v>
      </c>
      <c r="CD7" s="277">
        <v>21</v>
      </c>
      <c r="CE7" s="279">
        <v>0</v>
      </c>
      <c r="CF7" s="280">
        <v>43</v>
      </c>
      <c r="CG7" s="280">
        <v>183</v>
      </c>
      <c r="CH7" s="280">
        <v>308</v>
      </c>
      <c r="CI7" s="280">
        <v>194</v>
      </c>
      <c r="CJ7" s="280">
        <v>114</v>
      </c>
      <c r="CK7" s="277">
        <v>842</v>
      </c>
      <c r="CL7" s="282">
        <v>863</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2">
        <v>0</v>
      </c>
      <c r="F8" s="279">
        <v>0</v>
      </c>
      <c r="G8" s="280">
        <v>1687</v>
      </c>
      <c r="H8" s="280">
        <v>1836</v>
      </c>
      <c r="I8" s="280">
        <v>2712</v>
      </c>
      <c r="J8" s="280">
        <v>2241</v>
      </c>
      <c r="K8" s="280">
        <v>2774</v>
      </c>
      <c r="L8" s="281">
        <v>11250</v>
      </c>
      <c r="M8" s="282">
        <v>11250</v>
      </c>
      <c r="N8" s="276">
        <v>0</v>
      </c>
      <c r="O8" s="280">
        <v>0</v>
      </c>
      <c r="P8" s="277">
        <v>0</v>
      </c>
      <c r="Q8" s="279">
        <v>0</v>
      </c>
      <c r="R8" s="280">
        <v>12</v>
      </c>
      <c r="S8" s="280">
        <v>18</v>
      </c>
      <c r="T8" s="280">
        <v>35</v>
      </c>
      <c r="U8" s="280">
        <v>50</v>
      </c>
      <c r="V8" s="280">
        <v>145</v>
      </c>
      <c r="W8" s="277">
        <v>260</v>
      </c>
      <c r="X8" s="282">
        <v>260</v>
      </c>
      <c r="Y8" s="276">
        <v>173</v>
      </c>
      <c r="Z8" s="280">
        <v>381</v>
      </c>
      <c r="AA8" s="277">
        <v>554</v>
      </c>
      <c r="AB8" s="279">
        <v>0</v>
      </c>
      <c r="AC8" s="280">
        <v>1386</v>
      </c>
      <c r="AD8" s="280">
        <v>1764</v>
      </c>
      <c r="AE8" s="280">
        <v>1070</v>
      </c>
      <c r="AF8" s="280">
        <v>1309</v>
      </c>
      <c r="AG8" s="280">
        <v>918</v>
      </c>
      <c r="AH8" s="277">
        <v>6447</v>
      </c>
      <c r="AI8" s="282">
        <v>7001</v>
      </c>
      <c r="AJ8" s="276">
        <v>20</v>
      </c>
      <c r="AK8" s="280">
        <v>12</v>
      </c>
      <c r="AL8" s="277">
        <v>32</v>
      </c>
      <c r="AM8" s="279">
        <v>0</v>
      </c>
      <c r="AN8" s="280">
        <v>80</v>
      </c>
      <c r="AO8" s="280">
        <v>229</v>
      </c>
      <c r="AP8" s="280">
        <v>44</v>
      </c>
      <c r="AQ8" s="280">
        <v>166</v>
      </c>
      <c r="AR8" s="280">
        <v>33</v>
      </c>
      <c r="AS8" s="277">
        <v>552</v>
      </c>
      <c r="AT8" s="282">
        <v>584</v>
      </c>
      <c r="AU8" s="276">
        <v>0</v>
      </c>
      <c r="AV8" s="280">
        <v>0</v>
      </c>
      <c r="AW8" s="277">
        <v>0</v>
      </c>
      <c r="AX8" s="279">
        <v>0</v>
      </c>
      <c r="AY8" s="280">
        <v>1801</v>
      </c>
      <c r="AZ8" s="280">
        <v>1914</v>
      </c>
      <c r="BA8" s="280">
        <v>723</v>
      </c>
      <c r="BB8" s="280">
        <v>541</v>
      </c>
      <c r="BC8" s="280">
        <v>186</v>
      </c>
      <c r="BD8" s="281">
        <v>5165</v>
      </c>
      <c r="BE8" s="282">
        <v>5165</v>
      </c>
      <c r="BF8" s="276">
        <v>0</v>
      </c>
      <c r="BG8" s="280">
        <v>0</v>
      </c>
      <c r="BH8" s="277">
        <v>0</v>
      </c>
      <c r="BI8" s="279">
        <v>0</v>
      </c>
      <c r="BJ8" s="280">
        <v>334</v>
      </c>
      <c r="BK8" s="280">
        <v>505</v>
      </c>
      <c r="BL8" s="280">
        <v>231</v>
      </c>
      <c r="BM8" s="280">
        <v>152</v>
      </c>
      <c r="BN8" s="280">
        <v>109</v>
      </c>
      <c r="BO8" s="277">
        <v>1331</v>
      </c>
      <c r="BP8" s="282">
        <v>1331</v>
      </c>
      <c r="BQ8" s="276">
        <v>7</v>
      </c>
      <c r="BR8" s="280">
        <v>4</v>
      </c>
      <c r="BS8" s="277">
        <v>11</v>
      </c>
      <c r="BT8" s="279">
        <v>0</v>
      </c>
      <c r="BU8" s="280">
        <v>107</v>
      </c>
      <c r="BV8" s="280">
        <v>210</v>
      </c>
      <c r="BW8" s="280">
        <v>399</v>
      </c>
      <c r="BX8" s="280">
        <v>123</v>
      </c>
      <c r="BY8" s="280">
        <v>183</v>
      </c>
      <c r="BZ8" s="277">
        <v>1022</v>
      </c>
      <c r="CA8" s="282">
        <v>1033</v>
      </c>
      <c r="CB8" s="276">
        <v>0</v>
      </c>
      <c r="CC8" s="280">
        <v>0</v>
      </c>
      <c r="CD8" s="277">
        <v>0</v>
      </c>
      <c r="CE8" s="279">
        <v>0</v>
      </c>
      <c r="CF8" s="280">
        <v>32</v>
      </c>
      <c r="CG8" s="280">
        <v>60</v>
      </c>
      <c r="CH8" s="280">
        <v>37</v>
      </c>
      <c r="CI8" s="280">
        <v>58</v>
      </c>
      <c r="CJ8" s="280">
        <v>11</v>
      </c>
      <c r="CK8" s="277">
        <v>198</v>
      </c>
      <c r="CL8" s="282">
        <v>198</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2">
        <v>0</v>
      </c>
      <c r="F9" s="279">
        <v>0</v>
      </c>
      <c r="G9" s="280">
        <v>749</v>
      </c>
      <c r="H9" s="280">
        <v>1414</v>
      </c>
      <c r="I9" s="280">
        <v>1413</v>
      </c>
      <c r="J9" s="280">
        <v>1271</v>
      </c>
      <c r="K9" s="280">
        <v>797</v>
      </c>
      <c r="L9" s="281">
        <v>5644</v>
      </c>
      <c r="M9" s="282">
        <v>5644</v>
      </c>
      <c r="N9" s="276">
        <v>0</v>
      </c>
      <c r="O9" s="280">
        <v>0</v>
      </c>
      <c r="P9" s="277">
        <v>0</v>
      </c>
      <c r="Q9" s="279">
        <v>0</v>
      </c>
      <c r="R9" s="280">
        <v>1</v>
      </c>
      <c r="S9" s="280">
        <v>4</v>
      </c>
      <c r="T9" s="280">
        <v>3</v>
      </c>
      <c r="U9" s="280">
        <v>14</v>
      </c>
      <c r="V9" s="280">
        <v>43</v>
      </c>
      <c r="W9" s="277">
        <v>65</v>
      </c>
      <c r="X9" s="282">
        <v>65</v>
      </c>
      <c r="Y9" s="276">
        <v>36</v>
      </c>
      <c r="Z9" s="280">
        <v>167</v>
      </c>
      <c r="AA9" s="277">
        <v>203</v>
      </c>
      <c r="AB9" s="279">
        <v>0</v>
      </c>
      <c r="AC9" s="280">
        <v>391</v>
      </c>
      <c r="AD9" s="280">
        <v>948</v>
      </c>
      <c r="AE9" s="280">
        <v>658</v>
      </c>
      <c r="AF9" s="280">
        <v>342</v>
      </c>
      <c r="AG9" s="280">
        <v>281</v>
      </c>
      <c r="AH9" s="277">
        <v>2620</v>
      </c>
      <c r="AI9" s="282">
        <v>2823</v>
      </c>
      <c r="AJ9" s="276">
        <v>0</v>
      </c>
      <c r="AK9" s="280">
        <v>36</v>
      </c>
      <c r="AL9" s="277">
        <v>36</v>
      </c>
      <c r="AM9" s="279">
        <v>0</v>
      </c>
      <c r="AN9" s="280">
        <v>32</v>
      </c>
      <c r="AO9" s="280">
        <v>8</v>
      </c>
      <c r="AP9" s="280">
        <v>28</v>
      </c>
      <c r="AQ9" s="280">
        <v>62</v>
      </c>
      <c r="AR9" s="280">
        <v>0</v>
      </c>
      <c r="AS9" s="277">
        <v>130</v>
      </c>
      <c r="AT9" s="282">
        <v>166</v>
      </c>
      <c r="AU9" s="276">
        <v>0</v>
      </c>
      <c r="AV9" s="280">
        <v>0</v>
      </c>
      <c r="AW9" s="277">
        <v>0</v>
      </c>
      <c r="AX9" s="279">
        <v>0</v>
      </c>
      <c r="AY9" s="280">
        <v>1019</v>
      </c>
      <c r="AZ9" s="280">
        <v>1095</v>
      </c>
      <c r="BA9" s="280">
        <v>913</v>
      </c>
      <c r="BB9" s="280">
        <v>399</v>
      </c>
      <c r="BC9" s="280">
        <v>64</v>
      </c>
      <c r="BD9" s="281">
        <v>3490</v>
      </c>
      <c r="BE9" s="282">
        <v>3490</v>
      </c>
      <c r="BF9" s="276">
        <v>0</v>
      </c>
      <c r="BG9" s="280">
        <v>0</v>
      </c>
      <c r="BH9" s="277">
        <v>0</v>
      </c>
      <c r="BI9" s="279">
        <v>0</v>
      </c>
      <c r="BJ9" s="280">
        <v>102</v>
      </c>
      <c r="BK9" s="280">
        <v>227</v>
      </c>
      <c r="BL9" s="280">
        <v>123</v>
      </c>
      <c r="BM9" s="280">
        <v>108</v>
      </c>
      <c r="BN9" s="280">
        <v>0</v>
      </c>
      <c r="BO9" s="277">
        <v>560</v>
      </c>
      <c r="BP9" s="282">
        <v>560</v>
      </c>
      <c r="BQ9" s="276">
        <v>0</v>
      </c>
      <c r="BR9" s="280">
        <v>5</v>
      </c>
      <c r="BS9" s="277">
        <v>5</v>
      </c>
      <c r="BT9" s="279">
        <v>0</v>
      </c>
      <c r="BU9" s="280">
        <v>64</v>
      </c>
      <c r="BV9" s="280">
        <v>210</v>
      </c>
      <c r="BW9" s="280">
        <v>342</v>
      </c>
      <c r="BX9" s="280">
        <v>253</v>
      </c>
      <c r="BY9" s="280">
        <v>21</v>
      </c>
      <c r="BZ9" s="277">
        <v>890</v>
      </c>
      <c r="CA9" s="282">
        <v>895</v>
      </c>
      <c r="CB9" s="276">
        <v>0</v>
      </c>
      <c r="CC9" s="280">
        <v>0</v>
      </c>
      <c r="CD9" s="277">
        <v>0</v>
      </c>
      <c r="CE9" s="279">
        <v>0</v>
      </c>
      <c r="CF9" s="280">
        <v>0</v>
      </c>
      <c r="CG9" s="280">
        <v>11</v>
      </c>
      <c r="CH9" s="280">
        <v>3</v>
      </c>
      <c r="CI9" s="280">
        <v>3</v>
      </c>
      <c r="CJ9" s="280">
        <v>3</v>
      </c>
      <c r="CK9" s="277">
        <v>20</v>
      </c>
      <c r="CL9" s="282">
        <v>20</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2">
        <v>0</v>
      </c>
      <c r="F10" s="279">
        <v>0</v>
      </c>
      <c r="G10" s="280">
        <v>1467</v>
      </c>
      <c r="H10" s="280">
        <v>1727</v>
      </c>
      <c r="I10" s="280">
        <v>1767</v>
      </c>
      <c r="J10" s="280">
        <v>1792</v>
      </c>
      <c r="K10" s="280">
        <v>1654</v>
      </c>
      <c r="L10" s="281">
        <v>8407</v>
      </c>
      <c r="M10" s="282">
        <v>8407</v>
      </c>
      <c r="N10" s="276">
        <v>0</v>
      </c>
      <c r="O10" s="280">
        <v>0</v>
      </c>
      <c r="P10" s="277">
        <v>0</v>
      </c>
      <c r="Q10" s="279">
        <v>0</v>
      </c>
      <c r="R10" s="280">
        <v>7</v>
      </c>
      <c r="S10" s="280">
        <v>19</v>
      </c>
      <c r="T10" s="280">
        <v>43</v>
      </c>
      <c r="U10" s="280">
        <v>113</v>
      </c>
      <c r="V10" s="280">
        <v>81</v>
      </c>
      <c r="W10" s="277">
        <v>263</v>
      </c>
      <c r="X10" s="282">
        <v>263</v>
      </c>
      <c r="Y10" s="276">
        <v>14</v>
      </c>
      <c r="Z10" s="280">
        <v>35</v>
      </c>
      <c r="AA10" s="277">
        <v>49</v>
      </c>
      <c r="AB10" s="279">
        <v>0</v>
      </c>
      <c r="AC10" s="280">
        <v>545</v>
      </c>
      <c r="AD10" s="280">
        <v>504</v>
      </c>
      <c r="AE10" s="280">
        <v>359</v>
      </c>
      <c r="AF10" s="280">
        <v>308</v>
      </c>
      <c r="AG10" s="280">
        <v>234</v>
      </c>
      <c r="AH10" s="277">
        <v>1950</v>
      </c>
      <c r="AI10" s="282">
        <v>1999</v>
      </c>
      <c r="AJ10" s="276">
        <v>0</v>
      </c>
      <c r="AK10" s="280">
        <v>0</v>
      </c>
      <c r="AL10" s="277">
        <v>0</v>
      </c>
      <c r="AM10" s="279">
        <v>0</v>
      </c>
      <c r="AN10" s="280">
        <v>90</v>
      </c>
      <c r="AO10" s="280">
        <v>50</v>
      </c>
      <c r="AP10" s="280">
        <v>107</v>
      </c>
      <c r="AQ10" s="280">
        <v>65</v>
      </c>
      <c r="AR10" s="280">
        <v>9</v>
      </c>
      <c r="AS10" s="277">
        <v>321</v>
      </c>
      <c r="AT10" s="282">
        <v>321</v>
      </c>
      <c r="AU10" s="276">
        <v>0</v>
      </c>
      <c r="AV10" s="280">
        <v>0</v>
      </c>
      <c r="AW10" s="277">
        <v>0</v>
      </c>
      <c r="AX10" s="279">
        <v>0</v>
      </c>
      <c r="AY10" s="280">
        <v>1336</v>
      </c>
      <c r="AZ10" s="280">
        <v>744</v>
      </c>
      <c r="BA10" s="280">
        <v>426</v>
      </c>
      <c r="BB10" s="280">
        <v>172</v>
      </c>
      <c r="BC10" s="280">
        <v>84</v>
      </c>
      <c r="BD10" s="281">
        <v>2762</v>
      </c>
      <c r="BE10" s="282">
        <v>2762</v>
      </c>
      <c r="BF10" s="276">
        <v>0</v>
      </c>
      <c r="BG10" s="280">
        <v>0</v>
      </c>
      <c r="BH10" s="277">
        <v>0</v>
      </c>
      <c r="BI10" s="279">
        <v>0</v>
      </c>
      <c r="BJ10" s="280">
        <v>158</v>
      </c>
      <c r="BK10" s="280">
        <v>182</v>
      </c>
      <c r="BL10" s="280">
        <v>109</v>
      </c>
      <c r="BM10" s="280">
        <v>25</v>
      </c>
      <c r="BN10" s="280">
        <v>12</v>
      </c>
      <c r="BO10" s="277">
        <v>486</v>
      </c>
      <c r="BP10" s="282">
        <v>486</v>
      </c>
      <c r="BQ10" s="276">
        <v>0</v>
      </c>
      <c r="BR10" s="280">
        <v>0</v>
      </c>
      <c r="BS10" s="277">
        <v>0</v>
      </c>
      <c r="BT10" s="279">
        <v>0</v>
      </c>
      <c r="BU10" s="280">
        <v>138</v>
      </c>
      <c r="BV10" s="280">
        <v>225</v>
      </c>
      <c r="BW10" s="280">
        <v>250</v>
      </c>
      <c r="BX10" s="280">
        <v>102</v>
      </c>
      <c r="BY10" s="280">
        <v>32</v>
      </c>
      <c r="BZ10" s="277">
        <v>747</v>
      </c>
      <c r="CA10" s="282">
        <v>747</v>
      </c>
      <c r="CB10" s="276">
        <v>0</v>
      </c>
      <c r="CC10" s="280">
        <v>0</v>
      </c>
      <c r="CD10" s="277">
        <v>0</v>
      </c>
      <c r="CE10" s="279">
        <v>0</v>
      </c>
      <c r="CF10" s="280">
        <v>0</v>
      </c>
      <c r="CG10" s="280">
        <v>15</v>
      </c>
      <c r="CH10" s="280">
        <v>0</v>
      </c>
      <c r="CI10" s="280">
        <v>61</v>
      </c>
      <c r="CJ10" s="280">
        <v>4</v>
      </c>
      <c r="CK10" s="277">
        <v>80</v>
      </c>
      <c r="CL10" s="282">
        <v>80</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2">
        <v>0</v>
      </c>
      <c r="F11" s="279">
        <v>0</v>
      </c>
      <c r="G11" s="280">
        <v>335</v>
      </c>
      <c r="H11" s="280">
        <v>660</v>
      </c>
      <c r="I11" s="280">
        <v>773</v>
      </c>
      <c r="J11" s="280">
        <v>729</v>
      </c>
      <c r="K11" s="280">
        <v>492</v>
      </c>
      <c r="L11" s="281">
        <v>2989</v>
      </c>
      <c r="M11" s="282">
        <v>2989</v>
      </c>
      <c r="N11" s="276">
        <v>0</v>
      </c>
      <c r="O11" s="280">
        <v>0</v>
      </c>
      <c r="P11" s="277">
        <v>0</v>
      </c>
      <c r="Q11" s="279">
        <v>0</v>
      </c>
      <c r="R11" s="280">
        <v>0</v>
      </c>
      <c r="S11" s="280">
        <v>7</v>
      </c>
      <c r="T11" s="280">
        <v>11</v>
      </c>
      <c r="U11" s="280">
        <v>8</v>
      </c>
      <c r="V11" s="280">
        <v>20</v>
      </c>
      <c r="W11" s="277">
        <v>46</v>
      </c>
      <c r="X11" s="282">
        <v>46</v>
      </c>
      <c r="Y11" s="276">
        <v>12</v>
      </c>
      <c r="Z11" s="280">
        <v>20</v>
      </c>
      <c r="AA11" s="277">
        <v>32</v>
      </c>
      <c r="AB11" s="279">
        <v>0</v>
      </c>
      <c r="AC11" s="280">
        <v>160</v>
      </c>
      <c r="AD11" s="280">
        <v>147</v>
      </c>
      <c r="AE11" s="280">
        <v>203</v>
      </c>
      <c r="AF11" s="280">
        <v>172</v>
      </c>
      <c r="AG11" s="280">
        <v>123</v>
      </c>
      <c r="AH11" s="277">
        <v>805</v>
      </c>
      <c r="AI11" s="282">
        <v>837</v>
      </c>
      <c r="AJ11" s="276">
        <v>0</v>
      </c>
      <c r="AK11" s="280">
        <v>24</v>
      </c>
      <c r="AL11" s="277">
        <v>24</v>
      </c>
      <c r="AM11" s="279">
        <v>0</v>
      </c>
      <c r="AN11" s="280">
        <v>26</v>
      </c>
      <c r="AO11" s="280">
        <v>52</v>
      </c>
      <c r="AP11" s="280">
        <v>50</v>
      </c>
      <c r="AQ11" s="280">
        <v>34</v>
      </c>
      <c r="AR11" s="280">
        <v>0</v>
      </c>
      <c r="AS11" s="277">
        <v>162</v>
      </c>
      <c r="AT11" s="282">
        <v>186</v>
      </c>
      <c r="AU11" s="276">
        <v>0</v>
      </c>
      <c r="AV11" s="280">
        <v>0</v>
      </c>
      <c r="AW11" s="277">
        <v>0</v>
      </c>
      <c r="AX11" s="279">
        <v>0</v>
      </c>
      <c r="AY11" s="280">
        <v>266</v>
      </c>
      <c r="AZ11" s="280">
        <v>336</v>
      </c>
      <c r="BA11" s="280">
        <v>314</v>
      </c>
      <c r="BB11" s="280">
        <v>153</v>
      </c>
      <c r="BC11" s="280">
        <v>64</v>
      </c>
      <c r="BD11" s="281">
        <v>1133</v>
      </c>
      <c r="BE11" s="282">
        <v>1133</v>
      </c>
      <c r="BF11" s="276">
        <v>0</v>
      </c>
      <c r="BG11" s="280">
        <v>0</v>
      </c>
      <c r="BH11" s="277">
        <v>0</v>
      </c>
      <c r="BI11" s="279">
        <v>0</v>
      </c>
      <c r="BJ11" s="280">
        <v>80</v>
      </c>
      <c r="BK11" s="280">
        <v>75</v>
      </c>
      <c r="BL11" s="280">
        <v>55</v>
      </c>
      <c r="BM11" s="280">
        <v>28</v>
      </c>
      <c r="BN11" s="280">
        <v>0</v>
      </c>
      <c r="BO11" s="277">
        <v>238</v>
      </c>
      <c r="BP11" s="282">
        <v>238</v>
      </c>
      <c r="BQ11" s="276">
        <v>7</v>
      </c>
      <c r="BR11" s="280">
        <v>0</v>
      </c>
      <c r="BS11" s="277">
        <v>7</v>
      </c>
      <c r="BT11" s="279">
        <v>0</v>
      </c>
      <c r="BU11" s="280">
        <v>42</v>
      </c>
      <c r="BV11" s="280">
        <v>19</v>
      </c>
      <c r="BW11" s="280">
        <v>145</v>
      </c>
      <c r="BX11" s="280">
        <v>32</v>
      </c>
      <c r="BY11" s="280">
        <v>51</v>
      </c>
      <c r="BZ11" s="277">
        <v>289</v>
      </c>
      <c r="CA11" s="282">
        <v>296</v>
      </c>
      <c r="CB11" s="276">
        <v>0</v>
      </c>
      <c r="CC11" s="280">
        <v>0</v>
      </c>
      <c r="CD11" s="277">
        <v>0</v>
      </c>
      <c r="CE11" s="279">
        <v>0</v>
      </c>
      <c r="CF11" s="280">
        <v>0</v>
      </c>
      <c r="CG11" s="280">
        <v>0</v>
      </c>
      <c r="CH11" s="280">
        <v>10</v>
      </c>
      <c r="CI11" s="280">
        <v>0</v>
      </c>
      <c r="CJ11" s="280">
        <v>0</v>
      </c>
      <c r="CK11" s="277">
        <v>10</v>
      </c>
      <c r="CL11" s="282">
        <v>1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2">
        <v>0</v>
      </c>
      <c r="F12" s="279">
        <v>0</v>
      </c>
      <c r="G12" s="280">
        <v>669</v>
      </c>
      <c r="H12" s="280">
        <v>634</v>
      </c>
      <c r="I12" s="280">
        <v>1253</v>
      </c>
      <c r="J12" s="280">
        <v>1393</v>
      </c>
      <c r="K12" s="280">
        <v>1041</v>
      </c>
      <c r="L12" s="281">
        <v>4990</v>
      </c>
      <c r="M12" s="282">
        <v>4990</v>
      </c>
      <c r="N12" s="276">
        <v>0</v>
      </c>
      <c r="O12" s="280">
        <v>0</v>
      </c>
      <c r="P12" s="277">
        <v>0</v>
      </c>
      <c r="Q12" s="279">
        <v>0</v>
      </c>
      <c r="R12" s="280">
        <v>0</v>
      </c>
      <c r="S12" s="280">
        <v>12</v>
      </c>
      <c r="T12" s="280">
        <v>8</v>
      </c>
      <c r="U12" s="280">
        <v>15</v>
      </c>
      <c r="V12" s="280">
        <v>24</v>
      </c>
      <c r="W12" s="277">
        <v>59</v>
      </c>
      <c r="X12" s="282">
        <v>59</v>
      </c>
      <c r="Y12" s="276">
        <v>24</v>
      </c>
      <c r="Z12" s="280">
        <v>36</v>
      </c>
      <c r="AA12" s="277">
        <v>60</v>
      </c>
      <c r="AB12" s="279">
        <v>0</v>
      </c>
      <c r="AC12" s="280">
        <v>472</v>
      </c>
      <c r="AD12" s="280">
        <v>347</v>
      </c>
      <c r="AE12" s="280">
        <v>323</v>
      </c>
      <c r="AF12" s="280">
        <v>345</v>
      </c>
      <c r="AG12" s="280">
        <v>233</v>
      </c>
      <c r="AH12" s="277">
        <v>1720</v>
      </c>
      <c r="AI12" s="282">
        <v>1780</v>
      </c>
      <c r="AJ12" s="276">
        <v>0</v>
      </c>
      <c r="AK12" s="280">
        <v>0</v>
      </c>
      <c r="AL12" s="277">
        <v>0</v>
      </c>
      <c r="AM12" s="279">
        <v>0</v>
      </c>
      <c r="AN12" s="280">
        <v>0</v>
      </c>
      <c r="AO12" s="280">
        <v>70</v>
      </c>
      <c r="AP12" s="280">
        <v>45</v>
      </c>
      <c r="AQ12" s="280">
        <v>83</v>
      </c>
      <c r="AR12" s="280">
        <v>12</v>
      </c>
      <c r="AS12" s="277">
        <v>210</v>
      </c>
      <c r="AT12" s="282">
        <v>210</v>
      </c>
      <c r="AU12" s="276">
        <v>0</v>
      </c>
      <c r="AV12" s="280">
        <v>0</v>
      </c>
      <c r="AW12" s="277">
        <v>0</v>
      </c>
      <c r="AX12" s="279">
        <v>0</v>
      </c>
      <c r="AY12" s="280">
        <v>283</v>
      </c>
      <c r="AZ12" s="280">
        <v>387</v>
      </c>
      <c r="BA12" s="280">
        <v>264</v>
      </c>
      <c r="BB12" s="280">
        <v>122</v>
      </c>
      <c r="BC12" s="280">
        <v>25</v>
      </c>
      <c r="BD12" s="281">
        <v>1081</v>
      </c>
      <c r="BE12" s="282">
        <v>1081</v>
      </c>
      <c r="BF12" s="276">
        <v>0</v>
      </c>
      <c r="BG12" s="280">
        <v>0</v>
      </c>
      <c r="BH12" s="277">
        <v>0</v>
      </c>
      <c r="BI12" s="279">
        <v>0</v>
      </c>
      <c r="BJ12" s="280">
        <v>155</v>
      </c>
      <c r="BK12" s="280">
        <v>87</v>
      </c>
      <c r="BL12" s="280">
        <v>129</v>
      </c>
      <c r="BM12" s="280">
        <v>43</v>
      </c>
      <c r="BN12" s="280">
        <v>14</v>
      </c>
      <c r="BO12" s="277">
        <v>428</v>
      </c>
      <c r="BP12" s="282">
        <v>428</v>
      </c>
      <c r="BQ12" s="276">
        <v>0</v>
      </c>
      <c r="BR12" s="280">
        <v>0</v>
      </c>
      <c r="BS12" s="277">
        <v>0</v>
      </c>
      <c r="BT12" s="279">
        <v>0</v>
      </c>
      <c r="BU12" s="280">
        <v>78</v>
      </c>
      <c r="BV12" s="280">
        <v>43</v>
      </c>
      <c r="BW12" s="280">
        <v>97</v>
      </c>
      <c r="BX12" s="280">
        <v>107</v>
      </c>
      <c r="BY12" s="280">
        <v>19</v>
      </c>
      <c r="BZ12" s="277">
        <v>344</v>
      </c>
      <c r="CA12" s="282">
        <v>344</v>
      </c>
      <c r="CB12" s="276">
        <v>0</v>
      </c>
      <c r="CC12" s="280">
        <v>0</v>
      </c>
      <c r="CD12" s="277">
        <v>0</v>
      </c>
      <c r="CE12" s="279">
        <v>0</v>
      </c>
      <c r="CF12" s="280">
        <v>0</v>
      </c>
      <c r="CG12" s="280">
        <v>13</v>
      </c>
      <c r="CH12" s="280">
        <v>48</v>
      </c>
      <c r="CI12" s="280">
        <v>13</v>
      </c>
      <c r="CJ12" s="280">
        <v>0</v>
      </c>
      <c r="CK12" s="277">
        <v>74</v>
      </c>
      <c r="CL12" s="282">
        <v>74</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2">
        <v>0</v>
      </c>
      <c r="F13" s="279">
        <v>0</v>
      </c>
      <c r="G13" s="280">
        <v>1414</v>
      </c>
      <c r="H13" s="280">
        <v>1257</v>
      </c>
      <c r="I13" s="280">
        <v>892</v>
      </c>
      <c r="J13" s="280">
        <v>1650</v>
      </c>
      <c r="K13" s="280">
        <v>1342</v>
      </c>
      <c r="L13" s="281">
        <v>6555</v>
      </c>
      <c r="M13" s="282">
        <v>6555</v>
      </c>
      <c r="N13" s="276">
        <v>0</v>
      </c>
      <c r="O13" s="280">
        <v>0</v>
      </c>
      <c r="P13" s="277">
        <v>0</v>
      </c>
      <c r="Q13" s="279">
        <v>0</v>
      </c>
      <c r="R13" s="280">
        <v>4</v>
      </c>
      <c r="S13" s="280">
        <v>3</v>
      </c>
      <c r="T13" s="280">
        <v>7</v>
      </c>
      <c r="U13" s="280">
        <v>53</v>
      </c>
      <c r="V13" s="280">
        <v>63</v>
      </c>
      <c r="W13" s="277">
        <v>130</v>
      </c>
      <c r="X13" s="282">
        <v>130</v>
      </c>
      <c r="Y13" s="276">
        <v>65</v>
      </c>
      <c r="Z13" s="280">
        <v>122</v>
      </c>
      <c r="AA13" s="277">
        <v>187</v>
      </c>
      <c r="AB13" s="279">
        <v>0</v>
      </c>
      <c r="AC13" s="280">
        <v>628</v>
      </c>
      <c r="AD13" s="280">
        <v>384</v>
      </c>
      <c r="AE13" s="280">
        <v>323</v>
      </c>
      <c r="AF13" s="280">
        <v>308</v>
      </c>
      <c r="AG13" s="280">
        <v>139</v>
      </c>
      <c r="AH13" s="277">
        <v>1782</v>
      </c>
      <c r="AI13" s="282">
        <v>1969</v>
      </c>
      <c r="AJ13" s="276">
        <v>26</v>
      </c>
      <c r="AK13" s="280">
        <v>22</v>
      </c>
      <c r="AL13" s="277">
        <v>48</v>
      </c>
      <c r="AM13" s="279">
        <v>0</v>
      </c>
      <c r="AN13" s="280">
        <v>125</v>
      </c>
      <c r="AO13" s="280">
        <v>99</v>
      </c>
      <c r="AP13" s="280">
        <v>26</v>
      </c>
      <c r="AQ13" s="280">
        <v>46</v>
      </c>
      <c r="AR13" s="280">
        <v>59</v>
      </c>
      <c r="AS13" s="277">
        <v>355</v>
      </c>
      <c r="AT13" s="282">
        <v>403</v>
      </c>
      <c r="AU13" s="276">
        <v>0</v>
      </c>
      <c r="AV13" s="280">
        <v>0</v>
      </c>
      <c r="AW13" s="277">
        <v>0</v>
      </c>
      <c r="AX13" s="279">
        <v>0</v>
      </c>
      <c r="AY13" s="280">
        <v>1043</v>
      </c>
      <c r="AZ13" s="280">
        <v>694</v>
      </c>
      <c r="BA13" s="280">
        <v>442</v>
      </c>
      <c r="BB13" s="280">
        <v>193</v>
      </c>
      <c r="BC13" s="280">
        <v>111</v>
      </c>
      <c r="BD13" s="281">
        <v>2483</v>
      </c>
      <c r="BE13" s="282">
        <v>2483</v>
      </c>
      <c r="BF13" s="276">
        <v>0</v>
      </c>
      <c r="BG13" s="280">
        <v>0</v>
      </c>
      <c r="BH13" s="277">
        <v>0</v>
      </c>
      <c r="BI13" s="279">
        <v>0</v>
      </c>
      <c r="BJ13" s="280">
        <v>174</v>
      </c>
      <c r="BK13" s="280">
        <v>66</v>
      </c>
      <c r="BL13" s="280">
        <v>34</v>
      </c>
      <c r="BM13" s="280">
        <v>29</v>
      </c>
      <c r="BN13" s="280">
        <v>16</v>
      </c>
      <c r="BO13" s="277">
        <v>319</v>
      </c>
      <c r="BP13" s="282">
        <v>319</v>
      </c>
      <c r="BQ13" s="276">
        <v>3</v>
      </c>
      <c r="BR13" s="280">
        <v>3</v>
      </c>
      <c r="BS13" s="277">
        <v>6</v>
      </c>
      <c r="BT13" s="279">
        <v>0</v>
      </c>
      <c r="BU13" s="280">
        <v>62</v>
      </c>
      <c r="BV13" s="280">
        <v>118</v>
      </c>
      <c r="BW13" s="280">
        <v>166</v>
      </c>
      <c r="BX13" s="280">
        <v>239</v>
      </c>
      <c r="BY13" s="280">
        <v>93</v>
      </c>
      <c r="BZ13" s="277">
        <v>678</v>
      </c>
      <c r="CA13" s="282">
        <v>684</v>
      </c>
      <c r="CB13" s="276">
        <v>0</v>
      </c>
      <c r="CC13" s="280">
        <v>0</v>
      </c>
      <c r="CD13" s="277">
        <v>0</v>
      </c>
      <c r="CE13" s="279">
        <v>0</v>
      </c>
      <c r="CF13" s="280">
        <v>48</v>
      </c>
      <c r="CG13" s="280">
        <v>11</v>
      </c>
      <c r="CH13" s="280">
        <v>15</v>
      </c>
      <c r="CI13" s="280">
        <v>3</v>
      </c>
      <c r="CJ13" s="280">
        <v>4</v>
      </c>
      <c r="CK13" s="277">
        <v>81</v>
      </c>
      <c r="CL13" s="282">
        <v>81</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2">
        <v>0</v>
      </c>
      <c r="F14" s="279">
        <v>0</v>
      </c>
      <c r="G14" s="280">
        <v>67</v>
      </c>
      <c r="H14" s="280">
        <v>185</v>
      </c>
      <c r="I14" s="280">
        <v>479</v>
      </c>
      <c r="J14" s="280">
        <v>479</v>
      </c>
      <c r="K14" s="280">
        <v>467</v>
      </c>
      <c r="L14" s="281">
        <v>1677</v>
      </c>
      <c r="M14" s="282">
        <v>1677</v>
      </c>
      <c r="N14" s="276">
        <v>0</v>
      </c>
      <c r="O14" s="280">
        <v>0</v>
      </c>
      <c r="P14" s="277">
        <v>0</v>
      </c>
      <c r="Q14" s="279">
        <v>0</v>
      </c>
      <c r="R14" s="280">
        <v>1</v>
      </c>
      <c r="S14" s="280">
        <v>5</v>
      </c>
      <c r="T14" s="280">
        <v>14</v>
      </c>
      <c r="U14" s="280">
        <v>30</v>
      </c>
      <c r="V14" s="280">
        <v>20</v>
      </c>
      <c r="W14" s="277">
        <v>70</v>
      </c>
      <c r="X14" s="282">
        <v>70</v>
      </c>
      <c r="Y14" s="276">
        <v>16</v>
      </c>
      <c r="Z14" s="280">
        <v>45</v>
      </c>
      <c r="AA14" s="277">
        <v>61</v>
      </c>
      <c r="AB14" s="279">
        <v>0</v>
      </c>
      <c r="AC14" s="280">
        <v>202</v>
      </c>
      <c r="AD14" s="280">
        <v>138</v>
      </c>
      <c r="AE14" s="280">
        <v>139</v>
      </c>
      <c r="AF14" s="280">
        <v>161</v>
      </c>
      <c r="AG14" s="280">
        <v>62</v>
      </c>
      <c r="AH14" s="277">
        <v>702</v>
      </c>
      <c r="AI14" s="282">
        <v>763</v>
      </c>
      <c r="AJ14" s="276">
        <v>0</v>
      </c>
      <c r="AK14" s="280">
        <v>21</v>
      </c>
      <c r="AL14" s="277">
        <v>21</v>
      </c>
      <c r="AM14" s="279">
        <v>0</v>
      </c>
      <c r="AN14" s="280">
        <v>35</v>
      </c>
      <c r="AO14" s="280">
        <v>14</v>
      </c>
      <c r="AP14" s="280">
        <v>0</v>
      </c>
      <c r="AQ14" s="280">
        <v>59</v>
      </c>
      <c r="AR14" s="280">
        <v>16</v>
      </c>
      <c r="AS14" s="277">
        <v>124</v>
      </c>
      <c r="AT14" s="282">
        <v>145</v>
      </c>
      <c r="AU14" s="276">
        <v>0</v>
      </c>
      <c r="AV14" s="280">
        <v>0</v>
      </c>
      <c r="AW14" s="277">
        <v>0</v>
      </c>
      <c r="AX14" s="279">
        <v>0</v>
      </c>
      <c r="AY14" s="280">
        <v>291</v>
      </c>
      <c r="AZ14" s="280">
        <v>194</v>
      </c>
      <c r="BA14" s="280">
        <v>213</v>
      </c>
      <c r="BB14" s="280">
        <v>153</v>
      </c>
      <c r="BC14" s="280">
        <v>16</v>
      </c>
      <c r="BD14" s="281">
        <v>867</v>
      </c>
      <c r="BE14" s="282">
        <v>867</v>
      </c>
      <c r="BF14" s="276">
        <v>0</v>
      </c>
      <c r="BG14" s="280">
        <v>0</v>
      </c>
      <c r="BH14" s="277">
        <v>0</v>
      </c>
      <c r="BI14" s="279">
        <v>0</v>
      </c>
      <c r="BJ14" s="280">
        <v>131</v>
      </c>
      <c r="BK14" s="280">
        <v>105</v>
      </c>
      <c r="BL14" s="280">
        <v>41</v>
      </c>
      <c r="BM14" s="280">
        <v>84</v>
      </c>
      <c r="BN14" s="280">
        <v>7</v>
      </c>
      <c r="BO14" s="277">
        <v>368</v>
      </c>
      <c r="BP14" s="282">
        <v>368</v>
      </c>
      <c r="BQ14" s="276">
        <v>0</v>
      </c>
      <c r="BR14" s="280">
        <v>0</v>
      </c>
      <c r="BS14" s="277">
        <v>0</v>
      </c>
      <c r="BT14" s="279">
        <v>0</v>
      </c>
      <c r="BU14" s="280">
        <v>50</v>
      </c>
      <c r="BV14" s="280">
        <v>52</v>
      </c>
      <c r="BW14" s="280">
        <v>170</v>
      </c>
      <c r="BX14" s="280">
        <v>58</v>
      </c>
      <c r="BY14" s="280">
        <v>0</v>
      </c>
      <c r="BZ14" s="277">
        <v>330</v>
      </c>
      <c r="CA14" s="282">
        <v>330</v>
      </c>
      <c r="CB14" s="276">
        <v>0</v>
      </c>
      <c r="CC14" s="280">
        <v>0</v>
      </c>
      <c r="CD14" s="277">
        <v>0</v>
      </c>
      <c r="CE14" s="279">
        <v>0</v>
      </c>
      <c r="CF14" s="280">
        <v>15</v>
      </c>
      <c r="CG14" s="280">
        <v>10</v>
      </c>
      <c r="CH14" s="280">
        <v>4</v>
      </c>
      <c r="CI14" s="280">
        <v>0</v>
      </c>
      <c r="CJ14" s="280">
        <v>0</v>
      </c>
      <c r="CK14" s="277">
        <v>29</v>
      </c>
      <c r="CL14" s="282">
        <v>29</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2">
        <v>0</v>
      </c>
      <c r="F15" s="279">
        <v>0</v>
      </c>
      <c r="G15" s="280">
        <v>503</v>
      </c>
      <c r="H15" s="280">
        <v>500</v>
      </c>
      <c r="I15" s="280">
        <v>562</v>
      </c>
      <c r="J15" s="280">
        <v>1506</v>
      </c>
      <c r="K15" s="280">
        <v>553</v>
      </c>
      <c r="L15" s="281">
        <v>3624</v>
      </c>
      <c r="M15" s="282">
        <v>3624</v>
      </c>
      <c r="N15" s="276">
        <v>0</v>
      </c>
      <c r="O15" s="280">
        <v>0</v>
      </c>
      <c r="P15" s="277">
        <v>0</v>
      </c>
      <c r="Q15" s="279">
        <v>0</v>
      </c>
      <c r="R15" s="280">
        <v>0</v>
      </c>
      <c r="S15" s="280">
        <v>4</v>
      </c>
      <c r="T15" s="280">
        <v>9</v>
      </c>
      <c r="U15" s="280">
        <v>10</v>
      </c>
      <c r="V15" s="280">
        <v>15</v>
      </c>
      <c r="W15" s="277">
        <v>38</v>
      </c>
      <c r="X15" s="282">
        <v>38</v>
      </c>
      <c r="Y15" s="276">
        <v>64</v>
      </c>
      <c r="Z15" s="280">
        <v>99</v>
      </c>
      <c r="AA15" s="277">
        <v>163</v>
      </c>
      <c r="AB15" s="279">
        <v>0</v>
      </c>
      <c r="AC15" s="280">
        <v>148</v>
      </c>
      <c r="AD15" s="280">
        <v>291</v>
      </c>
      <c r="AE15" s="280">
        <v>219</v>
      </c>
      <c r="AF15" s="280">
        <v>121</v>
      </c>
      <c r="AG15" s="280">
        <v>97</v>
      </c>
      <c r="AH15" s="277">
        <v>876</v>
      </c>
      <c r="AI15" s="282">
        <v>1039</v>
      </c>
      <c r="AJ15" s="276">
        <v>0</v>
      </c>
      <c r="AK15" s="280">
        <v>0</v>
      </c>
      <c r="AL15" s="277">
        <v>0</v>
      </c>
      <c r="AM15" s="279">
        <v>0</v>
      </c>
      <c r="AN15" s="280">
        <v>22</v>
      </c>
      <c r="AO15" s="280">
        <v>61</v>
      </c>
      <c r="AP15" s="280">
        <v>18</v>
      </c>
      <c r="AQ15" s="280">
        <v>18</v>
      </c>
      <c r="AR15" s="280">
        <v>0</v>
      </c>
      <c r="AS15" s="277">
        <v>119</v>
      </c>
      <c r="AT15" s="282">
        <v>119</v>
      </c>
      <c r="AU15" s="276">
        <v>0</v>
      </c>
      <c r="AV15" s="280">
        <v>0</v>
      </c>
      <c r="AW15" s="277">
        <v>0</v>
      </c>
      <c r="AX15" s="279">
        <v>0</v>
      </c>
      <c r="AY15" s="280">
        <v>430</v>
      </c>
      <c r="AZ15" s="280">
        <v>275</v>
      </c>
      <c r="BA15" s="280">
        <v>155</v>
      </c>
      <c r="BB15" s="280">
        <v>83</v>
      </c>
      <c r="BC15" s="280">
        <v>0</v>
      </c>
      <c r="BD15" s="281">
        <v>943</v>
      </c>
      <c r="BE15" s="282">
        <v>943</v>
      </c>
      <c r="BF15" s="276">
        <v>0</v>
      </c>
      <c r="BG15" s="280">
        <v>0</v>
      </c>
      <c r="BH15" s="277">
        <v>0</v>
      </c>
      <c r="BI15" s="279">
        <v>0</v>
      </c>
      <c r="BJ15" s="280">
        <v>58</v>
      </c>
      <c r="BK15" s="280">
        <v>109</v>
      </c>
      <c r="BL15" s="280">
        <v>87</v>
      </c>
      <c r="BM15" s="280">
        <v>63</v>
      </c>
      <c r="BN15" s="280">
        <v>21</v>
      </c>
      <c r="BO15" s="277">
        <v>338</v>
      </c>
      <c r="BP15" s="282">
        <v>338</v>
      </c>
      <c r="BQ15" s="276">
        <v>5</v>
      </c>
      <c r="BR15" s="280">
        <v>9</v>
      </c>
      <c r="BS15" s="277">
        <v>14</v>
      </c>
      <c r="BT15" s="279">
        <v>0</v>
      </c>
      <c r="BU15" s="280">
        <v>107</v>
      </c>
      <c r="BV15" s="280">
        <v>41</v>
      </c>
      <c r="BW15" s="280">
        <v>38</v>
      </c>
      <c r="BX15" s="280">
        <v>47</v>
      </c>
      <c r="BY15" s="280">
        <v>2</v>
      </c>
      <c r="BZ15" s="277">
        <v>235</v>
      </c>
      <c r="CA15" s="282">
        <v>249</v>
      </c>
      <c r="CB15" s="276">
        <v>0</v>
      </c>
      <c r="CC15" s="280">
        <v>0</v>
      </c>
      <c r="CD15" s="277">
        <v>0</v>
      </c>
      <c r="CE15" s="279">
        <v>0</v>
      </c>
      <c r="CF15" s="280">
        <v>0</v>
      </c>
      <c r="CG15" s="280">
        <v>7</v>
      </c>
      <c r="CH15" s="280">
        <v>10</v>
      </c>
      <c r="CI15" s="280">
        <v>0</v>
      </c>
      <c r="CJ15" s="280">
        <v>0</v>
      </c>
      <c r="CK15" s="277">
        <v>17</v>
      </c>
      <c r="CL15" s="282">
        <v>17</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2">
        <v>0</v>
      </c>
      <c r="F16" s="279">
        <v>0</v>
      </c>
      <c r="G16" s="280">
        <v>165</v>
      </c>
      <c r="H16" s="280">
        <v>285</v>
      </c>
      <c r="I16" s="280">
        <v>227</v>
      </c>
      <c r="J16" s="280">
        <v>483</v>
      </c>
      <c r="K16" s="280">
        <v>334</v>
      </c>
      <c r="L16" s="281">
        <v>1494</v>
      </c>
      <c r="M16" s="282">
        <v>1494</v>
      </c>
      <c r="N16" s="276">
        <v>0</v>
      </c>
      <c r="O16" s="280">
        <v>0</v>
      </c>
      <c r="P16" s="277">
        <v>0</v>
      </c>
      <c r="Q16" s="279">
        <v>0</v>
      </c>
      <c r="R16" s="280">
        <v>0</v>
      </c>
      <c r="S16" s="280">
        <v>0</v>
      </c>
      <c r="T16" s="280">
        <v>1</v>
      </c>
      <c r="U16" s="280">
        <v>1</v>
      </c>
      <c r="V16" s="280">
        <v>33</v>
      </c>
      <c r="W16" s="277">
        <v>35</v>
      </c>
      <c r="X16" s="282">
        <v>35</v>
      </c>
      <c r="Y16" s="276">
        <v>10</v>
      </c>
      <c r="Z16" s="280">
        <v>19</v>
      </c>
      <c r="AA16" s="277">
        <v>29</v>
      </c>
      <c r="AB16" s="279">
        <v>0</v>
      </c>
      <c r="AC16" s="280">
        <v>82</v>
      </c>
      <c r="AD16" s="280">
        <v>87</v>
      </c>
      <c r="AE16" s="280">
        <v>102</v>
      </c>
      <c r="AF16" s="280">
        <v>67</v>
      </c>
      <c r="AG16" s="280">
        <v>91</v>
      </c>
      <c r="AH16" s="277">
        <v>429</v>
      </c>
      <c r="AI16" s="282">
        <v>458</v>
      </c>
      <c r="AJ16" s="276">
        <v>0</v>
      </c>
      <c r="AK16" s="280">
        <v>10</v>
      </c>
      <c r="AL16" s="277">
        <v>10</v>
      </c>
      <c r="AM16" s="279">
        <v>0</v>
      </c>
      <c r="AN16" s="280">
        <v>31</v>
      </c>
      <c r="AO16" s="280">
        <v>0</v>
      </c>
      <c r="AP16" s="280">
        <v>0</v>
      </c>
      <c r="AQ16" s="280">
        <v>26</v>
      </c>
      <c r="AR16" s="280">
        <v>0</v>
      </c>
      <c r="AS16" s="277">
        <v>57</v>
      </c>
      <c r="AT16" s="282">
        <v>67</v>
      </c>
      <c r="AU16" s="276">
        <v>0</v>
      </c>
      <c r="AV16" s="280">
        <v>0</v>
      </c>
      <c r="AW16" s="277">
        <v>0</v>
      </c>
      <c r="AX16" s="279">
        <v>0</v>
      </c>
      <c r="AY16" s="280">
        <v>121</v>
      </c>
      <c r="AZ16" s="280">
        <v>154</v>
      </c>
      <c r="BA16" s="280">
        <v>123</v>
      </c>
      <c r="BB16" s="280">
        <v>38</v>
      </c>
      <c r="BC16" s="280">
        <v>40</v>
      </c>
      <c r="BD16" s="281">
        <v>476</v>
      </c>
      <c r="BE16" s="282">
        <v>476</v>
      </c>
      <c r="BF16" s="276">
        <v>0</v>
      </c>
      <c r="BG16" s="280">
        <v>0</v>
      </c>
      <c r="BH16" s="277">
        <v>0</v>
      </c>
      <c r="BI16" s="279">
        <v>0</v>
      </c>
      <c r="BJ16" s="280">
        <v>4</v>
      </c>
      <c r="BK16" s="280">
        <v>32</v>
      </c>
      <c r="BL16" s="280">
        <v>13</v>
      </c>
      <c r="BM16" s="280">
        <v>43</v>
      </c>
      <c r="BN16" s="280">
        <v>8</v>
      </c>
      <c r="BO16" s="277">
        <v>100</v>
      </c>
      <c r="BP16" s="282">
        <v>100</v>
      </c>
      <c r="BQ16" s="276">
        <v>0</v>
      </c>
      <c r="BR16" s="280">
        <v>0</v>
      </c>
      <c r="BS16" s="277">
        <v>0</v>
      </c>
      <c r="BT16" s="279">
        <v>0</v>
      </c>
      <c r="BU16" s="280">
        <v>21</v>
      </c>
      <c r="BV16" s="280">
        <v>34</v>
      </c>
      <c r="BW16" s="280">
        <v>26</v>
      </c>
      <c r="BX16" s="280">
        <v>30</v>
      </c>
      <c r="BY16" s="280">
        <v>10</v>
      </c>
      <c r="BZ16" s="277">
        <v>121</v>
      </c>
      <c r="CA16" s="282">
        <v>121</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2">
        <v>0</v>
      </c>
      <c r="F17" s="279">
        <v>0</v>
      </c>
      <c r="G17" s="280">
        <v>52</v>
      </c>
      <c r="H17" s="280">
        <v>84</v>
      </c>
      <c r="I17" s="280">
        <v>128</v>
      </c>
      <c r="J17" s="280">
        <v>175</v>
      </c>
      <c r="K17" s="280">
        <v>108</v>
      </c>
      <c r="L17" s="281">
        <v>547</v>
      </c>
      <c r="M17" s="282">
        <v>547</v>
      </c>
      <c r="N17" s="276">
        <v>0</v>
      </c>
      <c r="O17" s="280">
        <v>0</v>
      </c>
      <c r="P17" s="277">
        <v>0</v>
      </c>
      <c r="Q17" s="279">
        <v>0</v>
      </c>
      <c r="R17" s="280">
        <v>0</v>
      </c>
      <c r="S17" s="280">
        <v>0</v>
      </c>
      <c r="T17" s="280">
        <v>0</v>
      </c>
      <c r="U17" s="280">
        <v>5</v>
      </c>
      <c r="V17" s="280">
        <v>0</v>
      </c>
      <c r="W17" s="277">
        <v>5</v>
      </c>
      <c r="X17" s="282">
        <v>5</v>
      </c>
      <c r="Y17" s="276">
        <v>0</v>
      </c>
      <c r="Z17" s="280">
        <v>6</v>
      </c>
      <c r="AA17" s="277">
        <v>6</v>
      </c>
      <c r="AB17" s="279">
        <v>0</v>
      </c>
      <c r="AC17" s="280">
        <v>23</v>
      </c>
      <c r="AD17" s="280">
        <v>26</v>
      </c>
      <c r="AE17" s="280">
        <v>19</v>
      </c>
      <c r="AF17" s="280">
        <v>29</v>
      </c>
      <c r="AG17" s="280">
        <v>0</v>
      </c>
      <c r="AH17" s="277">
        <v>97</v>
      </c>
      <c r="AI17" s="282">
        <v>103</v>
      </c>
      <c r="AJ17" s="276">
        <v>0</v>
      </c>
      <c r="AK17" s="280">
        <v>0</v>
      </c>
      <c r="AL17" s="277">
        <v>0</v>
      </c>
      <c r="AM17" s="279">
        <v>0</v>
      </c>
      <c r="AN17" s="280">
        <v>10</v>
      </c>
      <c r="AO17" s="280">
        <v>24</v>
      </c>
      <c r="AP17" s="280">
        <v>0</v>
      </c>
      <c r="AQ17" s="280">
        <v>0</v>
      </c>
      <c r="AR17" s="280">
        <v>3</v>
      </c>
      <c r="AS17" s="277">
        <v>37</v>
      </c>
      <c r="AT17" s="282">
        <v>37</v>
      </c>
      <c r="AU17" s="276">
        <v>0</v>
      </c>
      <c r="AV17" s="280">
        <v>0</v>
      </c>
      <c r="AW17" s="277">
        <v>0</v>
      </c>
      <c r="AX17" s="279">
        <v>0</v>
      </c>
      <c r="AY17" s="280">
        <v>49</v>
      </c>
      <c r="AZ17" s="280">
        <v>33</v>
      </c>
      <c r="BA17" s="280">
        <v>43</v>
      </c>
      <c r="BB17" s="280">
        <v>9</v>
      </c>
      <c r="BC17" s="280">
        <v>0</v>
      </c>
      <c r="BD17" s="281">
        <v>134</v>
      </c>
      <c r="BE17" s="282">
        <v>134</v>
      </c>
      <c r="BF17" s="276">
        <v>0</v>
      </c>
      <c r="BG17" s="280">
        <v>0</v>
      </c>
      <c r="BH17" s="277">
        <v>0</v>
      </c>
      <c r="BI17" s="279">
        <v>0</v>
      </c>
      <c r="BJ17" s="280">
        <v>0</v>
      </c>
      <c r="BK17" s="280">
        <v>22</v>
      </c>
      <c r="BL17" s="280">
        <v>26</v>
      </c>
      <c r="BM17" s="280">
        <v>8</v>
      </c>
      <c r="BN17" s="280">
        <v>0</v>
      </c>
      <c r="BO17" s="277">
        <v>56</v>
      </c>
      <c r="BP17" s="282">
        <v>56</v>
      </c>
      <c r="BQ17" s="276">
        <v>0</v>
      </c>
      <c r="BR17" s="280">
        <v>0</v>
      </c>
      <c r="BS17" s="277">
        <v>0</v>
      </c>
      <c r="BT17" s="279">
        <v>0</v>
      </c>
      <c r="BU17" s="280">
        <v>0</v>
      </c>
      <c r="BV17" s="280">
        <v>34</v>
      </c>
      <c r="BW17" s="280">
        <v>0</v>
      </c>
      <c r="BX17" s="280">
        <v>60</v>
      </c>
      <c r="BY17" s="280">
        <v>46</v>
      </c>
      <c r="BZ17" s="277">
        <v>140</v>
      </c>
      <c r="CA17" s="282">
        <v>140</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2">
        <v>0</v>
      </c>
      <c r="F18" s="279">
        <v>0</v>
      </c>
      <c r="G18" s="280">
        <v>149</v>
      </c>
      <c r="H18" s="280">
        <v>70</v>
      </c>
      <c r="I18" s="280">
        <v>60</v>
      </c>
      <c r="J18" s="280">
        <v>151</v>
      </c>
      <c r="K18" s="280">
        <v>97</v>
      </c>
      <c r="L18" s="281">
        <v>527</v>
      </c>
      <c r="M18" s="282">
        <v>527</v>
      </c>
      <c r="N18" s="276">
        <v>0</v>
      </c>
      <c r="O18" s="280">
        <v>0</v>
      </c>
      <c r="P18" s="277">
        <v>0</v>
      </c>
      <c r="Q18" s="279">
        <v>0</v>
      </c>
      <c r="R18" s="280">
        <v>0</v>
      </c>
      <c r="S18" s="280">
        <v>0</v>
      </c>
      <c r="T18" s="280">
        <v>0</v>
      </c>
      <c r="U18" s="280">
        <v>4</v>
      </c>
      <c r="V18" s="280">
        <v>18</v>
      </c>
      <c r="W18" s="277">
        <v>22</v>
      </c>
      <c r="X18" s="282">
        <v>22</v>
      </c>
      <c r="Y18" s="276">
        <v>8</v>
      </c>
      <c r="Z18" s="280">
        <v>37</v>
      </c>
      <c r="AA18" s="277">
        <v>45</v>
      </c>
      <c r="AB18" s="279">
        <v>0</v>
      </c>
      <c r="AC18" s="280">
        <v>99</v>
      </c>
      <c r="AD18" s="280">
        <v>93</v>
      </c>
      <c r="AE18" s="280">
        <v>61</v>
      </c>
      <c r="AF18" s="280">
        <v>167</v>
      </c>
      <c r="AG18" s="280">
        <v>44</v>
      </c>
      <c r="AH18" s="277">
        <v>464</v>
      </c>
      <c r="AI18" s="282">
        <v>509</v>
      </c>
      <c r="AJ18" s="276">
        <v>0</v>
      </c>
      <c r="AK18" s="280">
        <v>30</v>
      </c>
      <c r="AL18" s="277">
        <v>30</v>
      </c>
      <c r="AM18" s="279">
        <v>0</v>
      </c>
      <c r="AN18" s="280">
        <v>0</v>
      </c>
      <c r="AO18" s="280">
        <v>35</v>
      </c>
      <c r="AP18" s="280">
        <v>0</v>
      </c>
      <c r="AQ18" s="280">
        <v>0</v>
      </c>
      <c r="AR18" s="280">
        <v>0</v>
      </c>
      <c r="AS18" s="277">
        <v>35</v>
      </c>
      <c r="AT18" s="282">
        <v>65</v>
      </c>
      <c r="AU18" s="276">
        <v>0</v>
      </c>
      <c r="AV18" s="280">
        <v>0</v>
      </c>
      <c r="AW18" s="277">
        <v>0</v>
      </c>
      <c r="AX18" s="279">
        <v>0</v>
      </c>
      <c r="AY18" s="280">
        <v>183</v>
      </c>
      <c r="AZ18" s="280">
        <v>248</v>
      </c>
      <c r="BA18" s="280">
        <v>56</v>
      </c>
      <c r="BB18" s="280">
        <v>67</v>
      </c>
      <c r="BC18" s="280">
        <v>0</v>
      </c>
      <c r="BD18" s="281">
        <v>554</v>
      </c>
      <c r="BE18" s="282">
        <v>554</v>
      </c>
      <c r="BF18" s="276">
        <v>0</v>
      </c>
      <c r="BG18" s="280">
        <v>0</v>
      </c>
      <c r="BH18" s="277">
        <v>0</v>
      </c>
      <c r="BI18" s="279">
        <v>0</v>
      </c>
      <c r="BJ18" s="280">
        <v>137</v>
      </c>
      <c r="BK18" s="280">
        <v>255</v>
      </c>
      <c r="BL18" s="280">
        <v>29</v>
      </c>
      <c r="BM18" s="280">
        <v>12</v>
      </c>
      <c r="BN18" s="280">
        <v>0</v>
      </c>
      <c r="BO18" s="277">
        <v>433</v>
      </c>
      <c r="BP18" s="282">
        <v>433</v>
      </c>
      <c r="BQ18" s="276">
        <v>0</v>
      </c>
      <c r="BR18" s="280">
        <v>0</v>
      </c>
      <c r="BS18" s="277">
        <v>0</v>
      </c>
      <c r="BT18" s="279">
        <v>0</v>
      </c>
      <c r="BU18" s="280">
        <v>7</v>
      </c>
      <c r="BV18" s="280">
        <v>-15</v>
      </c>
      <c r="BW18" s="280">
        <v>13</v>
      </c>
      <c r="BX18" s="280">
        <v>3</v>
      </c>
      <c r="BY18" s="280">
        <v>8</v>
      </c>
      <c r="BZ18" s="277">
        <v>16</v>
      </c>
      <c r="CA18" s="282">
        <v>16</v>
      </c>
      <c r="CB18" s="276">
        <v>0</v>
      </c>
      <c r="CC18" s="280">
        <v>0</v>
      </c>
      <c r="CD18" s="277">
        <v>0</v>
      </c>
      <c r="CE18" s="279">
        <v>0</v>
      </c>
      <c r="CF18" s="280">
        <v>2</v>
      </c>
      <c r="CG18" s="280">
        <v>11</v>
      </c>
      <c r="CH18" s="280">
        <v>2</v>
      </c>
      <c r="CI18" s="280">
        <v>3</v>
      </c>
      <c r="CJ18" s="280">
        <v>0</v>
      </c>
      <c r="CK18" s="277">
        <v>18</v>
      </c>
      <c r="CL18" s="282">
        <v>18</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2">
        <v>0</v>
      </c>
      <c r="F19" s="279">
        <v>0</v>
      </c>
      <c r="G19" s="280">
        <v>257</v>
      </c>
      <c r="H19" s="280">
        <v>219</v>
      </c>
      <c r="I19" s="280">
        <v>470</v>
      </c>
      <c r="J19" s="280">
        <v>13</v>
      </c>
      <c r="K19" s="280">
        <v>527</v>
      </c>
      <c r="L19" s="281">
        <v>1486</v>
      </c>
      <c r="M19" s="282">
        <v>1486</v>
      </c>
      <c r="N19" s="276">
        <v>0</v>
      </c>
      <c r="O19" s="280">
        <v>0</v>
      </c>
      <c r="P19" s="277">
        <v>0</v>
      </c>
      <c r="Q19" s="279">
        <v>0</v>
      </c>
      <c r="R19" s="280">
        <v>0</v>
      </c>
      <c r="S19" s="280">
        <v>0</v>
      </c>
      <c r="T19" s="280">
        <v>0</v>
      </c>
      <c r="U19" s="280">
        <v>2</v>
      </c>
      <c r="V19" s="280">
        <v>15</v>
      </c>
      <c r="W19" s="277">
        <v>17</v>
      </c>
      <c r="X19" s="282">
        <v>17</v>
      </c>
      <c r="Y19" s="276">
        <v>5</v>
      </c>
      <c r="Z19" s="280">
        <v>35</v>
      </c>
      <c r="AA19" s="277">
        <v>40</v>
      </c>
      <c r="AB19" s="279">
        <v>0</v>
      </c>
      <c r="AC19" s="280">
        <v>51</v>
      </c>
      <c r="AD19" s="280">
        <v>100</v>
      </c>
      <c r="AE19" s="280">
        <v>77</v>
      </c>
      <c r="AF19" s="280">
        <v>7</v>
      </c>
      <c r="AG19" s="280">
        <v>60</v>
      </c>
      <c r="AH19" s="277">
        <v>295</v>
      </c>
      <c r="AI19" s="282">
        <v>335</v>
      </c>
      <c r="AJ19" s="276">
        <v>0</v>
      </c>
      <c r="AK19" s="280">
        <v>48</v>
      </c>
      <c r="AL19" s="277">
        <v>48</v>
      </c>
      <c r="AM19" s="279">
        <v>0</v>
      </c>
      <c r="AN19" s="280">
        <v>0</v>
      </c>
      <c r="AO19" s="280">
        <v>35</v>
      </c>
      <c r="AP19" s="280">
        <v>2</v>
      </c>
      <c r="AQ19" s="280">
        <v>0</v>
      </c>
      <c r="AR19" s="280">
        <v>0</v>
      </c>
      <c r="AS19" s="277">
        <v>37</v>
      </c>
      <c r="AT19" s="282">
        <v>85</v>
      </c>
      <c r="AU19" s="276">
        <v>0</v>
      </c>
      <c r="AV19" s="280">
        <v>0</v>
      </c>
      <c r="AW19" s="277">
        <v>0</v>
      </c>
      <c r="AX19" s="279">
        <v>0</v>
      </c>
      <c r="AY19" s="280">
        <v>201</v>
      </c>
      <c r="AZ19" s="280">
        <v>275</v>
      </c>
      <c r="BA19" s="280">
        <v>75</v>
      </c>
      <c r="BB19" s="280">
        <v>56</v>
      </c>
      <c r="BC19" s="280">
        <v>38</v>
      </c>
      <c r="BD19" s="281">
        <v>645</v>
      </c>
      <c r="BE19" s="282">
        <v>645</v>
      </c>
      <c r="BF19" s="276">
        <v>0</v>
      </c>
      <c r="BG19" s="280">
        <v>0</v>
      </c>
      <c r="BH19" s="277">
        <v>0</v>
      </c>
      <c r="BI19" s="279">
        <v>0</v>
      </c>
      <c r="BJ19" s="280">
        <v>50</v>
      </c>
      <c r="BK19" s="280">
        <v>100</v>
      </c>
      <c r="BL19" s="280">
        <v>20</v>
      </c>
      <c r="BM19" s="280">
        <v>8</v>
      </c>
      <c r="BN19" s="280">
        <v>15</v>
      </c>
      <c r="BO19" s="277">
        <v>193</v>
      </c>
      <c r="BP19" s="282">
        <v>193</v>
      </c>
      <c r="BQ19" s="276">
        <v>0</v>
      </c>
      <c r="BR19" s="280">
        <v>0</v>
      </c>
      <c r="BS19" s="277">
        <v>0</v>
      </c>
      <c r="BT19" s="279">
        <v>0</v>
      </c>
      <c r="BU19" s="280">
        <v>30</v>
      </c>
      <c r="BV19" s="280">
        <v>43</v>
      </c>
      <c r="BW19" s="280">
        <v>69</v>
      </c>
      <c r="BX19" s="280">
        <v>219</v>
      </c>
      <c r="BY19" s="280">
        <v>23</v>
      </c>
      <c r="BZ19" s="277">
        <v>384</v>
      </c>
      <c r="CA19" s="282">
        <v>384</v>
      </c>
      <c r="CB19" s="276">
        <v>0</v>
      </c>
      <c r="CC19" s="280">
        <v>0</v>
      </c>
      <c r="CD19" s="277">
        <v>0</v>
      </c>
      <c r="CE19" s="279">
        <v>0</v>
      </c>
      <c r="CF19" s="280">
        <v>0</v>
      </c>
      <c r="CG19" s="280">
        <v>10</v>
      </c>
      <c r="CH19" s="280">
        <v>0</v>
      </c>
      <c r="CI19" s="280">
        <v>3</v>
      </c>
      <c r="CJ19" s="280">
        <v>0</v>
      </c>
      <c r="CK19" s="277">
        <v>13</v>
      </c>
      <c r="CL19" s="282">
        <v>13</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2">
        <v>0</v>
      </c>
      <c r="F20" s="279">
        <v>0</v>
      </c>
      <c r="G20" s="280">
        <v>196</v>
      </c>
      <c r="H20" s="280">
        <v>323</v>
      </c>
      <c r="I20" s="280">
        <v>598</v>
      </c>
      <c r="J20" s="280">
        <v>312</v>
      </c>
      <c r="K20" s="280">
        <v>210</v>
      </c>
      <c r="L20" s="281">
        <v>1639</v>
      </c>
      <c r="M20" s="282">
        <v>1639</v>
      </c>
      <c r="N20" s="276">
        <v>0</v>
      </c>
      <c r="O20" s="280">
        <v>0</v>
      </c>
      <c r="P20" s="277">
        <v>0</v>
      </c>
      <c r="Q20" s="279">
        <v>0</v>
      </c>
      <c r="R20" s="280">
        <v>1</v>
      </c>
      <c r="S20" s="280">
        <v>0</v>
      </c>
      <c r="T20" s="280">
        <v>5</v>
      </c>
      <c r="U20" s="280">
        <v>5</v>
      </c>
      <c r="V20" s="280">
        <v>17</v>
      </c>
      <c r="W20" s="277">
        <v>28</v>
      </c>
      <c r="X20" s="282">
        <v>28</v>
      </c>
      <c r="Y20" s="276">
        <v>46</v>
      </c>
      <c r="Z20" s="280">
        <v>24</v>
      </c>
      <c r="AA20" s="277">
        <v>70</v>
      </c>
      <c r="AB20" s="279">
        <v>0</v>
      </c>
      <c r="AC20" s="280">
        <v>229</v>
      </c>
      <c r="AD20" s="280">
        <v>170</v>
      </c>
      <c r="AE20" s="280">
        <v>184</v>
      </c>
      <c r="AF20" s="280">
        <v>114</v>
      </c>
      <c r="AG20" s="280">
        <v>46</v>
      </c>
      <c r="AH20" s="277">
        <v>743</v>
      </c>
      <c r="AI20" s="282">
        <v>813</v>
      </c>
      <c r="AJ20" s="276">
        <v>0</v>
      </c>
      <c r="AK20" s="280">
        <v>27</v>
      </c>
      <c r="AL20" s="277">
        <v>27</v>
      </c>
      <c r="AM20" s="279">
        <v>0</v>
      </c>
      <c r="AN20" s="280">
        <v>26</v>
      </c>
      <c r="AO20" s="280">
        <v>84</v>
      </c>
      <c r="AP20" s="280">
        <v>30</v>
      </c>
      <c r="AQ20" s="280">
        <v>25</v>
      </c>
      <c r="AR20" s="280">
        <v>0</v>
      </c>
      <c r="AS20" s="277">
        <v>165</v>
      </c>
      <c r="AT20" s="282">
        <v>192</v>
      </c>
      <c r="AU20" s="276">
        <v>0</v>
      </c>
      <c r="AV20" s="280">
        <v>0</v>
      </c>
      <c r="AW20" s="277">
        <v>0</v>
      </c>
      <c r="AX20" s="279">
        <v>0</v>
      </c>
      <c r="AY20" s="280">
        <v>315</v>
      </c>
      <c r="AZ20" s="280">
        <v>369</v>
      </c>
      <c r="BA20" s="280">
        <v>316</v>
      </c>
      <c r="BB20" s="280">
        <v>124</v>
      </c>
      <c r="BC20" s="280">
        <v>45</v>
      </c>
      <c r="BD20" s="281">
        <v>1169</v>
      </c>
      <c r="BE20" s="282">
        <v>1169</v>
      </c>
      <c r="BF20" s="276">
        <v>0</v>
      </c>
      <c r="BG20" s="280">
        <v>0</v>
      </c>
      <c r="BH20" s="277">
        <v>0</v>
      </c>
      <c r="BI20" s="279">
        <v>0</v>
      </c>
      <c r="BJ20" s="280">
        <v>108</v>
      </c>
      <c r="BK20" s="280">
        <v>103</v>
      </c>
      <c r="BL20" s="280">
        <v>85</v>
      </c>
      <c r="BM20" s="280">
        <v>17</v>
      </c>
      <c r="BN20" s="280">
        <v>14</v>
      </c>
      <c r="BO20" s="277">
        <v>327</v>
      </c>
      <c r="BP20" s="282">
        <v>327</v>
      </c>
      <c r="BQ20" s="276">
        <v>0</v>
      </c>
      <c r="BR20" s="280">
        <v>3</v>
      </c>
      <c r="BS20" s="277">
        <v>3</v>
      </c>
      <c r="BT20" s="279">
        <v>0</v>
      </c>
      <c r="BU20" s="280">
        <v>8</v>
      </c>
      <c r="BV20" s="280">
        <v>63</v>
      </c>
      <c r="BW20" s="280">
        <v>212</v>
      </c>
      <c r="BX20" s="280">
        <v>8</v>
      </c>
      <c r="BY20" s="280">
        <v>119</v>
      </c>
      <c r="BZ20" s="277">
        <v>410</v>
      </c>
      <c r="CA20" s="282">
        <v>413</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2">
        <v>0</v>
      </c>
      <c r="F21" s="279">
        <v>0</v>
      </c>
      <c r="G21" s="280">
        <v>67</v>
      </c>
      <c r="H21" s="280">
        <v>153</v>
      </c>
      <c r="I21" s="280">
        <v>173</v>
      </c>
      <c r="J21" s="280">
        <v>204</v>
      </c>
      <c r="K21" s="280">
        <v>102</v>
      </c>
      <c r="L21" s="281">
        <v>699</v>
      </c>
      <c r="M21" s="282">
        <v>699</v>
      </c>
      <c r="N21" s="276">
        <v>0</v>
      </c>
      <c r="O21" s="280">
        <v>0</v>
      </c>
      <c r="P21" s="277">
        <v>0</v>
      </c>
      <c r="Q21" s="279">
        <v>0</v>
      </c>
      <c r="R21" s="280">
        <v>0</v>
      </c>
      <c r="S21" s="280">
        <v>0</v>
      </c>
      <c r="T21" s="280">
        <v>20</v>
      </c>
      <c r="U21" s="280">
        <v>1</v>
      </c>
      <c r="V21" s="280">
        <v>9</v>
      </c>
      <c r="W21" s="277">
        <v>30</v>
      </c>
      <c r="X21" s="282">
        <v>30</v>
      </c>
      <c r="Y21" s="276">
        <v>4</v>
      </c>
      <c r="Z21" s="280">
        <v>5</v>
      </c>
      <c r="AA21" s="277">
        <v>9</v>
      </c>
      <c r="AB21" s="279">
        <v>0</v>
      </c>
      <c r="AC21" s="280">
        <v>55</v>
      </c>
      <c r="AD21" s="280">
        <v>106</v>
      </c>
      <c r="AE21" s="280">
        <v>74</v>
      </c>
      <c r="AF21" s="280">
        <v>62</v>
      </c>
      <c r="AG21" s="280">
        <v>56</v>
      </c>
      <c r="AH21" s="277">
        <v>353</v>
      </c>
      <c r="AI21" s="282">
        <v>362</v>
      </c>
      <c r="AJ21" s="276">
        <v>0</v>
      </c>
      <c r="AK21" s="280">
        <v>0</v>
      </c>
      <c r="AL21" s="277">
        <v>0</v>
      </c>
      <c r="AM21" s="279">
        <v>0</v>
      </c>
      <c r="AN21" s="280">
        <v>18</v>
      </c>
      <c r="AO21" s="280">
        <v>63</v>
      </c>
      <c r="AP21" s="280">
        <v>0</v>
      </c>
      <c r="AQ21" s="280">
        <v>10</v>
      </c>
      <c r="AR21" s="280">
        <v>4</v>
      </c>
      <c r="AS21" s="277">
        <v>95</v>
      </c>
      <c r="AT21" s="282">
        <v>95</v>
      </c>
      <c r="AU21" s="276">
        <v>0</v>
      </c>
      <c r="AV21" s="280">
        <v>0</v>
      </c>
      <c r="AW21" s="277">
        <v>0</v>
      </c>
      <c r="AX21" s="279">
        <v>0</v>
      </c>
      <c r="AY21" s="280">
        <v>182</v>
      </c>
      <c r="AZ21" s="280">
        <v>169</v>
      </c>
      <c r="BA21" s="280">
        <v>67</v>
      </c>
      <c r="BB21" s="280">
        <v>5</v>
      </c>
      <c r="BC21" s="280">
        <v>5</v>
      </c>
      <c r="BD21" s="281">
        <v>428</v>
      </c>
      <c r="BE21" s="282">
        <v>428</v>
      </c>
      <c r="BF21" s="276">
        <v>0</v>
      </c>
      <c r="BG21" s="280">
        <v>0</v>
      </c>
      <c r="BH21" s="277">
        <v>0</v>
      </c>
      <c r="BI21" s="279">
        <v>0</v>
      </c>
      <c r="BJ21" s="280">
        <v>87</v>
      </c>
      <c r="BK21" s="280">
        <v>52</v>
      </c>
      <c r="BL21" s="280">
        <v>18</v>
      </c>
      <c r="BM21" s="280">
        <v>32</v>
      </c>
      <c r="BN21" s="280">
        <v>0</v>
      </c>
      <c r="BO21" s="277">
        <v>189</v>
      </c>
      <c r="BP21" s="282">
        <v>189</v>
      </c>
      <c r="BQ21" s="276">
        <v>0</v>
      </c>
      <c r="BR21" s="280">
        <v>0</v>
      </c>
      <c r="BS21" s="277">
        <v>0</v>
      </c>
      <c r="BT21" s="279">
        <v>0</v>
      </c>
      <c r="BU21" s="280">
        <v>14</v>
      </c>
      <c r="BV21" s="280">
        <v>0</v>
      </c>
      <c r="BW21" s="280">
        <v>16</v>
      </c>
      <c r="BX21" s="280">
        <v>0</v>
      </c>
      <c r="BY21" s="280">
        <v>81</v>
      </c>
      <c r="BZ21" s="277">
        <v>111</v>
      </c>
      <c r="CA21" s="282">
        <v>111</v>
      </c>
      <c r="CB21" s="276">
        <v>0</v>
      </c>
      <c r="CC21" s="280">
        <v>0</v>
      </c>
      <c r="CD21" s="277">
        <v>0</v>
      </c>
      <c r="CE21" s="279">
        <v>0</v>
      </c>
      <c r="CF21" s="280">
        <v>0</v>
      </c>
      <c r="CG21" s="280">
        <v>0</v>
      </c>
      <c r="CH21" s="280">
        <v>9</v>
      </c>
      <c r="CI21" s="280">
        <v>0</v>
      </c>
      <c r="CJ21" s="280">
        <v>0</v>
      </c>
      <c r="CK21" s="277">
        <v>9</v>
      </c>
      <c r="CL21" s="282">
        <v>9</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2">
        <v>0</v>
      </c>
      <c r="F22" s="279">
        <v>0</v>
      </c>
      <c r="G22" s="280">
        <v>297</v>
      </c>
      <c r="H22" s="280">
        <v>377</v>
      </c>
      <c r="I22" s="280">
        <v>306</v>
      </c>
      <c r="J22" s="280">
        <v>220</v>
      </c>
      <c r="K22" s="280">
        <v>277</v>
      </c>
      <c r="L22" s="281">
        <v>1477</v>
      </c>
      <c r="M22" s="282">
        <v>1477</v>
      </c>
      <c r="N22" s="276">
        <v>0</v>
      </c>
      <c r="O22" s="280">
        <v>0</v>
      </c>
      <c r="P22" s="277">
        <v>0</v>
      </c>
      <c r="Q22" s="279">
        <v>0</v>
      </c>
      <c r="R22" s="280">
        <v>5</v>
      </c>
      <c r="S22" s="280">
        <v>0</v>
      </c>
      <c r="T22" s="280">
        <v>0</v>
      </c>
      <c r="U22" s="280">
        <v>5</v>
      </c>
      <c r="V22" s="280">
        <v>11</v>
      </c>
      <c r="W22" s="277">
        <v>21</v>
      </c>
      <c r="X22" s="282">
        <v>21</v>
      </c>
      <c r="Y22" s="276">
        <v>43</v>
      </c>
      <c r="Z22" s="280">
        <v>10</v>
      </c>
      <c r="AA22" s="277">
        <v>53</v>
      </c>
      <c r="AB22" s="279">
        <v>0</v>
      </c>
      <c r="AC22" s="280">
        <v>286</v>
      </c>
      <c r="AD22" s="280">
        <v>239</v>
      </c>
      <c r="AE22" s="280">
        <v>62</v>
      </c>
      <c r="AF22" s="280">
        <v>70</v>
      </c>
      <c r="AG22" s="280">
        <v>116</v>
      </c>
      <c r="AH22" s="277">
        <v>773</v>
      </c>
      <c r="AI22" s="282">
        <v>826</v>
      </c>
      <c r="AJ22" s="276">
        <v>8</v>
      </c>
      <c r="AK22" s="280">
        <v>22</v>
      </c>
      <c r="AL22" s="277">
        <v>30</v>
      </c>
      <c r="AM22" s="279">
        <v>0</v>
      </c>
      <c r="AN22" s="280">
        <v>55</v>
      </c>
      <c r="AO22" s="280">
        <v>137</v>
      </c>
      <c r="AP22" s="280">
        <v>52</v>
      </c>
      <c r="AQ22" s="280">
        <v>10</v>
      </c>
      <c r="AR22" s="280">
        <v>0</v>
      </c>
      <c r="AS22" s="277">
        <v>254</v>
      </c>
      <c r="AT22" s="282">
        <v>284</v>
      </c>
      <c r="AU22" s="276">
        <v>0</v>
      </c>
      <c r="AV22" s="280">
        <v>0</v>
      </c>
      <c r="AW22" s="277">
        <v>0</v>
      </c>
      <c r="AX22" s="279">
        <v>0</v>
      </c>
      <c r="AY22" s="280">
        <v>139</v>
      </c>
      <c r="AZ22" s="280">
        <v>215</v>
      </c>
      <c r="BA22" s="280">
        <v>178</v>
      </c>
      <c r="BB22" s="280">
        <v>24</v>
      </c>
      <c r="BC22" s="280">
        <v>0</v>
      </c>
      <c r="BD22" s="281">
        <v>556</v>
      </c>
      <c r="BE22" s="282">
        <v>556</v>
      </c>
      <c r="BF22" s="276">
        <v>0</v>
      </c>
      <c r="BG22" s="280">
        <v>0</v>
      </c>
      <c r="BH22" s="277">
        <v>0</v>
      </c>
      <c r="BI22" s="279">
        <v>0</v>
      </c>
      <c r="BJ22" s="280">
        <v>79</v>
      </c>
      <c r="BK22" s="280">
        <v>116</v>
      </c>
      <c r="BL22" s="280">
        <v>78</v>
      </c>
      <c r="BM22" s="280">
        <v>49</v>
      </c>
      <c r="BN22" s="280">
        <v>0</v>
      </c>
      <c r="BO22" s="277">
        <v>322</v>
      </c>
      <c r="BP22" s="282">
        <v>322</v>
      </c>
      <c r="BQ22" s="276">
        <v>0</v>
      </c>
      <c r="BR22" s="280">
        <v>13</v>
      </c>
      <c r="BS22" s="277">
        <v>13</v>
      </c>
      <c r="BT22" s="279">
        <v>0</v>
      </c>
      <c r="BU22" s="280">
        <v>35</v>
      </c>
      <c r="BV22" s="280">
        <v>45</v>
      </c>
      <c r="BW22" s="280">
        <v>93</v>
      </c>
      <c r="BX22" s="280">
        <v>200</v>
      </c>
      <c r="BY22" s="280">
        <v>0</v>
      </c>
      <c r="BZ22" s="277">
        <v>373</v>
      </c>
      <c r="CA22" s="282">
        <v>386</v>
      </c>
      <c r="CB22" s="276">
        <v>0</v>
      </c>
      <c r="CC22" s="280">
        <v>0</v>
      </c>
      <c r="CD22" s="277">
        <v>0</v>
      </c>
      <c r="CE22" s="279">
        <v>0</v>
      </c>
      <c r="CF22" s="280">
        <v>0</v>
      </c>
      <c r="CG22" s="280">
        <v>0</v>
      </c>
      <c r="CH22" s="280">
        <v>4</v>
      </c>
      <c r="CI22" s="280">
        <v>21</v>
      </c>
      <c r="CJ22" s="280">
        <v>0</v>
      </c>
      <c r="CK22" s="277">
        <v>25</v>
      </c>
      <c r="CL22" s="282">
        <v>25</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2">
        <v>0</v>
      </c>
      <c r="F23" s="279">
        <v>0</v>
      </c>
      <c r="G23" s="280">
        <v>95</v>
      </c>
      <c r="H23" s="280">
        <v>158</v>
      </c>
      <c r="I23" s="280">
        <v>82</v>
      </c>
      <c r="J23" s="280">
        <v>497</v>
      </c>
      <c r="K23" s="280">
        <v>134</v>
      </c>
      <c r="L23" s="281">
        <v>966</v>
      </c>
      <c r="M23" s="282">
        <v>966</v>
      </c>
      <c r="N23" s="276">
        <v>0</v>
      </c>
      <c r="O23" s="280">
        <v>0</v>
      </c>
      <c r="P23" s="277">
        <v>0</v>
      </c>
      <c r="Q23" s="279">
        <v>0</v>
      </c>
      <c r="R23" s="280">
        <v>0</v>
      </c>
      <c r="S23" s="280">
        <v>0</v>
      </c>
      <c r="T23" s="280">
        <v>0</v>
      </c>
      <c r="U23" s="280">
        <v>0</v>
      </c>
      <c r="V23" s="280">
        <v>23</v>
      </c>
      <c r="W23" s="277">
        <v>23</v>
      </c>
      <c r="X23" s="282">
        <v>23</v>
      </c>
      <c r="Y23" s="276">
        <v>37</v>
      </c>
      <c r="Z23" s="280">
        <v>19</v>
      </c>
      <c r="AA23" s="277">
        <v>56</v>
      </c>
      <c r="AB23" s="279">
        <v>0</v>
      </c>
      <c r="AC23" s="280">
        <v>121</v>
      </c>
      <c r="AD23" s="280">
        <v>272</v>
      </c>
      <c r="AE23" s="280">
        <v>85</v>
      </c>
      <c r="AF23" s="280">
        <v>214</v>
      </c>
      <c r="AG23" s="280">
        <v>65</v>
      </c>
      <c r="AH23" s="277">
        <v>757</v>
      </c>
      <c r="AI23" s="282">
        <v>813</v>
      </c>
      <c r="AJ23" s="276">
        <v>0</v>
      </c>
      <c r="AK23" s="280">
        <v>28</v>
      </c>
      <c r="AL23" s="277">
        <v>28</v>
      </c>
      <c r="AM23" s="279">
        <v>0</v>
      </c>
      <c r="AN23" s="280">
        <v>18</v>
      </c>
      <c r="AO23" s="280">
        <v>18</v>
      </c>
      <c r="AP23" s="280">
        <v>39</v>
      </c>
      <c r="AQ23" s="280">
        <v>26</v>
      </c>
      <c r="AR23" s="280">
        <v>18</v>
      </c>
      <c r="AS23" s="277">
        <v>119</v>
      </c>
      <c r="AT23" s="282">
        <v>147</v>
      </c>
      <c r="AU23" s="276">
        <v>0</v>
      </c>
      <c r="AV23" s="280">
        <v>0</v>
      </c>
      <c r="AW23" s="277">
        <v>0</v>
      </c>
      <c r="AX23" s="279">
        <v>0</v>
      </c>
      <c r="AY23" s="280">
        <v>123</v>
      </c>
      <c r="AZ23" s="280">
        <v>148</v>
      </c>
      <c r="BA23" s="280">
        <v>104</v>
      </c>
      <c r="BB23" s="280">
        <v>39</v>
      </c>
      <c r="BC23" s="280">
        <v>28</v>
      </c>
      <c r="BD23" s="281">
        <v>442</v>
      </c>
      <c r="BE23" s="282">
        <v>442</v>
      </c>
      <c r="BF23" s="276">
        <v>0</v>
      </c>
      <c r="BG23" s="280">
        <v>0</v>
      </c>
      <c r="BH23" s="277">
        <v>0</v>
      </c>
      <c r="BI23" s="279">
        <v>0</v>
      </c>
      <c r="BJ23" s="280">
        <v>67</v>
      </c>
      <c r="BK23" s="280">
        <v>73</v>
      </c>
      <c r="BL23" s="280">
        <v>14</v>
      </c>
      <c r="BM23" s="280">
        <v>8</v>
      </c>
      <c r="BN23" s="280">
        <v>0</v>
      </c>
      <c r="BO23" s="277">
        <v>162</v>
      </c>
      <c r="BP23" s="282">
        <v>162</v>
      </c>
      <c r="BQ23" s="276">
        <v>0</v>
      </c>
      <c r="BR23" s="280">
        <v>0</v>
      </c>
      <c r="BS23" s="277">
        <v>0</v>
      </c>
      <c r="BT23" s="279">
        <v>0</v>
      </c>
      <c r="BU23" s="280">
        <v>36</v>
      </c>
      <c r="BV23" s="280">
        <v>5</v>
      </c>
      <c r="BW23" s="280">
        <v>145</v>
      </c>
      <c r="BX23" s="280">
        <v>105</v>
      </c>
      <c r="BY23" s="280">
        <v>16</v>
      </c>
      <c r="BZ23" s="277">
        <v>307</v>
      </c>
      <c r="CA23" s="282">
        <v>307</v>
      </c>
      <c r="CB23" s="276">
        <v>0</v>
      </c>
      <c r="CC23" s="280">
        <v>0</v>
      </c>
      <c r="CD23" s="277">
        <v>0</v>
      </c>
      <c r="CE23" s="279">
        <v>0</v>
      </c>
      <c r="CF23" s="280">
        <v>0</v>
      </c>
      <c r="CG23" s="280">
        <v>3</v>
      </c>
      <c r="CH23" s="280">
        <v>0</v>
      </c>
      <c r="CI23" s="280">
        <v>0</v>
      </c>
      <c r="CJ23" s="280">
        <v>0</v>
      </c>
      <c r="CK23" s="277">
        <v>3</v>
      </c>
      <c r="CL23" s="282">
        <v>3</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2">
        <v>0</v>
      </c>
      <c r="F24" s="279">
        <v>0</v>
      </c>
      <c r="G24" s="280">
        <v>61</v>
      </c>
      <c r="H24" s="280">
        <v>61</v>
      </c>
      <c r="I24" s="280">
        <v>22</v>
      </c>
      <c r="J24" s="280">
        <v>201</v>
      </c>
      <c r="K24" s="280">
        <v>181</v>
      </c>
      <c r="L24" s="281">
        <v>526</v>
      </c>
      <c r="M24" s="282">
        <v>526</v>
      </c>
      <c r="N24" s="276">
        <v>0</v>
      </c>
      <c r="O24" s="280">
        <v>0</v>
      </c>
      <c r="P24" s="277">
        <v>0</v>
      </c>
      <c r="Q24" s="279">
        <v>0</v>
      </c>
      <c r="R24" s="280">
        <v>4</v>
      </c>
      <c r="S24" s="280">
        <v>0</v>
      </c>
      <c r="T24" s="280">
        <v>0</v>
      </c>
      <c r="U24" s="280">
        <v>0</v>
      </c>
      <c r="V24" s="280">
        <v>0</v>
      </c>
      <c r="W24" s="277">
        <v>4</v>
      </c>
      <c r="X24" s="282">
        <v>4</v>
      </c>
      <c r="Y24" s="276">
        <v>0</v>
      </c>
      <c r="Z24" s="280">
        <v>2</v>
      </c>
      <c r="AA24" s="277">
        <v>2</v>
      </c>
      <c r="AB24" s="279">
        <v>0</v>
      </c>
      <c r="AC24" s="280">
        <v>14</v>
      </c>
      <c r="AD24" s="280">
        <v>18</v>
      </c>
      <c r="AE24" s="280">
        <v>27</v>
      </c>
      <c r="AF24" s="280">
        <v>24</v>
      </c>
      <c r="AG24" s="280">
        <v>18</v>
      </c>
      <c r="AH24" s="277">
        <v>101</v>
      </c>
      <c r="AI24" s="282">
        <v>103</v>
      </c>
      <c r="AJ24" s="276">
        <v>0</v>
      </c>
      <c r="AK24" s="280">
        <v>0</v>
      </c>
      <c r="AL24" s="277">
        <v>0</v>
      </c>
      <c r="AM24" s="279">
        <v>0</v>
      </c>
      <c r="AN24" s="280">
        <v>0</v>
      </c>
      <c r="AO24" s="280">
        <v>27</v>
      </c>
      <c r="AP24" s="280">
        <v>9</v>
      </c>
      <c r="AQ24" s="280">
        <v>0</v>
      </c>
      <c r="AR24" s="280">
        <v>0</v>
      </c>
      <c r="AS24" s="277">
        <v>36</v>
      </c>
      <c r="AT24" s="282">
        <v>36</v>
      </c>
      <c r="AU24" s="276">
        <v>0</v>
      </c>
      <c r="AV24" s="280">
        <v>0</v>
      </c>
      <c r="AW24" s="277">
        <v>0</v>
      </c>
      <c r="AX24" s="279">
        <v>0</v>
      </c>
      <c r="AY24" s="280">
        <v>66</v>
      </c>
      <c r="AZ24" s="280">
        <v>70</v>
      </c>
      <c r="BA24" s="280">
        <v>61</v>
      </c>
      <c r="BB24" s="280">
        <v>37</v>
      </c>
      <c r="BC24" s="280">
        <v>14</v>
      </c>
      <c r="BD24" s="281">
        <v>248</v>
      </c>
      <c r="BE24" s="282">
        <v>248</v>
      </c>
      <c r="BF24" s="276">
        <v>0</v>
      </c>
      <c r="BG24" s="280">
        <v>0</v>
      </c>
      <c r="BH24" s="277">
        <v>0</v>
      </c>
      <c r="BI24" s="279">
        <v>0</v>
      </c>
      <c r="BJ24" s="280">
        <v>17</v>
      </c>
      <c r="BK24" s="280">
        <v>18</v>
      </c>
      <c r="BL24" s="280">
        <v>10</v>
      </c>
      <c r="BM24" s="280">
        <v>7</v>
      </c>
      <c r="BN24" s="280">
        <v>7</v>
      </c>
      <c r="BO24" s="277">
        <v>59</v>
      </c>
      <c r="BP24" s="282">
        <v>59</v>
      </c>
      <c r="BQ24" s="276">
        <v>0</v>
      </c>
      <c r="BR24" s="280">
        <v>0</v>
      </c>
      <c r="BS24" s="277">
        <v>0</v>
      </c>
      <c r="BT24" s="279">
        <v>0</v>
      </c>
      <c r="BU24" s="280">
        <v>30</v>
      </c>
      <c r="BV24" s="280">
        <v>0</v>
      </c>
      <c r="BW24" s="280">
        <v>10</v>
      </c>
      <c r="BX24" s="280">
        <v>24</v>
      </c>
      <c r="BY24" s="280">
        <v>0</v>
      </c>
      <c r="BZ24" s="277">
        <v>64</v>
      </c>
      <c r="CA24" s="282">
        <v>64</v>
      </c>
      <c r="CB24" s="276">
        <v>0</v>
      </c>
      <c r="CC24" s="280">
        <v>0</v>
      </c>
      <c r="CD24" s="277">
        <v>0</v>
      </c>
      <c r="CE24" s="279">
        <v>0</v>
      </c>
      <c r="CF24" s="280">
        <v>0</v>
      </c>
      <c r="CG24" s="280">
        <v>0</v>
      </c>
      <c r="CH24" s="280">
        <v>0</v>
      </c>
      <c r="CI24" s="280">
        <v>0</v>
      </c>
      <c r="CJ24" s="280">
        <v>0</v>
      </c>
      <c r="CK24" s="277">
        <v>0</v>
      </c>
      <c r="CL24" s="282">
        <v>0</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2">
        <v>0</v>
      </c>
      <c r="F25" s="279">
        <v>0</v>
      </c>
      <c r="G25" s="280">
        <v>22</v>
      </c>
      <c r="H25" s="280">
        <v>184</v>
      </c>
      <c r="I25" s="280">
        <v>177</v>
      </c>
      <c r="J25" s="280">
        <v>36</v>
      </c>
      <c r="K25" s="280">
        <v>230</v>
      </c>
      <c r="L25" s="281">
        <v>649</v>
      </c>
      <c r="M25" s="282">
        <v>649</v>
      </c>
      <c r="N25" s="276">
        <v>0</v>
      </c>
      <c r="O25" s="280">
        <v>0</v>
      </c>
      <c r="P25" s="277">
        <v>0</v>
      </c>
      <c r="Q25" s="279">
        <v>0</v>
      </c>
      <c r="R25" s="280">
        <v>0</v>
      </c>
      <c r="S25" s="280">
        <v>5</v>
      </c>
      <c r="T25" s="280">
        <v>0</v>
      </c>
      <c r="U25" s="280">
        <v>0</v>
      </c>
      <c r="V25" s="280">
        <v>0</v>
      </c>
      <c r="W25" s="277">
        <v>5</v>
      </c>
      <c r="X25" s="282">
        <v>5</v>
      </c>
      <c r="Y25" s="276">
        <v>16</v>
      </c>
      <c r="Z25" s="280">
        <v>37</v>
      </c>
      <c r="AA25" s="277">
        <v>53</v>
      </c>
      <c r="AB25" s="279">
        <v>0</v>
      </c>
      <c r="AC25" s="280">
        <v>37</v>
      </c>
      <c r="AD25" s="280">
        <v>114</v>
      </c>
      <c r="AE25" s="280">
        <v>53</v>
      </c>
      <c r="AF25" s="280">
        <v>26</v>
      </c>
      <c r="AG25" s="280">
        <v>3</v>
      </c>
      <c r="AH25" s="277">
        <v>233</v>
      </c>
      <c r="AI25" s="282">
        <v>286</v>
      </c>
      <c r="AJ25" s="276">
        <v>0</v>
      </c>
      <c r="AK25" s="280">
        <v>0</v>
      </c>
      <c r="AL25" s="277">
        <v>0</v>
      </c>
      <c r="AM25" s="279">
        <v>0</v>
      </c>
      <c r="AN25" s="280">
        <v>0</v>
      </c>
      <c r="AO25" s="280">
        <v>27</v>
      </c>
      <c r="AP25" s="280">
        <v>0</v>
      </c>
      <c r="AQ25" s="280">
        <v>16</v>
      </c>
      <c r="AR25" s="280">
        <v>0</v>
      </c>
      <c r="AS25" s="277">
        <v>43</v>
      </c>
      <c r="AT25" s="282">
        <v>43</v>
      </c>
      <c r="AU25" s="276">
        <v>0</v>
      </c>
      <c r="AV25" s="280">
        <v>0</v>
      </c>
      <c r="AW25" s="277">
        <v>0</v>
      </c>
      <c r="AX25" s="279">
        <v>0</v>
      </c>
      <c r="AY25" s="280">
        <v>108</v>
      </c>
      <c r="AZ25" s="280">
        <v>115</v>
      </c>
      <c r="BA25" s="280">
        <v>92</v>
      </c>
      <c r="BB25" s="280">
        <v>47</v>
      </c>
      <c r="BC25" s="280">
        <v>2</v>
      </c>
      <c r="BD25" s="281">
        <v>364</v>
      </c>
      <c r="BE25" s="282">
        <v>364</v>
      </c>
      <c r="BF25" s="276">
        <v>0</v>
      </c>
      <c r="BG25" s="280">
        <v>0</v>
      </c>
      <c r="BH25" s="277">
        <v>0</v>
      </c>
      <c r="BI25" s="279">
        <v>0</v>
      </c>
      <c r="BJ25" s="280">
        <v>28</v>
      </c>
      <c r="BK25" s="280">
        <v>24</v>
      </c>
      <c r="BL25" s="280">
        <v>29</v>
      </c>
      <c r="BM25" s="280">
        <v>17</v>
      </c>
      <c r="BN25" s="280">
        <v>6</v>
      </c>
      <c r="BO25" s="277">
        <v>104</v>
      </c>
      <c r="BP25" s="282">
        <v>104</v>
      </c>
      <c r="BQ25" s="276">
        <v>0</v>
      </c>
      <c r="BR25" s="280">
        <v>0</v>
      </c>
      <c r="BS25" s="277">
        <v>0</v>
      </c>
      <c r="BT25" s="279">
        <v>0</v>
      </c>
      <c r="BU25" s="280">
        <v>0</v>
      </c>
      <c r="BV25" s="280">
        <v>33</v>
      </c>
      <c r="BW25" s="280">
        <v>34</v>
      </c>
      <c r="BX25" s="280">
        <v>151</v>
      </c>
      <c r="BY25" s="280">
        <v>8</v>
      </c>
      <c r="BZ25" s="277">
        <v>226</v>
      </c>
      <c r="CA25" s="282">
        <v>226</v>
      </c>
      <c r="CB25" s="276">
        <v>0</v>
      </c>
      <c r="CC25" s="280">
        <v>3</v>
      </c>
      <c r="CD25" s="277">
        <v>3</v>
      </c>
      <c r="CE25" s="279">
        <v>0</v>
      </c>
      <c r="CF25" s="280">
        <v>3</v>
      </c>
      <c r="CG25" s="280">
        <v>0</v>
      </c>
      <c r="CH25" s="280">
        <v>0</v>
      </c>
      <c r="CI25" s="280">
        <v>0</v>
      </c>
      <c r="CJ25" s="280">
        <v>8</v>
      </c>
      <c r="CK25" s="277">
        <v>11</v>
      </c>
      <c r="CL25" s="282">
        <v>14</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2">
        <v>0</v>
      </c>
      <c r="F26" s="279">
        <v>0</v>
      </c>
      <c r="G26" s="280">
        <v>127</v>
      </c>
      <c r="H26" s="280">
        <v>74</v>
      </c>
      <c r="I26" s="280">
        <v>93</v>
      </c>
      <c r="J26" s="280">
        <v>0</v>
      </c>
      <c r="K26" s="280">
        <v>227</v>
      </c>
      <c r="L26" s="281">
        <v>521</v>
      </c>
      <c r="M26" s="282">
        <v>521</v>
      </c>
      <c r="N26" s="276">
        <v>0</v>
      </c>
      <c r="O26" s="280">
        <v>0</v>
      </c>
      <c r="P26" s="277">
        <v>0</v>
      </c>
      <c r="Q26" s="279">
        <v>0</v>
      </c>
      <c r="R26" s="280">
        <v>0</v>
      </c>
      <c r="S26" s="280">
        <v>0</v>
      </c>
      <c r="T26" s="280">
        <v>1</v>
      </c>
      <c r="U26" s="280">
        <v>13</v>
      </c>
      <c r="V26" s="280">
        <v>14</v>
      </c>
      <c r="W26" s="277">
        <v>28</v>
      </c>
      <c r="X26" s="282">
        <v>28</v>
      </c>
      <c r="Y26" s="276">
        <v>9</v>
      </c>
      <c r="Z26" s="280">
        <v>16</v>
      </c>
      <c r="AA26" s="277">
        <v>25</v>
      </c>
      <c r="AB26" s="279">
        <v>0</v>
      </c>
      <c r="AC26" s="280">
        <v>52</v>
      </c>
      <c r="AD26" s="280">
        <v>41</v>
      </c>
      <c r="AE26" s="280">
        <v>54</v>
      </c>
      <c r="AF26" s="280">
        <v>24</v>
      </c>
      <c r="AG26" s="280">
        <v>33</v>
      </c>
      <c r="AH26" s="277">
        <v>204</v>
      </c>
      <c r="AI26" s="282">
        <v>229</v>
      </c>
      <c r="AJ26" s="276">
        <v>0</v>
      </c>
      <c r="AK26" s="280">
        <v>0</v>
      </c>
      <c r="AL26" s="277">
        <v>0</v>
      </c>
      <c r="AM26" s="279">
        <v>0</v>
      </c>
      <c r="AN26" s="280">
        <v>15</v>
      </c>
      <c r="AO26" s="280">
        <v>27</v>
      </c>
      <c r="AP26" s="280">
        <v>14</v>
      </c>
      <c r="AQ26" s="280">
        <v>0</v>
      </c>
      <c r="AR26" s="280">
        <v>0</v>
      </c>
      <c r="AS26" s="277">
        <v>56</v>
      </c>
      <c r="AT26" s="282">
        <v>56</v>
      </c>
      <c r="AU26" s="276">
        <v>0</v>
      </c>
      <c r="AV26" s="280">
        <v>0</v>
      </c>
      <c r="AW26" s="277">
        <v>0</v>
      </c>
      <c r="AX26" s="279">
        <v>0</v>
      </c>
      <c r="AY26" s="280">
        <v>119</v>
      </c>
      <c r="AZ26" s="280">
        <v>66</v>
      </c>
      <c r="BA26" s="280">
        <v>60</v>
      </c>
      <c r="BB26" s="280">
        <v>0</v>
      </c>
      <c r="BC26" s="280">
        <v>3</v>
      </c>
      <c r="BD26" s="281">
        <v>248</v>
      </c>
      <c r="BE26" s="282">
        <v>248</v>
      </c>
      <c r="BF26" s="276">
        <v>0</v>
      </c>
      <c r="BG26" s="280">
        <v>0</v>
      </c>
      <c r="BH26" s="277">
        <v>0</v>
      </c>
      <c r="BI26" s="279">
        <v>0</v>
      </c>
      <c r="BJ26" s="280">
        <v>0</v>
      </c>
      <c r="BK26" s="280">
        <v>35</v>
      </c>
      <c r="BL26" s="280">
        <v>30</v>
      </c>
      <c r="BM26" s="280">
        <v>0</v>
      </c>
      <c r="BN26" s="280">
        <v>0</v>
      </c>
      <c r="BO26" s="277">
        <v>65</v>
      </c>
      <c r="BP26" s="282">
        <v>65</v>
      </c>
      <c r="BQ26" s="276">
        <v>0</v>
      </c>
      <c r="BR26" s="280">
        <v>0</v>
      </c>
      <c r="BS26" s="277">
        <v>0</v>
      </c>
      <c r="BT26" s="279">
        <v>0</v>
      </c>
      <c r="BU26" s="280">
        <v>9</v>
      </c>
      <c r="BV26" s="280">
        <v>10</v>
      </c>
      <c r="BW26" s="280">
        <v>6</v>
      </c>
      <c r="BX26" s="280">
        <v>0</v>
      </c>
      <c r="BY26" s="280">
        <v>3</v>
      </c>
      <c r="BZ26" s="277">
        <v>28</v>
      </c>
      <c r="CA26" s="282">
        <v>28</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2">
        <v>0</v>
      </c>
      <c r="F27" s="279">
        <v>0</v>
      </c>
      <c r="G27" s="280">
        <v>83</v>
      </c>
      <c r="H27" s="280">
        <v>55</v>
      </c>
      <c r="I27" s="280">
        <v>180</v>
      </c>
      <c r="J27" s="280">
        <v>26</v>
      </c>
      <c r="K27" s="280">
        <v>0</v>
      </c>
      <c r="L27" s="281">
        <v>344</v>
      </c>
      <c r="M27" s="282">
        <v>344</v>
      </c>
      <c r="N27" s="276">
        <v>0</v>
      </c>
      <c r="O27" s="280">
        <v>0</v>
      </c>
      <c r="P27" s="277">
        <v>0</v>
      </c>
      <c r="Q27" s="279">
        <v>0</v>
      </c>
      <c r="R27" s="280">
        <v>0</v>
      </c>
      <c r="S27" s="280">
        <v>1</v>
      </c>
      <c r="T27" s="280">
        <v>4</v>
      </c>
      <c r="U27" s="280">
        <v>0</v>
      </c>
      <c r="V27" s="280">
        <v>9</v>
      </c>
      <c r="W27" s="277">
        <v>14</v>
      </c>
      <c r="X27" s="282">
        <v>14</v>
      </c>
      <c r="Y27" s="276">
        <v>0</v>
      </c>
      <c r="Z27" s="280">
        <v>9</v>
      </c>
      <c r="AA27" s="277">
        <v>9</v>
      </c>
      <c r="AB27" s="279">
        <v>0</v>
      </c>
      <c r="AC27" s="280">
        <v>30</v>
      </c>
      <c r="AD27" s="280">
        <v>29</v>
      </c>
      <c r="AE27" s="280">
        <v>31</v>
      </c>
      <c r="AF27" s="280">
        <v>14</v>
      </c>
      <c r="AG27" s="280">
        <v>34</v>
      </c>
      <c r="AH27" s="277">
        <v>138</v>
      </c>
      <c r="AI27" s="282">
        <v>147</v>
      </c>
      <c r="AJ27" s="276">
        <v>0</v>
      </c>
      <c r="AK27" s="280">
        <v>26</v>
      </c>
      <c r="AL27" s="277">
        <v>26</v>
      </c>
      <c r="AM27" s="279">
        <v>0</v>
      </c>
      <c r="AN27" s="280">
        <v>0</v>
      </c>
      <c r="AO27" s="280">
        <v>0</v>
      </c>
      <c r="AP27" s="280">
        <v>16</v>
      </c>
      <c r="AQ27" s="280">
        <v>0</v>
      </c>
      <c r="AR27" s="280">
        <v>0</v>
      </c>
      <c r="AS27" s="277">
        <v>16</v>
      </c>
      <c r="AT27" s="282">
        <v>42</v>
      </c>
      <c r="AU27" s="276">
        <v>0</v>
      </c>
      <c r="AV27" s="280">
        <v>0</v>
      </c>
      <c r="AW27" s="277">
        <v>0</v>
      </c>
      <c r="AX27" s="279">
        <v>0</v>
      </c>
      <c r="AY27" s="280">
        <v>68</v>
      </c>
      <c r="AZ27" s="280">
        <v>23</v>
      </c>
      <c r="BA27" s="280">
        <v>11</v>
      </c>
      <c r="BB27" s="280">
        <v>39</v>
      </c>
      <c r="BC27" s="280">
        <v>0</v>
      </c>
      <c r="BD27" s="281">
        <v>141</v>
      </c>
      <c r="BE27" s="282">
        <v>141</v>
      </c>
      <c r="BF27" s="276">
        <v>0</v>
      </c>
      <c r="BG27" s="280">
        <v>0</v>
      </c>
      <c r="BH27" s="277">
        <v>0</v>
      </c>
      <c r="BI27" s="279">
        <v>0</v>
      </c>
      <c r="BJ27" s="280">
        <v>13</v>
      </c>
      <c r="BK27" s="280">
        <v>46</v>
      </c>
      <c r="BL27" s="280">
        <v>28</v>
      </c>
      <c r="BM27" s="280">
        <v>0</v>
      </c>
      <c r="BN27" s="280">
        <v>0</v>
      </c>
      <c r="BO27" s="277">
        <v>87</v>
      </c>
      <c r="BP27" s="282">
        <v>87</v>
      </c>
      <c r="BQ27" s="276">
        <v>0</v>
      </c>
      <c r="BR27" s="280">
        <v>0</v>
      </c>
      <c r="BS27" s="277">
        <v>0</v>
      </c>
      <c r="BT27" s="279">
        <v>0</v>
      </c>
      <c r="BU27" s="280">
        <v>4</v>
      </c>
      <c r="BV27" s="280">
        <v>3</v>
      </c>
      <c r="BW27" s="280">
        <v>0</v>
      </c>
      <c r="BX27" s="280">
        <v>16</v>
      </c>
      <c r="BY27" s="280">
        <v>0</v>
      </c>
      <c r="BZ27" s="277">
        <v>23</v>
      </c>
      <c r="CA27" s="282">
        <v>23</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2">
        <v>0</v>
      </c>
      <c r="F28" s="279">
        <v>0</v>
      </c>
      <c r="G28" s="280">
        <v>122</v>
      </c>
      <c r="H28" s="280">
        <v>82</v>
      </c>
      <c r="I28" s="280">
        <v>200</v>
      </c>
      <c r="J28" s="280">
        <v>14</v>
      </c>
      <c r="K28" s="280">
        <v>0</v>
      </c>
      <c r="L28" s="281">
        <v>418</v>
      </c>
      <c r="M28" s="282">
        <v>418</v>
      </c>
      <c r="N28" s="276">
        <v>0</v>
      </c>
      <c r="O28" s="280">
        <v>0</v>
      </c>
      <c r="P28" s="277">
        <v>0</v>
      </c>
      <c r="Q28" s="279">
        <v>0</v>
      </c>
      <c r="R28" s="280">
        <v>0</v>
      </c>
      <c r="S28" s="280">
        <v>0</v>
      </c>
      <c r="T28" s="280">
        <v>0</v>
      </c>
      <c r="U28" s="280">
        <v>8</v>
      </c>
      <c r="V28" s="280">
        <v>0</v>
      </c>
      <c r="W28" s="277">
        <v>8</v>
      </c>
      <c r="X28" s="282">
        <v>8</v>
      </c>
      <c r="Y28" s="276">
        <v>0</v>
      </c>
      <c r="Z28" s="280">
        <v>0</v>
      </c>
      <c r="AA28" s="277">
        <v>0</v>
      </c>
      <c r="AB28" s="279">
        <v>0</v>
      </c>
      <c r="AC28" s="280">
        <v>18</v>
      </c>
      <c r="AD28" s="280">
        <v>15</v>
      </c>
      <c r="AE28" s="280">
        <v>27</v>
      </c>
      <c r="AF28" s="280">
        <v>2</v>
      </c>
      <c r="AG28" s="280">
        <v>5</v>
      </c>
      <c r="AH28" s="277">
        <v>67</v>
      </c>
      <c r="AI28" s="282">
        <v>67</v>
      </c>
      <c r="AJ28" s="276">
        <v>0</v>
      </c>
      <c r="AK28" s="280">
        <v>0</v>
      </c>
      <c r="AL28" s="277">
        <v>0</v>
      </c>
      <c r="AM28" s="279">
        <v>0</v>
      </c>
      <c r="AN28" s="280">
        <v>0</v>
      </c>
      <c r="AO28" s="280">
        <v>0</v>
      </c>
      <c r="AP28" s="280">
        <v>2</v>
      </c>
      <c r="AQ28" s="280">
        <v>0</v>
      </c>
      <c r="AR28" s="280">
        <v>0</v>
      </c>
      <c r="AS28" s="277">
        <v>2</v>
      </c>
      <c r="AT28" s="282">
        <v>2</v>
      </c>
      <c r="AU28" s="276">
        <v>0</v>
      </c>
      <c r="AV28" s="280">
        <v>0</v>
      </c>
      <c r="AW28" s="277">
        <v>0</v>
      </c>
      <c r="AX28" s="279">
        <v>0</v>
      </c>
      <c r="AY28" s="280">
        <v>72</v>
      </c>
      <c r="AZ28" s="280">
        <v>66</v>
      </c>
      <c r="BA28" s="280">
        <v>36</v>
      </c>
      <c r="BB28" s="280">
        <v>1</v>
      </c>
      <c r="BC28" s="280">
        <v>28</v>
      </c>
      <c r="BD28" s="281">
        <v>203</v>
      </c>
      <c r="BE28" s="282">
        <v>203</v>
      </c>
      <c r="BF28" s="276">
        <v>0</v>
      </c>
      <c r="BG28" s="280">
        <v>0</v>
      </c>
      <c r="BH28" s="277">
        <v>0</v>
      </c>
      <c r="BI28" s="279">
        <v>0</v>
      </c>
      <c r="BJ28" s="280">
        <v>8</v>
      </c>
      <c r="BK28" s="280">
        <v>34</v>
      </c>
      <c r="BL28" s="280">
        <v>9</v>
      </c>
      <c r="BM28" s="280">
        <v>0</v>
      </c>
      <c r="BN28" s="280">
        <v>0</v>
      </c>
      <c r="BO28" s="277">
        <v>51</v>
      </c>
      <c r="BP28" s="282">
        <v>51</v>
      </c>
      <c r="BQ28" s="276">
        <v>0</v>
      </c>
      <c r="BR28" s="280">
        <v>0</v>
      </c>
      <c r="BS28" s="277">
        <v>0</v>
      </c>
      <c r="BT28" s="279">
        <v>0</v>
      </c>
      <c r="BU28" s="280">
        <v>3</v>
      </c>
      <c r="BV28" s="280">
        <v>28</v>
      </c>
      <c r="BW28" s="280">
        <v>11</v>
      </c>
      <c r="BX28" s="280">
        <v>30</v>
      </c>
      <c r="BY28" s="280">
        <v>0</v>
      </c>
      <c r="BZ28" s="277">
        <v>72</v>
      </c>
      <c r="CA28" s="282">
        <v>72</v>
      </c>
      <c r="CB28" s="276">
        <v>0</v>
      </c>
      <c r="CC28" s="280">
        <v>0</v>
      </c>
      <c r="CD28" s="277">
        <v>0</v>
      </c>
      <c r="CE28" s="279">
        <v>0</v>
      </c>
      <c r="CF28" s="280">
        <v>0</v>
      </c>
      <c r="CG28" s="280">
        <v>0</v>
      </c>
      <c r="CH28" s="280">
        <v>9</v>
      </c>
      <c r="CI28" s="280">
        <v>0</v>
      </c>
      <c r="CJ28" s="280">
        <v>0</v>
      </c>
      <c r="CK28" s="277">
        <v>9</v>
      </c>
      <c r="CL28" s="282">
        <v>9</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2">
        <v>0</v>
      </c>
      <c r="F29" s="279">
        <v>0</v>
      </c>
      <c r="G29" s="280">
        <v>30</v>
      </c>
      <c r="H29" s="280">
        <v>60</v>
      </c>
      <c r="I29" s="280">
        <v>40</v>
      </c>
      <c r="J29" s="280">
        <v>265</v>
      </c>
      <c r="K29" s="280">
        <v>80</v>
      </c>
      <c r="L29" s="281">
        <v>475</v>
      </c>
      <c r="M29" s="282">
        <v>475</v>
      </c>
      <c r="N29" s="276">
        <v>0</v>
      </c>
      <c r="O29" s="280">
        <v>0</v>
      </c>
      <c r="P29" s="277">
        <v>0</v>
      </c>
      <c r="Q29" s="279">
        <v>0</v>
      </c>
      <c r="R29" s="280">
        <v>0</v>
      </c>
      <c r="S29" s="280">
        <v>0</v>
      </c>
      <c r="T29" s="280">
        <v>0</v>
      </c>
      <c r="U29" s="280">
        <v>0</v>
      </c>
      <c r="V29" s="280">
        <v>9</v>
      </c>
      <c r="W29" s="277">
        <v>9</v>
      </c>
      <c r="X29" s="282">
        <v>9</v>
      </c>
      <c r="Y29" s="276">
        <v>10</v>
      </c>
      <c r="Z29" s="280">
        <v>21</v>
      </c>
      <c r="AA29" s="277">
        <v>31</v>
      </c>
      <c r="AB29" s="279">
        <v>0</v>
      </c>
      <c r="AC29" s="280">
        <v>29</v>
      </c>
      <c r="AD29" s="280">
        <v>57</v>
      </c>
      <c r="AE29" s="280">
        <v>38</v>
      </c>
      <c r="AF29" s="280">
        <v>48</v>
      </c>
      <c r="AG29" s="280">
        <v>56</v>
      </c>
      <c r="AH29" s="277">
        <v>228</v>
      </c>
      <c r="AI29" s="282">
        <v>259</v>
      </c>
      <c r="AJ29" s="276">
        <v>0</v>
      </c>
      <c r="AK29" s="280">
        <v>0</v>
      </c>
      <c r="AL29" s="277">
        <v>0</v>
      </c>
      <c r="AM29" s="279">
        <v>0</v>
      </c>
      <c r="AN29" s="280">
        <v>0</v>
      </c>
      <c r="AO29" s="280">
        <v>15</v>
      </c>
      <c r="AP29" s="280">
        <v>0</v>
      </c>
      <c r="AQ29" s="280">
        <v>0</v>
      </c>
      <c r="AR29" s="280">
        <v>0</v>
      </c>
      <c r="AS29" s="277">
        <v>15</v>
      </c>
      <c r="AT29" s="282">
        <v>15</v>
      </c>
      <c r="AU29" s="276">
        <v>0</v>
      </c>
      <c r="AV29" s="280">
        <v>0</v>
      </c>
      <c r="AW29" s="277">
        <v>0</v>
      </c>
      <c r="AX29" s="279">
        <v>0</v>
      </c>
      <c r="AY29" s="280">
        <v>92</v>
      </c>
      <c r="AZ29" s="280">
        <v>78</v>
      </c>
      <c r="BA29" s="280">
        <v>61</v>
      </c>
      <c r="BB29" s="280">
        <v>40</v>
      </c>
      <c r="BC29" s="280">
        <v>0</v>
      </c>
      <c r="BD29" s="281">
        <v>271</v>
      </c>
      <c r="BE29" s="282">
        <v>271</v>
      </c>
      <c r="BF29" s="276">
        <v>0</v>
      </c>
      <c r="BG29" s="280">
        <v>0</v>
      </c>
      <c r="BH29" s="277">
        <v>0</v>
      </c>
      <c r="BI29" s="279">
        <v>0</v>
      </c>
      <c r="BJ29" s="280">
        <v>9</v>
      </c>
      <c r="BK29" s="280">
        <v>32</v>
      </c>
      <c r="BL29" s="280">
        <v>9</v>
      </c>
      <c r="BM29" s="280">
        <v>0</v>
      </c>
      <c r="BN29" s="280">
        <v>0</v>
      </c>
      <c r="BO29" s="277">
        <v>50</v>
      </c>
      <c r="BP29" s="282">
        <v>50</v>
      </c>
      <c r="BQ29" s="276">
        <v>0</v>
      </c>
      <c r="BR29" s="280">
        <v>0</v>
      </c>
      <c r="BS29" s="277">
        <v>0</v>
      </c>
      <c r="BT29" s="279">
        <v>0</v>
      </c>
      <c r="BU29" s="280">
        <v>1</v>
      </c>
      <c r="BV29" s="280">
        <v>0</v>
      </c>
      <c r="BW29" s="280">
        <v>9</v>
      </c>
      <c r="BX29" s="280">
        <v>17</v>
      </c>
      <c r="BY29" s="280">
        <v>3</v>
      </c>
      <c r="BZ29" s="277">
        <v>30</v>
      </c>
      <c r="CA29" s="282">
        <v>30</v>
      </c>
      <c r="CB29" s="276">
        <v>0</v>
      </c>
      <c r="CC29" s="280">
        <v>0</v>
      </c>
      <c r="CD29" s="277">
        <v>0</v>
      </c>
      <c r="CE29" s="279">
        <v>0</v>
      </c>
      <c r="CF29" s="280">
        <v>2</v>
      </c>
      <c r="CG29" s="280">
        <v>0</v>
      </c>
      <c r="CH29" s="280">
        <v>1</v>
      </c>
      <c r="CI29" s="280">
        <v>0</v>
      </c>
      <c r="CJ29" s="280">
        <v>0</v>
      </c>
      <c r="CK29" s="277">
        <v>3</v>
      </c>
      <c r="CL29" s="282">
        <v>3</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2">
        <v>0</v>
      </c>
      <c r="F30" s="279">
        <v>0</v>
      </c>
      <c r="G30" s="280">
        <v>0</v>
      </c>
      <c r="H30" s="280">
        <v>0</v>
      </c>
      <c r="I30" s="280">
        <v>0</v>
      </c>
      <c r="J30" s="280">
        <v>28</v>
      </c>
      <c r="K30" s="280">
        <v>0</v>
      </c>
      <c r="L30" s="281">
        <v>28</v>
      </c>
      <c r="M30" s="282">
        <v>28</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v>
      </c>
      <c r="AE30" s="280">
        <v>0</v>
      </c>
      <c r="AF30" s="280">
        <v>22</v>
      </c>
      <c r="AG30" s="280">
        <v>0</v>
      </c>
      <c r="AH30" s="277">
        <v>23</v>
      </c>
      <c r="AI30" s="282">
        <v>2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30</v>
      </c>
      <c r="AZ30" s="280">
        <v>4</v>
      </c>
      <c r="BA30" s="280">
        <v>0</v>
      </c>
      <c r="BB30" s="280">
        <v>0</v>
      </c>
      <c r="BC30" s="280">
        <v>0</v>
      </c>
      <c r="BD30" s="281">
        <v>34</v>
      </c>
      <c r="BE30" s="282">
        <v>34</v>
      </c>
      <c r="BF30" s="276">
        <v>0</v>
      </c>
      <c r="BG30" s="280">
        <v>0</v>
      </c>
      <c r="BH30" s="277">
        <v>0</v>
      </c>
      <c r="BI30" s="279">
        <v>0</v>
      </c>
      <c r="BJ30" s="280">
        <v>0</v>
      </c>
      <c r="BK30" s="280">
        <v>0</v>
      </c>
      <c r="BL30" s="280">
        <v>0</v>
      </c>
      <c r="BM30" s="280">
        <v>0</v>
      </c>
      <c r="BN30" s="280">
        <v>0</v>
      </c>
      <c r="BO30" s="277">
        <v>0</v>
      </c>
      <c r="BP30" s="282">
        <v>0</v>
      </c>
      <c r="BQ30" s="276">
        <v>0</v>
      </c>
      <c r="BR30" s="280">
        <v>0</v>
      </c>
      <c r="BS30" s="277">
        <v>0</v>
      </c>
      <c r="BT30" s="279">
        <v>0</v>
      </c>
      <c r="BU30" s="280">
        <v>0</v>
      </c>
      <c r="BV30" s="280">
        <v>0</v>
      </c>
      <c r="BW30" s="280">
        <v>23</v>
      </c>
      <c r="BX30" s="280">
        <v>0</v>
      </c>
      <c r="BY30" s="280">
        <v>4</v>
      </c>
      <c r="BZ30" s="277">
        <v>27</v>
      </c>
      <c r="CA30" s="282">
        <v>27</v>
      </c>
      <c r="CB30" s="276">
        <v>0</v>
      </c>
      <c r="CC30" s="280">
        <v>0</v>
      </c>
      <c r="CD30" s="277">
        <v>0</v>
      </c>
      <c r="CE30" s="279">
        <v>0</v>
      </c>
      <c r="CF30" s="280">
        <v>0</v>
      </c>
      <c r="CG30" s="280">
        <v>0</v>
      </c>
      <c r="CH30" s="280">
        <v>4</v>
      </c>
      <c r="CI30" s="280">
        <v>0</v>
      </c>
      <c r="CJ30" s="280">
        <v>0</v>
      </c>
      <c r="CK30" s="277">
        <v>4</v>
      </c>
      <c r="CL30" s="282">
        <v>4</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2">
        <v>0</v>
      </c>
      <c r="F31" s="279">
        <v>0</v>
      </c>
      <c r="G31" s="280">
        <v>0</v>
      </c>
      <c r="H31" s="280">
        <v>40</v>
      </c>
      <c r="I31" s="280">
        <v>0</v>
      </c>
      <c r="J31" s="280">
        <v>8</v>
      </c>
      <c r="K31" s="280">
        <v>0</v>
      </c>
      <c r="L31" s="281">
        <v>48</v>
      </c>
      <c r="M31" s="282">
        <v>48</v>
      </c>
      <c r="N31" s="276">
        <v>0</v>
      </c>
      <c r="O31" s="280">
        <v>0</v>
      </c>
      <c r="P31" s="277">
        <v>0</v>
      </c>
      <c r="Q31" s="279">
        <v>0</v>
      </c>
      <c r="R31" s="280">
        <v>0</v>
      </c>
      <c r="S31" s="280">
        <v>0</v>
      </c>
      <c r="T31" s="280">
        <v>0</v>
      </c>
      <c r="U31" s="280">
        <v>0</v>
      </c>
      <c r="V31" s="280">
        <v>4</v>
      </c>
      <c r="W31" s="277">
        <v>4</v>
      </c>
      <c r="X31" s="282">
        <v>4</v>
      </c>
      <c r="Y31" s="276">
        <v>0</v>
      </c>
      <c r="Z31" s="280">
        <v>2</v>
      </c>
      <c r="AA31" s="277">
        <v>2</v>
      </c>
      <c r="AB31" s="279">
        <v>0</v>
      </c>
      <c r="AC31" s="280">
        <v>0</v>
      </c>
      <c r="AD31" s="280">
        <v>5</v>
      </c>
      <c r="AE31" s="280">
        <v>0</v>
      </c>
      <c r="AF31" s="280">
        <v>0</v>
      </c>
      <c r="AG31" s="280">
        <v>0</v>
      </c>
      <c r="AH31" s="277">
        <v>5</v>
      </c>
      <c r="AI31" s="282">
        <v>7</v>
      </c>
      <c r="AJ31" s="276">
        <v>0</v>
      </c>
      <c r="AK31" s="280">
        <v>0</v>
      </c>
      <c r="AL31" s="277">
        <v>0</v>
      </c>
      <c r="AM31" s="279">
        <v>0</v>
      </c>
      <c r="AN31" s="280">
        <v>0</v>
      </c>
      <c r="AO31" s="280">
        <v>9</v>
      </c>
      <c r="AP31" s="280">
        <v>0</v>
      </c>
      <c r="AQ31" s="280">
        <v>0</v>
      </c>
      <c r="AR31" s="280">
        <v>0</v>
      </c>
      <c r="AS31" s="277">
        <v>9</v>
      </c>
      <c r="AT31" s="282">
        <v>9</v>
      </c>
      <c r="AU31" s="276">
        <v>0</v>
      </c>
      <c r="AV31" s="280">
        <v>0</v>
      </c>
      <c r="AW31" s="277">
        <v>0</v>
      </c>
      <c r="AX31" s="279">
        <v>0</v>
      </c>
      <c r="AY31" s="280">
        <v>53</v>
      </c>
      <c r="AZ31" s="280">
        <v>65</v>
      </c>
      <c r="BA31" s="280">
        <v>5</v>
      </c>
      <c r="BB31" s="280">
        <v>8</v>
      </c>
      <c r="BC31" s="280">
        <v>0</v>
      </c>
      <c r="BD31" s="281">
        <v>131</v>
      </c>
      <c r="BE31" s="282">
        <v>131</v>
      </c>
      <c r="BF31" s="276">
        <v>0</v>
      </c>
      <c r="BG31" s="280">
        <v>0</v>
      </c>
      <c r="BH31" s="277">
        <v>0</v>
      </c>
      <c r="BI31" s="279">
        <v>0</v>
      </c>
      <c r="BJ31" s="280">
        <v>8</v>
      </c>
      <c r="BK31" s="280">
        <v>0</v>
      </c>
      <c r="BL31" s="280">
        <v>0</v>
      </c>
      <c r="BM31" s="280">
        <v>0</v>
      </c>
      <c r="BN31" s="280">
        <v>0</v>
      </c>
      <c r="BO31" s="277">
        <v>8</v>
      </c>
      <c r="BP31" s="282">
        <v>8</v>
      </c>
      <c r="BQ31" s="276">
        <v>0</v>
      </c>
      <c r="BR31" s="280">
        <v>0</v>
      </c>
      <c r="BS31" s="277">
        <v>0</v>
      </c>
      <c r="BT31" s="279">
        <v>0</v>
      </c>
      <c r="BU31" s="280">
        <v>0</v>
      </c>
      <c r="BV31" s="280">
        <v>0</v>
      </c>
      <c r="BW31" s="280">
        <v>8</v>
      </c>
      <c r="BX31" s="280">
        <v>0</v>
      </c>
      <c r="BY31" s="280">
        <v>6</v>
      </c>
      <c r="BZ31" s="277">
        <v>14</v>
      </c>
      <c r="CA31" s="282">
        <v>1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2">
        <v>0</v>
      </c>
      <c r="F32" s="279">
        <v>0</v>
      </c>
      <c r="G32" s="280">
        <v>12</v>
      </c>
      <c r="H32" s="280">
        <v>9</v>
      </c>
      <c r="I32" s="280">
        <v>18</v>
      </c>
      <c r="J32" s="280">
        <v>15</v>
      </c>
      <c r="K32" s="280">
        <v>0</v>
      </c>
      <c r="L32" s="281">
        <v>54</v>
      </c>
      <c r="M32" s="282">
        <v>54</v>
      </c>
      <c r="N32" s="276">
        <v>0</v>
      </c>
      <c r="O32" s="280">
        <v>0</v>
      </c>
      <c r="P32" s="277">
        <v>0</v>
      </c>
      <c r="Q32" s="279">
        <v>0</v>
      </c>
      <c r="R32" s="280">
        <v>0</v>
      </c>
      <c r="S32" s="280">
        <v>0</v>
      </c>
      <c r="T32" s="280">
        <v>0</v>
      </c>
      <c r="U32" s="280">
        <v>0</v>
      </c>
      <c r="V32" s="280">
        <v>0</v>
      </c>
      <c r="W32" s="277">
        <v>0</v>
      </c>
      <c r="X32" s="282">
        <v>0</v>
      </c>
      <c r="Y32" s="276">
        <v>0</v>
      </c>
      <c r="Z32" s="280">
        <v>11</v>
      </c>
      <c r="AA32" s="277">
        <v>11</v>
      </c>
      <c r="AB32" s="279">
        <v>0</v>
      </c>
      <c r="AC32" s="280">
        <v>3</v>
      </c>
      <c r="AD32" s="280">
        <v>0</v>
      </c>
      <c r="AE32" s="280">
        <v>3</v>
      </c>
      <c r="AF32" s="280">
        <v>3</v>
      </c>
      <c r="AG32" s="280">
        <v>3</v>
      </c>
      <c r="AH32" s="277">
        <v>12</v>
      </c>
      <c r="AI32" s="282">
        <v>23</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8</v>
      </c>
      <c r="AZ32" s="280">
        <v>0</v>
      </c>
      <c r="BA32" s="280">
        <v>0</v>
      </c>
      <c r="BB32" s="280">
        <v>15</v>
      </c>
      <c r="BC32" s="280">
        <v>0</v>
      </c>
      <c r="BD32" s="281">
        <v>23</v>
      </c>
      <c r="BE32" s="282">
        <v>23</v>
      </c>
      <c r="BF32" s="276">
        <v>0</v>
      </c>
      <c r="BG32" s="280">
        <v>0</v>
      </c>
      <c r="BH32" s="277">
        <v>0</v>
      </c>
      <c r="BI32" s="279">
        <v>0</v>
      </c>
      <c r="BJ32" s="280">
        <v>0</v>
      </c>
      <c r="BK32" s="280">
        <v>0</v>
      </c>
      <c r="BL32" s="280">
        <v>12</v>
      </c>
      <c r="BM32" s="280">
        <v>0</v>
      </c>
      <c r="BN32" s="280">
        <v>0</v>
      </c>
      <c r="BO32" s="277">
        <v>12</v>
      </c>
      <c r="BP32" s="282">
        <v>12</v>
      </c>
      <c r="BQ32" s="276">
        <v>0</v>
      </c>
      <c r="BR32" s="280">
        <v>0</v>
      </c>
      <c r="BS32" s="277">
        <v>0</v>
      </c>
      <c r="BT32" s="279">
        <v>0</v>
      </c>
      <c r="BU32" s="280">
        <v>0</v>
      </c>
      <c r="BV32" s="280">
        <v>0</v>
      </c>
      <c r="BW32" s="280">
        <v>4</v>
      </c>
      <c r="BX32" s="280">
        <v>8</v>
      </c>
      <c r="BY32" s="280">
        <v>0</v>
      </c>
      <c r="BZ32" s="277">
        <v>12</v>
      </c>
      <c r="CA32" s="282">
        <v>12</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2">
        <v>0</v>
      </c>
      <c r="F33" s="279">
        <v>0</v>
      </c>
      <c r="G33" s="280">
        <v>5</v>
      </c>
      <c r="H33" s="280">
        <v>0</v>
      </c>
      <c r="I33" s="280">
        <v>18</v>
      </c>
      <c r="J33" s="280">
        <v>4</v>
      </c>
      <c r="K33" s="280">
        <v>0</v>
      </c>
      <c r="L33" s="281">
        <v>27</v>
      </c>
      <c r="M33" s="282">
        <v>27</v>
      </c>
      <c r="N33" s="276">
        <v>0</v>
      </c>
      <c r="O33" s="280">
        <v>0</v>
      </c>
      <c r="P33" s="277">
        <v>0</v>
      </c>
      <c r="Q33" s="279">
        <v>0</v>
      </c>
      <c r="R33" s="280">
        <v>0</v>
      </c>
      <c r="S33" s="280">
        <v>5</v>
      </c>
      <c r="T33" s="280">
        <v>9</v>
      </c>
      <c r="U33" s="280">
        <v>0</v>
      </c>
      <c r="V33" s="280">
        <v>0</v>
      </c>
      <c r="W33" s="277">
        <v>14</v>
      </c>
      <c r="X33" s="282">
        <v>14</v>
      </c>
      <c r="Y33" s="276">
        <v>2</v>
      </c>
      <c r="Z33" s="280">
        <v>0</v>
      </c>
      <c r="AA33" s="277">
        <v>2</v>
      </c>
      <c r="AB33" s="279">
        <v>0</v>
      </c>
      <c r="AC33" s="280">
        <v>0</v>
      </c>
      <c r="AD33" s="280">
        <v>28</v>
      </c>
      <c r="AE33" s="280">
        <v>12</v>
      </c>
      <c r="AF33" s="280">
        <v>9</v>
      </c>
      <c r="AG33" s="280">
        <v>0</v>
      </c>
      <c r="AH33" s="277">
        <v>49</v>
      </c>
      <c r="AI33" s="282">
        <v>51</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26</v>
      </c>
      <c r="AZ33" s="280">
        <v>27</v>
      </c>
      <c r="BA33" s="280">
        <v>5</v>
      </c>
      <c r="BB33" s="280">
        <v>4</v>
      </c>
      <c r="BC33" s="280">
        <v>0</v>
      </c>
      <c r="BD33" s="281">
        <v>62</v>
      </c>
      <c r="BE33" s="282">
        <v>62</v>
      </c>
      <c r="BF33" s="276">
        <v>0</v>
      </c>
      <c r="BG33" s="280">
        <v>0</v>
      </c>
      <c r="BH33" s="277">
        <v>0</v>
      </c>
      <c r="BI33" s="279">
        <v>0</v>
      </c>
      <c r="BJ33" s="280">
        <v>8</v>
      </c>
      <c r="BK33" s="280">
        <v>4</v>
      </c>
      <c r="BL33" s="280">
        <v>11</v>
      </c>
      <c r="BM33" s="280">
        <v>0</v>
      </c>
      <c r="BN33" s="280">
        <v>0</v>
      </c>
      <c r="BO33" s="277">
        <v>23</v>
      </c>
      <c r="BP33" s="282">
        <v>23</v>
      </c>
      <c r="BQ33" s="276">
        <v>0</v>
      </c>
      <c r="BR33" s="280">
        <v>0</v>
      </c>
      <c r="BS33" s="277">
        <v>0</v>
      </c>
      <c r="BT33" s="279">
        <v>0</v>
      </c>
      <c r="BU33" s="280">
        <v>3</v>
      </c>
      <c r="BV33" s="280">
        <v>13</v>
      </c>
      <c r="BW33" s="280">
        <v>3</v>
      </c>
      <c r="BX33" s="280">
        <v>3</v>
      </c>
      <c r="BY33" s="280">
        <v>0</v>
      </c>
      <c r="BZ33" s="277">
        <v>22</v>
      </c>
      <c r="CA33" s="282">
        <v>22</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2">
        <v>0</v>
      </c>
      <c r="F34" s="279">
        <v>0</v>
      </c>
      <c r="G34" s="280">
        <v>8</v>
      </c>
      <c r="H34" s="280">
        <v>40</v>
      </c>
      <c r="I34" s="280">
        <v>38</v>
      </c>
      <c r="J34" s="280">
        <v>126</v>
      </c>
      <c r="K34" s="280">
        <v>87</v>
      </c>
      <c r="L34" s="281">
        <v>299</v>
      </c>
      <c r="M34" s="282">
        <v>299</v>
      </c>
      <c r="N34" s="276">
        <v>0</v>
      </c>
      <c r="O34" s="280">
        <v>0</v>
      </c>
      <c r="P34" s="277">
        <v>0</v>
      </c>
      <c r="Q34" s="279">
        <v>0</v>
      </c>
      <c r="R34" s="280">
        <v>0</v>
      </c>
      <c r="S34" s="280">
        <v>0</v>
      </c>
      <c r="T34" s="280">
        <v>0</v>
      </c>
      <c r="U34" s="280">
        <v>0</v>
      </c>
      <c r="V34" s="280">
        <v>4</v>
      </c>
      <c r="W34" s="277">
        <v>4</v>
      </c>
      <c r="X34" s="282">
        <v>4</v>
      </c>
      <c r="Y34" s="276">
        <v>0</v>
      </c>
      <c r="Z34" s="280">
        <v>2</v>
      </c>
      <c r="AA34" s="277">
        <v>2</v>
      </c>
      <c r="AB34" s="279">
        <v>0</v>
      </c>
      <c r="AC34" s="280">
        <v>11</v>
      </c>
      <c r="AD34" s="280">
        <v>17</v>
      </c>
      <c r="AE34" s="280">
        <v>14</v>
      </c>
      <c r="AF34" s="280">
        <v>0</v>
      </c>
      <c r="AG34" s="280">
        <v>0</v>
      </c>
      <c r="AH34" s="277">
        <v>42</v>
      </c>
      <c r="AI34" s="282">
        <v>44</v>
      </c>
      <c r="AJ34" s="276">
        <v>0</v>
      </c>
      <c r="AK34" s="280">
        <v>0</v>
      </c>
      <c r="AL34" s="277">
        <v>0</v>
      </c>
      <c r="AM34" s="279">
        <v>0</v>
      </c>
      <c r="AN34" s="280">
        <v>0</v>
      </c>
      <c r="AO34" s="280">
        <v>9</v>
      </c>
      <c r="AP34" s="280">
        <v>0</v>
      </c>
      <c r="AQ34" s="280">
        <v>0</v>
      </c>
      <c r="AR34" s="280">
        <v>0</v>
      </c>
      <c r="AS34" s="277">
        <v>9</v>
      </c>
      <c r="AT34" s="282">
        <v>9</v>
      </c>
      <c r="AU34" s="276">
        <v>0</v>
      </c>
      <c r="AV34" s="280">
        <v>0</v>
      </c>
      <c r="AW34" s="277">
        <v>0</v>
      </c>
      <c r="AX34" s="279">
        <v>0</v>
      </c>
      <c r="AY34" s="280">
        <v>29</v>
      </c>
      <c r="AZ34" s="280">
        <v>32</v>
      </c>
      <c r="BA34" s="280">
        <v>38</v>
      </c>
      <c r="BB34" s="280">
        <v>0</v>
      </c>
      <c r="BC34" s="280">
        <v>15</v>
      </c>
      <c r="BD34" s="281">
        <v>114</v>
      </c>
      <c r="BE34" s="282">
        <v>114</v>
      </c>
      <c r="BF34" s="276">
        <v>0</v>
      </c>
      <c r="BG34" s="280">
        <v>0</v>
      </c>
      <c r="BH34" s="277">
        <v>0</v>
      </c>
      <c r="BI34" s="279">
        <v>0</v>
      </c>
      <c r="BJ34" s="280">
        <v>22</v>
      </c>
      <c r="BK34" s="280">
        <v>8</v>
      </c>
      <c r="BL34" s="280">
        <v>0</v>
      </c>
      <c r="BM34" s="280">
        <v>0</v>
      </c>
      <c r="BN34" s="280">
        <v>5</v>
      </c>
      <c r="BO34" s="277">
        <v>35</v>
      </c>
      <c r="BP34" s="282">
        <v>35</v>
      </c>
      <c r="BQ34" s="276">
        <v>0</v>
      </c>
      <c r="BR34" s="280">
        <v>0</v>
      </c>
      <c r="BS34" s="277">
        <v>0</v>
      </c>
      <c r="BT34" s="279">
        <v>0</v>
      </c>
      <c r="BU34" s="280">
        <v>0</v>
      </c>
      <c r="BV34" s="280">
        <v>0</v>
      </c>
      <c r="BW34" s="280">
        <v>0</v>
      </c>
      <c r="BX34" s="280">
        <v>0</v>
      </c>
      <c r="BY34" s="280">
        <v>7</v>
      </c>
      <c r="BZ34" s="277">
        <v>7</v>
      </c>
      <c r="CA34" s="282">
        <v>7</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2">
        <v>0</v>
      </c>
      <c r="F35" s="279">
        <v>0</v>
      </c>
      <c r="G35" s="280">
        <v>8</v>
      </c>
      <c r="H35" s="280">
        <v>0</v>
      </c>
      <c r="I35" s="280">
        <v>0</v>
      </c>
      <c r="J35" s="280">
        <v>0</v>
      </c>
      <c r="K35" s="280">
        <v>13</v>
      </c>
      <c r="L35" s="281">
        <v>21</v>
      </c>
      <c r="M35" s="282">
        <v>21</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7</v>
      </c>
      <c r="AD35" s="280">
        <v>3</v>
      </c>
      <c r="AE35" s="280">
        <v>0</v>
      </c>
      <c r="AF35" s="280">
        <v>0</v>
      </c>
      <c r="AG35" s="280">
        <v>5</v>
      </c>
      <c r="AH35" s="277">
        <v>15</v>
      </c>
      <c r="AI35" s="282">
        <v>15</v>
      </c>
      <c r="AJ35" s="276">
        <v>21</v>
      </c>
      <c r="AK35" s="280">
        <v>12</v>
      </c>
      <c r="AL35" s="277">
        <v>33</v>
      </c>
      <c r="AM35" s="279">
        <v>0</v>
      </c>
      <c r="AN35" s="280">
        <v>15</v>
      </c>
      <c r="AO35" s="280">
        <v>0</v>
      </c>
      <c r="AP35" s="280">
        <v>6</v>
      </c>
      <c r="AQ35" s="280">
        <v>0</v>
      </c>
      <c r="AR35" s="280">
        <v>22</v>
      </c>
      <c r="AS35" s="277">
        <v>43</v>
      </c>
      <c r="AT35" s="282">
        <v>76</v>
      </c>
      <c r="AU35" s="276">
        <v>0</v>
      </c>
      <c r="AV35" s="280">
        <v>0</v>
      </c>
      <c r="AW35" s="277">
        <v>0</v>
      </c>
      <c r="AX35" s="279">
        <v>0</v>
      </c>
      <c r="AY35" s="280">
        <v>5</v>
      </c>
      <c r="AZ35" s="280">
        <v>0</v>
      </c>
      <c r="BA35" s="280">
        <v>0</v>
      </c>
      <c r="BB35" s="280">
        <v>0</v>
      </c>
      <c r="BC35" s="280">
        <v>0</v>
      </c>
      <c r="BD35" s="281">
        <v>5</v>
      </c>
      <c r="BE35" s="282">
        <v>5</v>
      </c>
      <c r="BF35" s="276">
        <v>0</v>
      </c>
      <c r="BG35" s="280">
        <v>0</v>
      </c>
      <c r="BH35" s="277">
        <v>0</v>
      </c>
      <c r="BI35" s="279">
        <v>0</v>
      </c>
      <c r="BJ35" s="280">
        <v>9</v>
      </c>
      <c r="BK35" s="280">
        <v>8</v>
      </c>
      <c r="BL35" s="280">
        <v>0</v>
      </c>
      <c r="BM35" s="280">
        <v>0</v>
      </c>
      <c r="BN35" s="280">
        <v>0</v>
      </c>
      <c r="BO35" s="277">
        <v>17</v>
      </c>
      <c r="BP35" s="282">
        <v>17</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2">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2</v>
      </c>
      <c r="AD36" s="280">
        <v>0</v>
      </c>
      <c r="AE36" s="280">
        <v>0</v>
      </c>
      <c r="AF36" s="280">
        <v>0</v>
      </c>
      <c r="AG36" s="280">
        <v>0</v>
      </c>
      <c r="AH36" s="277">
        <v>2</v>
      </c>
      <c r="AI36" s="282">
        <v>2</v>
      </c>
      <c r="AJ36" s="276">
        <v>0</v>
      </c>
      <c r="AK36" s="280">
        <v>0</v>
      </c>
      <c r="AL36" s="277">
        <v>0</v>
      </c>
      <c r="AM36" s="279">
        <v>0</v>
      </c>
      <c r="AN36" s="280">
        <v>0</v>
      </c>
      <c r="AO36" s="280">
        <v>29</v>
      </c>
      <c r="AP36" s="280">
        <v>0</v>
      </c>
      <c r="AQ36" s="280">
        <v>0</v>
      </c>
      <c r="AR36" s="280">
        <v>0</v>
      </c>
      <c r="AS36" s="277">
        <v>29</v>
      </c>
      <c r="AT36" s="282">
        <v>29</v>
      </c>
      <c r="AU36" s="276">
        <v>0</v>
      </c>
      <c r="AV36" s="280">
        <v>0</v>
      </c>
      <c r="AW36" s="277">
        <v>0</v>
      </c>
      <c r="AX36" s="279">
        <v>0</v>
      </c>
      <c r="AY36" s="280">
        <v>0</v>
      </c>
      <c r="AZ36" s="280">
        <v>0</v>
      </c>
      <c r="BA36" s="280">
        <v>0</v>
      </c>
      <c r="BB36" s="280">
        <v>5</v>
      </c>
      <c r="BC36" s="280">
        <v>0</v>
      </c>
      <c r="BD36" s="281">
        <v>5</v>
      </c>
      <c r="BE36" s="282">
        <v>5</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2">
        <v>0</v>
      </c>
      <c r="F37" s="279">
        <v>0</v>
      </c>
      <c r="G37" s="280">
        <v>111</v>
      </c>
      <c r="H37" s="280">
        <v>12</v>
      </c>
      <c r="I37" s="280">
        <v>0</v>
      </c>
      <c r="J37" s="280">
        <v>0</v>
      </c>
      <c r="K37" s="280">
        <v>81</v>
      </c>
      <c r="L37" s="281">
        <v>204</v>
      </c>
      <c r="M37" s="282">
        <v>204</v>
      </c>
      <c r="N37" s="276">
        <v>0</v>
      </c>
      <c r="O37" s="280">
        <v>0</v>
      </c>
      <c r="P37" s="277">
        <v>0</v>
      </c>
      <c r="Q37" s="279">
        <v>0</v>
      </c>
      <c r="R37" s="280">
        <v>0</v>
      </c>
      <c r="S37" s="280">
        <v>0</v>
      </c>
      <c r="T37" s="280">
        <v>1</v>
      </c>
      <c r="U37" s="280">
        <v>0</v>
      </c>
      <c r="V37" s="280">
        <v>14</v>
      </c>
      <c r="W37" s="277">
        <v>15</v>
      </c>
      <c r="X37" s="282">
        <v>15</v>
      </c>
      <c r="Y37" s="276">
        <v>11</v>
      </c>
      <c r="Z37" s="280">
        <v>0</v>
      </c>
      <c r="AA37" s="277">
        <v>11</v>
      </c>
      <c r="AB37" s="279">
        <v>0</v>
      </c>
      <c r="AC37" s="280">
        <v>13</v>
      </c>
      <c r="AD37" s="280">
        <v>8</v>
      </c>
      <c r="AE37" s="280">
        <v>0</v>
      </c>
      <c r="AF37" s="280">
        <v>14</v>
      </c>
      <c r="AG37" s="280">
        <v>40</v>
      </c>
      <c r="AH37" s="277">
        <v>75</v>
      </c>
      <c r="AI37" s="282">
        <v>86</v>
      </c>
      <c r="AJ37" s="276">
        <v>10</v>
      </c>
      <c r="AK37" s="280">
        <v>0</v>
      </c>
      <c r="AL37" s="277">
        <v>10</v>
      </c>
      <c r="AM37" s="279">
        <v>0</v>
      </c>
      <c r="AN37" s="280">
        <v>15</v>
      </c>
      <c r="AO37" s="280">
        <v>0</v>
      </c>
      <c r="AP37" s="280">
        <v>0</v>
      </c>
      <c r="AQ37" s="280">
        <v>27</v>
      </c>
      <c r="AR37" s="280">
        <v>0</v>
      </c>
      <c r="AS37" s="277">
        <v>42</v>
      </c>
      <c r="AT37" s="282">
        <v>52</v>
      </c>
      <c r="AU37" s="276">
        <v>0</v>
      </c>
      <c r="AV37" s="280">
        <v>0</v>
      </c>
      <c r="AW37" s="277">
        <v>0</v>
      </c>
      <c r="AX37" s="279">
        <v>0</v>
      </c>
      <c r="AY37" s="280">
        <v>70</v>
      </c>
      <c r="AZ37" s="280">
        <v>37</v>
      </c>
      <c r="BA37" s="280">
        <v>35</v>
      </c>
      <c r="BB37" s="280">
        <v>0</v>
      </c>
      <c r="BC37" s="280">
        <v>0</v>
      </c>
      <c r="BD37" s="281">
        <v>142</v>
      </c>
      <c r="BE37" s="282">
        <v>142</v>
      </c>
      <c r="BF37" s="276">
        <v>0</v>
      </c>
      <c r="BG37" s="280">
        <v>0</v>
      </c>
      <c r="BH37" s="277">
        <v>0</v>
      </c>
      <c r="BI37" s="279">
        <v>0</v>
      </c>
      <c r="BJ37" s="280">
        <v>15</v>
      </c>
      <c r="BK37" s="280">
        <v>0</v>
      </c>
      <c r="BL37" s="280">
        <v>0</v>
      </c>
      <c r="BM37" s="280">
        <v>0</v>
      </c>
      <c r="BN37" s="280">
        <v>0</v>
      </c>
      <c r="BO37" s="277">
        <v>15</v>
      </c>
      <c r="BP37" s="282">
        <v>15</v>
      </c>
      <c r="BQ37" s="276">
        <v>0</v>
      </c>
      <c r="BR37" s="280">
        <v>0</v>
      </c>
      <c r="BS37" s="277">
        <v>0</v>
      </c>
      <c r="BT37" s="279">
        <v>0</v>
      </c>
      <c r="BU37" s="280">
        <v>0</v>
      </c>
      <c r="BV37" s="280">
        <v>31</v>
      </c>
      <c r="BW37" s="280">
        <v>0</v>
      </c>
      <c r="BX37" s="280">
        <v>0</v>
      </c>
      <c r="BY37" s="280">
        <v>0</v>
      </c>
      <c r="BZ37" s="277">
        <v>31</v>
      </c>
      <c r="CA37" s="282">
        <v>31</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2">
        <v>0</v>
      </c>
      <c r="F38" s="279">
        <v>0</v>
      </c>
      <c r="G38" s="280">
        <v>9</v>
      </c>
      <c r="H38" s="280">
        <v>66</v>
      </c>
      <c r="I38" s="280">
        <v>10</v>
      </c>
      <c r="J38" s="280">
        <v>83</v>
      </c>
      <c r="K38" s="280">
        <v>278</v>
      </c>
      <c r="L38" s="281">
        <v>446</v>
      </c>
      <c r="M38" s="282">
        <v>446</v>
      </c>
      <c r="N38" s="276">
        <v>0</v>
      </c>
      <c r="O38" s="280">
        <v>0</v>
      </c>
      <c r="P38" s="277">
        <v>0</v>
      </c>
      <c r="Q38" s="279">
        <v>0</v>
      </c>
      <c r="R38" s="280">
        <v>5</v>
      </c>
      <c r="S38" s="280">
        <v>0</v>
      </c>
      <c r="T38" s="280">
        <v>0</v>
      </c>
      <c r="U38" s="280">
        <v>0</v>
      </c>
      <c r="V38" s="280">
        <v>0</v>
      </c>
      <c r="W38" s="277">
        <v>5</v>
      </c>
      <c r="X38" s="282">
        <v>5</v>
      </c>
      <c r="Y38" s="276">
        <v>0</v>
      </c>
      <c r="Z38" s="280">
        <v>8</v>
      </c>
      <c r="AA38" s="277">
        <v>8</v>
      </c>
      <c r="AB38" s="279">
        <v>0</v>
      </c>
      <c r="AC38" s="280">
        <v>29</v>
      </c>
      <c r="AD38" s="280">
        <v>0</v>
      </c>
      <c r="AE38" s="280">
        <v>0</v>
      </c>
      <c r="AF38" s="280">
        <v>0</v>
      </c>
      <c r="AG38" s="280">
        <v>17</v>
      </c>
      <c r="AH38" s="277">
        <v>46</v>
      </c>
      <c r="AI38" s="282">
        <v>54</v>
      </c>
      <c r="AJ38" s="276">
        <v>0</v>
      </c>
      <c r="AK38" s="280">
        <v>18</v>
      </c>
      <c r="AL38" s="277">
        <v>18</v>
      </c>
      <c r="AM38" s="279">
        <v>0</v>
      </c>
      <c r="AN38" s="280">
        <v>0</v>
      </c>
      <c r="AO38" s="280">
        <v>8</v>
      </c>
      <c r="AP38" s="280">
        <v>2</v>
      </c>
      <c r="AQ38" s="280">
        <v>0</v>
      </c>
      <c r="AR38" s="280">
        <v>0</v>
      </c>
      <c r="AS38" s="277">
        <v>10</v>
      </c>
      <c r="AT38" s="282">
        <v>28</v>
      </c>
      <c r="AU38" s="276">
        <v>0</v>
      </c>
      <c r="AV38" s="280">
        <v>0</v>
      </c>
      <c r="AW38" s="277">
        <v>0</v>
      </c>
      <c r="AX38" s="279">
        <v>0</v>
      </c>
      <c r="AY38" s="280">
        <v>24</v>
      </c>
      <c r="AZ38" s="280">
        <v>12</v>
      </c>
      <c r="BA38" s="280">
        <v>16</v>
      </c>
      <c r="BB38" s="280">
        <v>0</v>
      </c>
      <c r="BC38" s="280">
        <v>0</v>
      </c>
      <c r="BD38" s="281">
        <v>52</v>
      </c>
      <c r="BE38" s="282">
        <v>52</v>
      </c>
      <c r="BF38" s="276">
        <v>0</v>
      </c>
      <c r="BG38" s="280">
        <v>0</v>
      </c>
      <c r="BH38" s="277">
        <v>0</v>
      </c>
      <c r="BI38" s="279">
        <v>0</v>
      </c>
      <c r="BJ38" s="280">
        <v>9</v>
      </c>
      <c r="BK38" s="280">
        <v>0</v>
      </c>
      <c r="BL38" s="280">
        <v>3</v>
      </c>
      <c r="BM38" s="280">
        <v>4</v>
      </c>
      <c r="BN38" s="280">
        <v>0</v>
      </c>
      <c r="BO38" s="277">
        <v>16</v>
      </c>
      <c r="BP38" s="282">
        <v>16</v>
      </c>
      <c r="BQ38" s="276">
        <v>0</v>
      </c>
      <c r="BR38" s="280">
        <v>0</v>
      </c>
      <c r="BS38" s="277">
        <v>0</v>
      </c>
      <c r="BT38" s="279">
        <v>0</v>
      </c>
      <c r="BU38" s="280">
        <v>0</v>
      </c>
      <c r="BV38" s="280">
        <v>2</v>
      </c>
      <c r="BW38" s="280">
        <v>2</v>
      </c>
      <c r="BX38" s="280">
        <v>0</v>
      </c>
      <c r="BY38" s="280">
        <v>0</v>
      </c>
      <c r="BZ38" s="277">
        <v>4</v>
      </c>
      <c r="CA38" s="282">
        <v>4</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3">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14</v>
      </c>
      <c r="BA39" s="287">
        <v>0</v>
      </c>
      <c r="BB39" s="287">
        <v>0</v>
      </c>
      <c r="BC39" s="287">
        <v>0</v>
      </c>
      <c r="BD39" s="288">
        <v>14</v>
      </c>
      <c r="BE39" s="289">
        <v>14</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7.55468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4">
        <f>第１表!F2</f>
        <v>5</v>
      </c>
      <c r="K1" s="524"/>
      <c r="L1" s="248">
        <f>第１表!G2</f>
        <v>5</v>
      </c>
      <c r="M1" s="529">
        <f>IF(L1&lt;3,L1+12-2,L1-2)</f>
        <v>3</v>
      </c>
      <c r="N1" s="529"/>
    </row>
    <row r="2" spans="2:112" ht="24" customHeight="1" thickBot="1" x14ac:dyDescent="0.25">
      <c r="B2" s="290" t="s">
        <v>154</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65" t="s">
        <v>44</v>
      </c>
      <c r="E5" s="266"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48" t="s">
        <v>43</v>
      </c>
      <c r="Z5" s="259" t="s">
        <v>44</v>
      </c>
      <c r="AA5" s="268" t="s">
        <v>45</v>
      </c>
      <c r="AB5" s="267" t="s">
        <v>83</v>
      </c>
      <c r="AC5" s="259" t="s">
        <v>47</v>
      </c>
      <c r="AD5" s="259" t="s">
        <v>48</v>
      </c>
      <c r="AE5" s="259" t="s">
        <v>49</v>
      </c>
      <c r="AF5" s="259" t="s">
        <v>50</v>
      </c>
      <c r="AG5" s="259" t="s">
        <v>51</v>
      </c>
      <c r="AH5" s="265" t="s">
        <v>45</v>
      </c>
      <c r="AI5" s="531"/>
      <c r="AJ5" s="348" t="s">
        <v>43</v>
      </c>
      <c r="AK5" s="259" t="s">
        <v>44</v>
      </c>
      <c r="AL5" s="265" t="s">
        <v>45</v>
      </c>
      <c r="AM5" s="267" t="s">
        <v>83</v>
      </c>
      <c r="AN5" s="259" t="s">
        <v>47</v>
      </c>
      <c r="AO5" s="259" t="s">
        <v>48</v>
      </c>
      <c r="AP5" s="259" t="s">
        <v>49</v>
      </c>
      <c r="AQ5" s="259" t="s">
        <v>50</v>
      </c>
      <c r="AR5" s="259" t="s">
        <v>51</v>
      </c>
      <c r="AS5" s="265" t="s">
        <v>45</v>
      </c>
      <c r="AT5" s="531"/>
      <c r="AU5" s="348" t="s">
        <v>43</v>
      </c>
      <c r="AV5" s="259" t="s">
        <v>44</v>
      </c>
      <c r="AW5" s="268" t="s">
        <v>45</v>
      </c>
      <c r="AX5" s="267" t="s">
        <v>83</v>
      </c>
      <c r="AY5" s="259" t="s">
        <v>47</v>
      </c>
      <c r="AZ5" s="259" t="s">
        <v>48</v>
      </c>
      <c r="BA5" s="259" t="s">
        <v>49</v>
      </c>
      <c r="BB5" s="259" t="s">
        <v>50</v>
      </c>
      <c r="BC5" s="259" t="s">
        <v>51</v>
      </c>
      <c r="BD5" s="268" t="s">
        <v>45</v>
      </c>
      <c r="BE5" s="531"/>
      <c r="BF5" s="348" t="s">
        <v>43</v>
      </c>
      <c r="BG5" s="259" t="s">
        <v>44</v>
      </c>
      <c r="BH5" s="265" t="s">
        <v>45</v>
      </c>
      <c r="BI5" s="267" t="s">
        <v>83</v>
      </c>
      <c r="BJ5" s="259" t="s">
        <v>47</v>
      </c>
      <c r="BK5" s="259" t="s">
        <v>48</v>
      </c>
      <c r="BL5" s="259" t="s">
        <v>49</v>
      </c>
      <c r="BM5" s="259" t="s">
        <v>50</v>
      </c>
      <c r="BN5" s="259" t="s">
        <v>51</v>
      </c>
      <c r="BO5" s="265" t="s">
        <v>45</v>
      </c>
      <c r="BP5" s="531"/>
      <c r="BQ5" s="348" t="s">
        <v>43</v>
      </c>
      <c r="BR5" s="259" t="s">
        <v>44</v>
      </c>
      <c r="BS5" s="265" t="s">
        <v>45</v>
      </c>
      <c r="BT5" s="267" t="s">
        <v>83</v>
      </c>
      <c r="BU5" s="259" t="s">
        <v>47</v>
      </c>
      <c r="BV5" s="259" t="s">
        <v>48</v>
      </c>
      <c r="BW5" s="259" t="s">
        <v>49</v>
      </c>
      <c r="BX5" s="259" t="s">
        <v>50</v>
      </c>
      <c r="BY5" s="259" t="s">
        <v>51</v>
      </c>
      <c r="BZ5" s="265" t="s">
        <v>45</v>
      </c>
      <c r="CA5" s="531"/>
      <c r="CB5" s="348" t="s">
        <v>43</v>
      </c>
      <c r="CC5" s="259" t="s">
        <v>44</v>
      </c>
      <c r="CD5" s="265" t="s">
        <v>45</v>
      </c>
      <c r="CE5" s="267" t="s">
        <v>83</v>
      </c>
      <c r="CF5" s="259" t="s">
        <v>47</v>
      </c>
      <c r="CG5" s="259" t="s">
        <v>48</v>
      </c>
      <c r="CH5" s="259" t="s">
        <v>49</v>
      </c>
      <c r="CI5" s="259" t="s">
        <v>50</v>
      </c>
      <c r="CJ5" s="259" t="s">
        <v>51</v>
      </c>
      <c r="CK5" s="265" t="s">
        <v>45</v>
      </c>
      <c r="CL5" s="531"/>
      <c r="CM5" s="363" t="s">
        <v>43</v>
      </c>
      <c r="CN5" s="259" t="s">
        <v>44</v>
      </c>
      <c r="CO5" s="265" t="s">
        <v>45</v>
      </c>
      <c r="CP5" s="267" t="s">
        <v>83</v>
      </c>
      <c r="CQ5" s="259" t="s">
        <v>47</v>
      </c>
      <c r="CR5" s="259" t="s">
        <v>48</v>
      </c>
      <c r="CS5" s="259" t="s">
        <v>49</v>
      </c>
      <c r="CT5" s="259" t="s">
        <v>50</v>
      </c>
      <c r="CU5" s="259" t="s">
        <v>51</v>
      </c>
      <c r="CV5" s="265" t="s">
        <v>45</v>
      </c>
      <c r="CW5" s="531"/>
      <c r="CX5" s="363"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2</v>
      </c>
      <c r="D6" s="270">
        <v>0</v>
      </c>
      <c r="E6" s="271">
        <v>2</v>
      </c>
      <c r="F6" s="272">
        <v>0</v>
      </c>
      <c r="G6" s="273">
        <v>12737</v>
      </c>
      <c r="H6" s="273">
        <v>19252</v>
      </c>
      <c r="I6" s="273">
        <v>20250</v>
      </c>
      <c r="J6" s="273">
        <v>25999</v>
      </c>
      <c r="K6" s="273">
        <v>23794</v>
      </c>
      <c r="L6" s="274">
        <v>102032</v>
      </c>
      <c r="M6" s="275">
        <v>102034</v>
      </c>
      <c r="N6" s="269">
        <v>5</v>
      </c>
      <c r="O6" s="273">
        <v>5</v>
      </c>
      <c r="P6" s="270">
        <v>10</v>
      </c>
      <c r="Q6" s="272">
        <v>0</v>
      </c>
      <c r="R6" s="273">
        <v>51</v>
      </c>
      <c r="S6" s="273">
        <v>154</v>
      </c>
      <c r="T6" s="273">
        <v>300</v>
      </c>
      <c r="U6" s="273">
        <v>689</v>
      </c>
      <c r="V6" s="273">
        <v>1349</v>
      </c>
      <c r="W6" s="270">
        <v>2543</v>
      </c>
      <c r="X6" s="275">
        <v>2553</v>
      </c>
      <c r="Y6" s="269">
        <v>1482</v>
      </c>
      <c r="Z6" s="273">
        <v>3529</v>
      </c>
      <c r="AA6" s="270">
        <v>5011</v>
      </c>
      <c r="AB6" s="272">
        <v>0</v>
      </c>
      <c r="AC6" s="273">
        <v>9816</v>
      </c>
      <c r="AD6" s="273">
        <v>15173</v>
      </c>
      <c r="AE6" s="273">
        <v>9087</v>
      </c>
      <c r="AF6" s="273">
        <v>8171</v>
      </c>
      <c r="AG6" s="273">
        <v>6227</v>
      </c>
      <c r="AH6" s="270">
        <v>48474</v>
      </c>
      <c r="AI6" s="275">
        <v>53485</v>
      </c>
      <c r="AJ6" s="269">
        <v>215</v>
      </c>
      <c r="AK6" s="273">
        <v>693</v>
      </c>
      <c r="AL6" s="270">
        <v>908</v>
      </c>
      <c r="AM6" s="272">
        <v>0</v>
      </c>
      <c r="AN6" s="273">
        <v>1431</v>
      </c>
      <c r="AO6" s="273">
        <v>2047</v>
      </c>
      <c r="AP6" s="273">
        <v>1271</v>
      </c>
      <c r="AQ6" s="273">
        <v>1473</v>
      </c>
      <c r="AR6" s="273">
        <v>672</v>
      </c>
      <c r="AS6" s="270">
        <v>6894</v>
      </c>
      <c r="AT6" s="275">
        <v>7802</v>
      </c>
      <c r="AU6" s="269">
        <v>0</v>
      </c>
      <c r="AV6" s="273">
        <v>0</v>
      </c>
      <c r="AW6" s="270">
        <v>0</v>
      </c>
      <c r="AX6" s="272">
        <v>0</v>
      </c>
      <c r="AY6" s="273">
        <v>10860</v>
      </c>
      <c r="AZ6" s="273">
        <v>10564</v>
      </c>
      <c r="BA6" s="273">
        <v>5960</v>
      </c>
      <c r="BB6" s="273">
        <v>3386</v>
      </c>
      <c r="BC6" s="273">
        <v>1414</v>
      </c>
      <c r="BD6" s="274">
        <v>32184</v>
      </c>
      <c r="BE6" s="275">
        <v>32184</v>
      </c>
      <c r="BF6" s="269">
        <v>0</v>
      </c>
      <c r="BG6" s="273">
        <v>0</v>
      </c>
      <c r="BH6" s="270">
        <v>0</v>
      </c>
      <c r="BI6" s="272">
        <v>0</v>
      </c>
      <c r="BJ6" s="273">
        <v>2180</v>
      </c>
      <c r="BK6" s="273">
        <v>3473</v>
      </c>
      <c r="BL6" s="273">
        <v>2152</v>
      </c>
      <c r="BM6" s="273">
        <v>1656</v>
      </c>
      <c r="BN6" s="273">
        <v>615</v>
      </c>
      <c r="BO6" s="270">
        <v>10076</v>
      </c>
      <c r="BP6" s="275">
        <v>10076</v>
      </c>
      <c r="BQ6" s="269">
        <v>49</v>
      </c>
      <c r="BR6" s="273">
        <v>46</v>
      </c>
      <c r="BS6" s="270">
        <v>95</v>
      </c>
      <c r="BT6" s="272">
        <v>0</v>
      </c>
      <c r="BU6" s="273">
        <v>1066</v>
      </c>
      <c r="BV6" s="273">
        <v>1955</v>
      </c>
      <c r="BW6" s="273">
        <v>3034</v>
      </c>
      <c r="BX6" s="273">
        <v>2499</v>
      </c>
      <c r="BY6" s="273">
        <v>1051</v>
      </c>
      <c r="BZ6" s="270">
        <v>9605</v>
      </c>
      <c r="CA6" s="275">
        <v>9700</v>
      </c>
      <c r="CB6" s="269">
        <v>0</v>
      </c>
      <c r="CC6" s="273">
        <v>22</v>
      </c>
      <c r="CD6" s="270">
        <v>22</v>
      </c>
      <c r="CE6" s="272">
        <v>0</v>
      </c>
      <c r="CF6" s="273">
        <v>129</v>
      </c>
      <c r="CG6" s="273">
        <v>339</v>
      </c>
      <c r="CH6" s="273">
        <v>344</v>
      </c>
      <c r="CI6" s="273">
        <v>385</v>
      </c>
      <c r="CJ6" s="273">
        <v>210</v>
      </c>
      <c r="CK6" s="270">
        <v>1407</v>
      </c>
      <c r="CL6" s="275">
        <v>1429</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2</v>
      </c>
      <c r="D7" s="277">
        <v>0</v>
      </c>
      <c r="E7" s="278">
        <v>2</v>
      </c>
      <c r="F7" s="279">
        <v>0</v>
      </c>
      <c r="G7" s="280">
        <v>4626</v>
      </c>
      <c r="H7" s="280">
        <v>10318</v>
      </c>
      <c r="I7" s="280">
        <v>7840</v>
      </c>
      <c r="J7" s="280">
        <v>11458</v>
      </c>
      <c r="K7" s="280">
        <v>9651</v>
      </c>
      <c r="L7" s="281">
        <v>43893</v>
      </c>
      <c r="M7" s="282">
        <v>43895</v>
      </c>
      <c r="N7" s="276">
        <v>5</v>
      </c>
      <c r="O7" s="280">
        <v>4</v>
      </c>
      <c r="P7" s="277">
        <v>9</v>
      </c>
      <c r="Q7" s="279">
        <v>0</v>
      </c>
      <c r="R7" s="280">
        <v>5</v>
      </c>
      <c r="S7" s="280">
        <v>70</v>
      </c>
      <c r="T7" s="280">
        <v>150</v>
      </c>
      <c r="U7" s="280">
        <v>285</v>
      </c>
      <c r="V7" s="280">
        <v>647</v>
      </c>
      <c r="W7" s="277">
        <v>1157</v>
      </c>
      <c r="X7" s="282">
        <v>1166</v>
      </c>
      <c r="Y7" s="276">
        <v>802</v>
      </c>
      <c r="Z7" s="280">
        <v>1705</v>
      </c>
      <c r="AA7" s="277">
        <v>2507</v>
      </c>
      <c r="AB7" s="279">
        <v>0</v>
      </c>
      <c r="AC7" s="280">
        <v>3543</v>
      </c>
      <c r="AD7" s="280">
        <v>8590</v>
      </c>
      <c r="AE7" s="280">
        <v>4541</v>
      </c>
      <c r="AF7" s="280">
        <v>3747</v>
      </c>
      <c r="AG7" s="280">
        <v>2914</v>
      </c>
      <c r="AH7" s="277">
        <v>23335</v>
      </c>
      <c r="AI7" s="282">
        <v>25842</v>
      </c>
      <c r="AJ7" s="276">
        <v>79</v>
      </c>
      <c r="AK7" s="280">
        <v>499</v>
      </c>
      <c r="AL7" s="277">
        <v>578</v>
      </c>
      <c r="AM7" s="279">
        <v>0</v>
      </c>
      <c r="AN7" s="280">
        <v>406</v>
      </c>
      <c r="AO7" s="280">
        <v>1047</v>
      </c>
      <c r="AP7" s="280">
        <v>452</v>
      </c>
      <c r="AQ7" s="280">
        <v>708</v>
      </c>
      <c r="AR7" s="280">
        <v>275</v>
      </c>
      <c r="AS7" s="277">
        <v>2888</v>
      </c>
      <c r="AT7" s="282">
        <v>3466</v>
      </c>
      <c r="AU7" s="276">
        <v>0</v>
      </c>
      <c r="AV7" s="280">
        <v>0</v>
      </c>
      <c r="AW7" s="277">
        <v>0</v>
      </c>
      <c r="AX7" s="279">
        <v>0</v>
      </c>
      <c r="AY7" s="280">
        <v>3588</v>
      </c>
      <c r="AZ7" s="280">
        <v>4253</v>
      </c>
      <c r="BA7" s="280">
        <v>2411</v>
      </c>
      <c r="BB7" s="280">
        <v>1277</v>
      </c>
      <c r="BC7" s="280">
        <v>507</v>
      </c>
      <c r="BD7" s="281">
        <v>12036</v>
      </c>
      <c r="BE7" s="282">
        <v>12036</v>
      </c>
      <c r="BF7" s="276">
        <v>0</v>
      </c>
      <c r="BG7" s="280">
        <v>0</v>
      </c>
      <c r="BH7" s="277">
        <v>0</v>
      </c>
      <c r="BI7" s="279">
        <v>0</v>
      </c>
      <c r="BJ7" s="280">
        <v>710</v>
      </c>
      <c r="BK7" s="280">
        <v>1647</v>
      </c>
      <c r="BL7" s="280">
        <v>976</v>
      </c>
      <c r="BM7" s="280">
        <v>659</v>
      </c>
      <c r="BN7" s="280">
        <v>323</v>
      </c>
      <c r="BO7" s="277">
        <v>4315</v>
      </c>
      <c r="BP7" s="282">
        <v>4315</v>
      </c>
      <c r="BQ7" s="276">
        <v>30</v>
      </c>
      <c r="BR7" s="280">
        <v>19</v>
      </c>
      <c r="BS7" s="277">
        <v>49</v>
      </c>
      <c r="BT7" s="279">
        <v>0</v>
      </c>
      <c r="BU7" s="280">
        <v>402</v>
      </c>
      <c r="BV7" s="280">
        <v>891</v>
      </c>
      <c r="BW7" s="280">
        <v>1304</v>
      </c>
      <c r="BX7" s="280">
        <v>968</v>
      </c>
      <c r="BY7" s="280">
        <v>466</v>
      </c>
      <c r="BZ7" s="277">
        <v>4031</v>
      </c>
      <c r="CA7" s="282">
        <v>4080</v>
      </c>
      <c r="CB7" s="276">
        <v>0</v>
      </c>
      <c r="CC7" s="280">
        <v>22</v>
      </c>
      <c r="CD7" s="277">
        <v>22</v>
      </c>
      <c r="CE7" s="279">
        <v>0</v>
      </c>
      <c r="CF7" s="280">
        <v>43</v>
      </c>
      <c r="CG7" s="280">
        <v>237</v>
      </c>
      <c r="CH7" s="280">
        <v>198</v>
      </c>
      <c r="CI7" s="280">
        <v>202</v>
      </c>
      <c r="CJ7" s="280">
        <v>113</v>
      </c>
      <c r="CK7" s="277">
        <v>793</v>
      </c>
      <c r="CL7" s="282">
        <v>815</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77">
        <v>0</v>
      </c>
      <c r="E8" s="278">
        <v>0</v>
      </c>
      <c r="F8" s="279">
        <v>0</v>
      </c>
      <c r="G8" s="280">
        <v>2114</v>
      </c>
      <c r="H8" s="280">
        <v>2563</v>
      </c>
      <c r="I8" s="280">
        <v>3114</v>
      </c>
      <c r="J8" s="280">
        <v>4820</v>
      </c>
      <c r="K8" s="280">
        <v>4105</v>
      </c>
      <c r="L8" s="281">
        <v>16716</v>
      </c>
      <c r="M8" s="282">
        <v>16716</v>
      </c>
      <c r="N8" s="276">
        <v>0</v>
      </c>
      <c r="O8" s="280">
        <v>1</v>
      </c>
      <c r="P8" s="277">
        <v>1</v>
      </c>
      <c r="Q8" s="279">
        <v>0</v>
      </c>
      <c r="R8" s="280">
        <v>13</v>
      </c>
      <c r="S8" s="280">
        <v>31</v>
      </c>
      <c r="T8" s="280">
        <v>49</v>
      </c>
      <c r="U8" s="280">
        <v>144</v>
      </c>
      <c r="V8" s="280">
        <v>159</v>
      </c>
      <c r="W8" s="277">
        <v>396</v>
      </c>
      <c r="X8" s="282">
        <v>397</v>
      </c>
      <c r="Y8" s="276">
        <v>235</v>
      </c>
      <c r="Z8" s="280">
        <v>767</v>
      </c>
      <c r="AA8" s="277">
        <v>1002</v>
      </c>
      <c r="AB8" s="279">
        <v>0</v>
      </c>
      <c r="AC8" s="280">
        <v>2639</v>
      </c>
      <c r="AD8" s="280">
        <v>2536</v>
      </c>
      <c r="AE8" s="280">
        <v>1741</v>
      </c>
      <c r="AF8" s="280">
        <v>1787</v>
      </c>
      <c r="AG8" s="280">
        <v>948</v>
      </c>
      <c r="AH8" s="277">
        <v>9651</v>
      </c>
      <c r="AI8" s="282">
        <v>10653</v>
      </c>
      <c r="AJ8" s="276">
        <v>42</v>
      </c>
      <c r="AK8" s="280">
        <v>0</v>
      </c>
      <c r="AL8" s="277">
        <v>42</v>
      </c>
      <c r="AM8" s="279">
        <v>0</v>
      </c>
      <c r="AN8" s="280">
        <v>205</v>
      </c>
      <c r="AO8" s="280">
        <v>204</v>
      </c>
      <c r="AP8" s="280">
        <v>380</v>
      </c>
      <c r="AQ8" s="280">
        <v>189</v>
      </c>
      <c r="AR8" s="280">
        <v>129</v>
      </c>
      <c r="AS8" s="277">
        <v>1107</v>
      </c>
      <c r="AT8" s="282">
        <v>1149</v>
      </c>
      <c r="AU8" s="276">
        <v>0</v>
      </c>
      <c r="AV8" s="280">
        <v>0</v>
      </c>
      <c r="AW8" s="277">
        <v>0</v>
      </c>
      <c r="AX8" s="279">
        <v>0</v>
      </c>
      <c r="AY8" s="280">
        <v>2125</v>
      </c>
      <c r="AZ8" s="280">
        <v>1586</v>
      </c>
      <c r="BA8" s="280">
        <v>831</v>
      </c>
      <c r="BB8" s="280">
        <v>607</v>
      </c>
      <c r="BC8" s="280">
        <v>279</v>
      </c>
      <c r="BD8" s="281">
        <v>5428</v>
      </c>
      <c r="BE8" s="282">
        <v>5428</v>
      </c>
      <c r="BF8" s="276">
        <v>0</v>
      </c>
      <c r="BG8" s="280">
        <v>0</v>
      </c>
      <c r="BH8" s="277">
        <v>0</v>
      </c>
      <c r="BI8" s="279">
        <v>0</v>
      </c>
      <c r="BJ8" s="280">
        <v>341</v>
      </c>
      <c r="BK8" s="280">
        <v>446</v>
      </c>
      <c r="BL8" s="280">
        <v>293</v>
      </c>
      <c r="BM8" s="280">
        <v>287</v>
      </c>
      <c r="BN8" s="280">
        <v>60</v>
      </c>
      <c r="BO8" s="277">
        <v>1427</v>
      </c>
      <c r="BP8" s="282">
        <v>1427</v>
      </c>
      <c r="BQ8" s="276">
        <v>8</v>
      </c>
      <c r="BR8" s="280">
        <v>4</v>
      </c>
      <c r="BS8" s="277">
        <v>12</v>
      </c>
      <c r="BT8" s="279">
        <v>0</v>
      </c>
      <c r="BU8" s="280">
        <v>212</v>
      </c>
      <c r="BV8" s="280">
        <v>160</v>
      </c>
      <c r="BW8" s="280">
        <v>452</v>
      </c>
      <c r="BX8" s="280">
        <v>266</v>
      </c>
      <c r="BY8" s="280">
        <v>134</v>
      </c>
      <c r="BZ8" s="277">
        <v>1224</v>
      </c>
      <c r="CA8" s="282">
        <v>1236</v>
      </c>
      <c r="CB8" s="276">
        <v>0</v>
      </c>
      <c r="CC8" s="280">
        <v>0</v>
      </c>
      <c r="CD8" s="277">
        <v>0</v>
      </c>
      <c r="CE8" s="279">
        <v>0</v>
      </c>
      <c r="CF8" s="280">
        <v>28</v>
      </c>
      <c r="CG8" s="280">
        <v>59</v>
      </c>
      <c r="CH8" s="280">
        <v>70</v>
      </c>
      <c r="CI8" s="280">
        <v>89</v>
      </c>
      <c r="CJ8" s="280">
        <v>39</v>
      </c>
      <c r="CK8" s="277">
        <v>285</v>
      </c>
      <c r="CL8" s="282">
        <v>285</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77">
        <v>0</v>
      </c>
      <c r="E9" s="278">
        <v>0</v>
      </c>
      <c r="F9" s="279">
        <v>0</v>
      </c>
      <c r="G9" s="280">
        <v>491</v>
      </c>
      <c r="H9" s="280">
        <v>1046</v>
      </c>
      <c r="I9" s="280">
        <v>1393</v>
      </c>
      <c r="J9" s="280">
        <v>1832</v>
      </c>
      <c r="K9" s="280">
        <v>1345</v>
      </c>
      <c r="L9" s="281">
        <v>6107</v>
      </c>
      <c r="M9" s="282">
        <v>6107</v>
      </c>
      <c r="N9" s="276">
        <v>0</v>
      </c>
      <c r="O9" s="280">
        <v>0</v>
      </c>
      <c r="P9" s="277">
        <v>0</v>
      </c>
      <c r="Q9" s="279">
        <v>0</v>
      </c>
      <c r="R9" s="280">
        <v>0</v>
      </c>
      <c r="S9" s="280">
        <v>5</v>
      </c>
      <c r="T9" s="280">
        <v>28</v>
      </c>
      <c r="U9" s="280">
        <v>52</v>
      </c>
      <c r="V9" s="280">
        <v>99</v>
      </c>
      <c r="W9" s="277">
        <v>184</v>
      </c>
      <c r="X9" s="282">
        <v>184</v>
      </c>
      <c r="Y9" s="276">
        <v>27</v>
      </c>
      <c r="Z9" s="280">
        <v>205</v>
      </c>
      <c r="AA9" s="277">
        <v>232</v>
      </c>
      <c r="AB9" s="279">
        <v>0</v>
      </c>
      <c r="AC9" s="280">
        <v>252</v>
      </c>
      <c r="AD9" s="280">
        <v>923</v>
      </c>
      <c r="AE9" s="280">
        <v>624</v>
      </c>
      <c r="AF9" s="280">
        <v>500</v>
      </c>
      <c r="AG9" s="280">
        <v>414</v>
      </c>
      <c r="AH9" s="277">
        <v>2713</v>
      </c>
      <c r="AI9" s="282">
        <v>2945</v>
      </c>
      <c r="AJ9" s="276">
        <v>0</v>
      </c>
      <c r="AK9" s="280">
        <v>46</v>
      </c>
      <c r="AL9" s="277">
        <v>46</v>
      </c>
      <c r="AM9" s="279">
        <v>0</v>
      </c>
      <c r="AN9" s="280">
        <v>25</v>
      </c>
      <c r="AO9" s="280">
        <v>81</v>
      </c>
      <c r="AP9" s="280">
        <v>72</v>
      </c>
      <c r="AQ9" s="280">
        <v>32</v>
      </c>
      <c r="AR9" s="280">
        <v>10</v>
      </c>
      <c r="AS9" s="277">
        <v>220</v>
      </c>
      <c r="AT9" s="282">
        <v>266</v>
      </c>
      <c r="AU9" s="276">
        <v>0</v>
      </c>
      <c r="AV9" s="280">
        <v>0</v>
      </c>
      <c r="AW9" s="277">
        <v>0</v>
      </c>
      <c r="AX9" s="279">
        <v>0</v>
      </c>
      <c r="AY9" s="280">
        <v>794</v>
      </c>
      <c r="AZ9" s="280">
        <v>946</v>
      </c>
      <c r="BA9" s="280">
        <v>619</v>
      </c>
      <c r="BB9" s="280">
        <v>223</v>
      </c>
      <c r="BC9" s="280">
        <v>127</v>
      </c>
      <c r="BD9" s="281">
        <v>2709</v>
      </c>
      <c r="BE9" s="282">
        <v>2709</v>
      </c>
      <c r="BF9" s="276">
        <v>0</v>
      </c>
      <c r="BG9" s="280">
        <v>0</v>
      </c>
      <c r="BH9" s="277">
        <v>0</v>
      </c>
      <c r="BI9" s="279">
        <v>0</v>
      </c>
      <c r="BJ9" s="280">
        <v>51</v>
      </c>
      <c r="BK9" s="280">
        <v>165</v>
      </c>
      <c r="BL9" s="280">
        <v>123</v>
      </c>
      <c r="BM9" s="280">
        <v>64</v>
      </c>
      <c r="BN9" s="280">
        <v>0</v>
      </c>
      <c r="BO9" s="277">
        <v>403</v>
      </c>
      <c r="BP9" s="282">
        <v>403</v>
      </c>
      <c r="BQ9" s="276">
        <v>0</v>
      </c>
      <c r="BR9" s="280">
        <v>4</v>
      </c>
      <c r="BS9" s="277">
        <v>4</v>
      </c>
      <c r="BT9" s="279">
        <v>0</v>
      </c>
      <c r="BU9" s="280">
        <v>60</v>
      </c>
      <c r="BV9" s="280">
        <v>201</v>
      </c>
      <c r="BW9" s="280">
        <v>217</v>
      </c>
      <c r="BX9" s="280">
        <v>269</v>
      </c>
      <c r="BY9" s="280">
        <v>87</v>
      </c>
      <c r="BZ9" s="277">
        <v>834</v>
      </c>
      <c r="CA9" s="282">
        <v>838</v>
      </c>
      <c r="CB9" s="276">
        <v>0</v>
      </c>
      <c r="CC9" s="280">
        <v>0</v>
      </c>
      <c r="CD9" s="277">
        <v>0</v>
      </c>
      <c r="CE9" s="279">
        <v>0</v>
      </c>
      <c r="CF9" s="280">
        <v>0</v>
      </c>
      <c r="CG9" s="280">
        <v>8</v>
      </c>
      <c r="CH9" s="280">
        <v>9</v>
      </c>
      <c r="CI9" s="280">
        <v>6</v>
      </c>
      <c r="CJ9" s="280">
        <v>0</v>
      </c>
      <c r="CK9" s="277">
        <v>23</v>
      </c>
      <c r="CL9" s="282">
        <v>23</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77">
        <v>0</v>
      </c>
      <c r="E10" s="278">
        <v>0</v>
      </c>
      <c r="F10" s="279">
        <v>0</v>
      </c>
      <c r="G10" s="280">
        <v>923</v>
      </c>
      <c r="H10" s="280">
        <v>570</v>
      </c>
      <c r="I10" s="280">
        <v>583</v>
      </c>
      <c r="J10" s="280">
        <v>673</v>
      </c>
      <c r="K10" s="280">
        <v>641</v>
      </c>
      <c r="L10" s="281">
        <v>3390</v>
      </c>
      <c r="M10" s="282">
        <v>3390</v>
      </c>
      <c r="N10" s="276">
        <v>0</v>
      </c>
      <c r="O10" s="280">
        <v>0</v>
      </c>
      <c r="P10" s="277">
        <v>0</v>
      </c>
      <c r="Q10" s="279">
        <v>0</v>
      </c>
      <c r="R10" s="280">
        <v>5</v>
      </c>
      <c r="S10" s="280">
        <v>13</v>
      </c>
      <c r="T10" s="280">
        <v>9</v>
      </c>
      <c r="U10" s="280">
        <v>17</v>
      </c>
      <c r="V10" s="280">
        <v>44</v>
      </c>
      <c r="W10" s="277">
        <v>88</v>
      </c>
      <c r="X10" s="282">
        <v>88</v>
      </c>
      <c r="Y10" s="276">
        <v>0</v>
      </c>
      <c r="Z10" s="280">
        <v>0</v>
      </c>
      <c r="AA10" s="277">
        <v>0</v>
      </c>
      <c r="AB10" s="279">
        <v>0</v>
      </c>
      <c r="AC10" s="280">
        <v>269</v>
      </c>
      <c r="AD10" s="280">
        <v>279</v>
      </c>
      <c r="AE10" s="280">
        <v>237</v>
      </c>
      <c r="AF10" s="280">
        <v>213</v>
      </c>
      <c r="AG10" s="280">
        <v>206</v>
      </c>
      <c r="AH10" s="277">
        <v>1204</v>
      </c>
      <c r="AI10" s="282">
        <v>1204</v>
      </c>
      <c r="AJ10" s="276">
        <v>8</v>
      </c>
      <c r="AK10" s="280">
        <v>0</v>
      </c>
      <c r="AL10" s="277">
        <v>8</v>
      </c>
      <c r="AM10" s="279">
        <v>0</v>
      </c>
      <c r="AN10" s="280">
        <v>53</v>
      </c>
      <c r="AO10" s="280">
        <v>66</v>
      </c>
      <c r="AP10" s="280">
        <v>10</v>
      </c>
      <c r="AQ10" s="280">
        <v>56</v>
      </c>
      <c r="AR10" s="280">
        <v>0</v>
      </c>
      <c r="AS10" s="277">
        <v>185</v>
      </c>
      <c r="AT10" s="282">
        <v>193</v>
      </c>
      <c r="AU10" s="276">
        <v>0</v>
      </c>
      <c r="AV10" s="280">
        <v>0</v>
      </c>
      <c r="AW10" s="277">
        <v>0</v>
      </c>
      <c r="AX10" s="279">
        <v>0</v>
      </c>
      <c r="AY10" s="280">
        <v>583</v>
      </c>
      <c r="AZ10" s="280">
        <v>334</v>
      </c>
      <c r="BA10" s="280">
        <v>197</v>
      </c>
      <c r="BB10" s="280">
        <v>78</v>
      </c>
      <c r="BC10" s="280">
        <v>24</v>
      </c>
      <c r="BD10" s="281">
        <v>1216</v>
      </c>
      <c r="BE10" s="282">
        <v>1216</v>
      </c>
      <c r="BF10" s="276">
        <v>0</v>
      </c>
      <c r="BG10" s="280">
        <v>0</v>
      </c>
      <c r="BH10" s="277">
        <v>0</v>
      </c>
      <c r="BI10" s="279">
        <v>0</v>
      </c>
      <c r="BJ10" s="280">
        <v>136</v>
      </c>
      <c r="BK10" s="280">
        <v>44</v>
      </c>
      <c r="BL10" s="280">
        <v>41</v>
      </c>
      <c r="BM10" s="280">
        <v>53</v>
      </c>
      <c r="BN10" s="280">
        <v>15</v>
      </c>
      <c r="BO10" s="277">
        <v>289</v>
      </c>
      <c r="BP10" s="282">
        <v>289</v>
      </c>
      <c r="BQ10" s="276">
        <v>0</v>
      </c>
      <c r="BR10" s="280">
        <v>0</v>
      </c>
      <c r="BS10" s="277">
        <v>0</v>
      </c>
      <c r="BT10" s="279">
        <v>0</v>
      </c>
      <c r="BU10" s="280">
        <v>16</v>
      </c>
      <c r="BV10" s="280">
        <v>109</v>
      </c>
      <c r="BW10" s="280">
        <v>55</v>
      </c>
      <c r="BX10" s="280">
        <v>75</v>
      </c>
      <c r="BY10" s="280">
        <v>29</v>
      </c>
      <c r="BZ10" s="277">
        <v>284</v>
      </c>
      <c r="CA10" s="282">
        <v>284</v>
      </c>
      <c r="CB10" s="276">
        <v>0</v>
      </c>
      <c r="CC10" s="280">
        <v>0</v>
      </c>
      <c r="CD10" s="277">
        <v>0</v>
      </c>
      <c r="CE10" s="279">
        <v>0</v>
      </c>
      <c r="CF10" s="280">
        <v>0</v>
      </c>
      <c r="CG10" s="280">
        <v>0</v>
      </c>
      <c r="CH10" s="280">
        <v>0</v>
      </c>
      <c r="CI10" s="280">
        <v>36</v>
      </c>
      <c r="CJ10" s="280">
        <v>0</v>
      </c>
      <c r="CK10" s="277">
        <v>36</v>
      </c>
      <c r="CL10" s="282">
        <v>36</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77">
        <v>0</v>
      </c>
      <c r="E11" s="278">
        <v>0</v>
      </c>
      <c r="F11" s="279">
        <v>0</v>
      </c>
      <c r="G11" s="280">
        <v>277</v>
      </c>
      <c r="H11" s="280">
        <v>236</v>
      </c>
      <c r="I11" s="280">
        <v>385</v>
      </c>
      <c r="J11" s="280">
        <v>299</v>
      </c>
      <c r="K11" s="280">
        <v>414</v>
      </c>
      <c r="L11" s="281">
        <v>1611</v>
      </c>
      <c r="M11" s="282">
        <v>1611</v>
      </c>
      <c r="N11" s="276">
        <v>0</v>
      </c>
      <c r="O11" s="280">
        <v>0</v>
      </c>
      <c r="P11" s="277">
        <v>0</v>
      </c>
      <c r="Q11" s="279">
        <v>0</v>
      </c>
      <c r="R11" s="280">
        <v>0</v>
      </c>
      <c r="S11" s="280">
        <v>5</v>
      </c>
      <c r="T11" s="280">
        <v>3</v>
      </c>
      <c r="U11" s="280">
        <v>19</v>
      </c>
      <c r="V11" s="280">
        <v>14</v>
      </c>
      <c r="W11" s="277">
        <v>41</v>
      </c>
      <c r="X11" s="282">
        <v>41</v>
      </c>
      <c r="Y11" s="276">
        <v>23</v>
      </c>
      <c r="Z11" s="280">
        <v>32</v>
      </c>
      <c r="AA11" s="277">
        <v>55</v>
      </c>
      <c r="AB11" s="279">
        <v>0</v>
      </c>
      <c r="AC11" s="280">
        <v>149</v>
      </c>
      <c r="AD11" s="280">
        <v>175</v>
      </c>
      <c r="AE11" s="280">
        <v>89</v>
      </c>
      <c r="AF11" s="280">
        <v>118</v>
      </c>
      <c r="AG11" s="280">
        <v>67</v>
      </c>
      <c r="AH11" s="277">
        <v>598</v>
      </c>
      <c r="AI11" s="282">
        <v>653</v>
      </c>
      <c r="AJ11" s="276">
        <v>12</v>
      </c>
      <c r="AK11" s="280">
        <v>10</v>
      </c>
      <c r="AL11" s="277">
        <v>22</v>
      </c>
      <c r="AM11" s="279">
        <v>0</v>
      </c>
      <c r="AN11" s="280">
        <v>77</v>
      </c>
      <c r="AO11" s="280">
        <v>87</v>
      </c>
      <c r="AP11" s="280">
        <v>30</v>
      </c>
      <c r="AQ11" s="280">
        <v>54</v>
      </c>
      <c r="AR11" s="280">
        <v>15</v>
      </c>
      <c r="AS11" s="277">
        <v>263</v>
      </c>
      <c r="AT11" s="282">
        <v>285</v>
      </c>
      <c r="AU11" s="276">
        <v>0</v>
      </c>
      <c r="AV11" s="280">
        <v>0</v>
      </c>
      <c r="AW11" s="277">
        <v>0</v>
      </c>
      <c r="AX11" s="279">
        <v>0</v>
      </c>
      <c r="AY11" s="280">
        <v>221</v>
      </c>
      <c r="AZ11" s="280">
        <v>253</v>
      </c>
      <c r="BA11" s="280">
        <v>53</v>
      </c>
      <c r="BB11" s="280">
        <v>137</v>
      </c>
      <c r="BC11" s="280">
        <v>29</v>
      </c>
      <c r="BD11" s="281">
        <v>693</v>
      </c>
      <c r="BE11" s="282">
        <v>693</v>
      </c>
      <c r="BF11" s="276">
        <v>0</v>
      </c>
      <c r="BG11" s="280">
        <v>0</v>
      </c>
      <c r="BH11" s="277">
        <v>0</v>
      </c>
      <c r="BI11" s="279">
        <v>0</v>
      </c>
      <c r="BJ11" s="280">
        <v>71</v>
      </c>
      <c r="BK11" s="280">
        <v>60</v>
      </c>
      <c r="BL11" s="280">
        <v>86</v>
      </c>
      <c r="BM11" s="280">
        <v>104</v>
      </c>
      <c r="BN11" s="280">
        <v>22</v>
      </c>
      <c r="BO11" s="277">
        <v>343</v>
      </c>
      <c r="BP11" s="282">
        <v>343</v>
      </c>
      <c r="BQ11" s="276">
        <v>0</v>
      </c>
      <c r="BR11" s="280">
        <v>8</v>
      </c>
      <c r="BS11" s="277">
        <v>8</v>
      </c>
      <c r="BT11" s="279">
        <v>0</v>
      </c>
      <c r="BU11" s="280">
        <v>22</v>
      </c>
      <c r="BV11" s="280">
        <v>75</v>
      </c>
      <c r="BW11" s="280">
        <v>78</v>
      </c>
      <c r="BX11" s="280">
        <v>61</v>
      </c>
      <c r="BY11" s="280">
        <v>0</v>
      </c>
      <c r="BZ11" s="277">
        <v>236</v>
      </c>
      <c r="CA11" s="282">
        <v>244</v>
      </c>
      <c r="CB11" s="276">
        <v>0</v>
      </c>
      <c r="CC11" s="280">
        <v>0</v>
      </c>
      <c r="CD11" s="277">
        <v>0</v>
      </c>
      <c r="CE11" s="279">
        <v>0</v>
      </c>
      <c r="CF11" s="280">
        <v>0</v>
      </c>
      <c r="CG11" s="280">
        <v>0</v>
      </c>
      <c r="CH11" s="280">
        <v>0</v>
      </c>
      <c r="CI11" s="280">
        <v>0</v>
      </c>
      <c r="CJ11" s="280">
        <v>0</v>
      </c>
      <c r="CK11" s="277">
        <v>0</v>
      </c>
      <c r="CL11" s="282">
        <v>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77">
        <v>0</v>
      </c>
      <c r="E12" s="278">
        <v>0</v>
      </c>
      <c r="F12" s="279">
        <v>0</v>
      </c>
      <c r="G12" s="280">
        <v>775</v>
      </c>
      <c r="H12" s="280">
        <v>876</v>
      </c>
      <c r="I12" s="280">
        <v>855</v>
      </c>
      <c r="J12" s="280">
        <v>1004</v>
      </c>
      <c r="K12" s="280">
        <v>1757</v>
      </c>
      <c r="L12" s="281">
        <v>5267</v>
      </c>
      <c r="M12" s="282">
        <v>5267</v>
      </c>
      <c r="N12" s="276">
        <v>0</v>
      </c>
      <c r="O12" s="280">
        <v>0</v>
      </c>
      <c r="P12" s="277">
        <v>0</v>
      </c>
      <c r="Q12" s="279">
        <v>0</v>
      </c>
      <c r="R12" s="280">
        <v>8</v>
      </c>
      <c r="S12" s="280">
        <v>5</v>
      </c>
      <c r="T12" s="280">
        <v>1</v>
      </c>
      <c r="U12" s="280">
        <v>46</v>
      </c>
      <c r="V12" s="280">
        <v>111</v>
      </c>
      <c r="W12" s="277">
        <v>171</v>
      </c>
      <c r="X12" s="282">
        <v>171</v>
      </c>
      <c r="Y12" s="276">
        <v>43</v>
      </c>
      <c r="Z12" s="280">
        <v>119</v>
      </c>
      <c r="AA12" s="277">
        <v>162</v>
      </c>
      <c r="AB12" s="279">
        <v>0</v>
      </c>
      <c r="AC12" s="280">
        <v>503</v>
      </c>
      <c r="AD12" s="280">
        <v>361</v>
      </c>
      <c r="AE12" s="280">
        <v>254</v>
      </c>
      <c r="AF12" s="280">
        <v>248</v>
      </c>
      <c r="AG12" s="280">
        <v>382</v>
      </c>
      <c r="AH12" s="277">
        <v>1748</v>
      </c>
      <c r="AI12" s="282">
        <v>1910</v>
      </c>
      <c r="AJ12" s="276">
        <v>0</v>
      </c>
      <c r="AK12" s="280">
        <v>15</v>
      </c>
      <c r="AL12" s="277">
        <v>15</v>
      </c>
      <c r="AM12" s="279">
        <v>0</v>
      </c>
      <c r="AN12" s="280">
        <v>39</v>
      </c>
      <c r="AO12" s="280">
        <v>124</v>
      </c>
      <c r="AP12" s="280">
        <v>60</v>
      </c>
      <c r="AQ12" s="280">
        <v>105</v>
      </c>
      <c r="AR12" s="280">
        <v>62</v>
      </c>
      <c r="AS12" s="277">
        <v>390</v>
      </c>
      <c r="AT12" s="282">
        <v>405</v>
      </c>
      <c r="AU12" s="276">
        <v>0</v>
      </c>
      <c r="AV12" s="280">
        <v>0</v>
      </c>
      <c r="AW12" s="277">
        <v>0</v>
      </c>
      <c r="AX12" s="279">
        <v>0</v>
      </c>
      <c r="AY12" s="280">
        <v>486</v>
      </c>
      <c r="AZ12" s="280">
        <v>288</v>
      </c>
      <c r="BA12" s="280">
        <v>214</v>
      </c>
      <c r="BB12" s="280">
        <v>174</v>
      </c>
      <c r="BC12" s="280">
        <v>43</v>
      </c>
      <c r="BD12" s="281">
        <v>1205</v>
      </c>
      <c r="BE12" s="282">
        <v>1205</v>
      </c>
      <c r="BF12" s="276">
        <v>0</v>
      </c>
      <c r="BG12" s="280">
        <v>0</v>
      </c>
      <c r="BH12" s="277">
        <v>0</v>
      </c>
      <c r="BI12" s="279">
        <v>0</v>
      </c>
      <c r="BJ12" s="280">
        <v>83</v>
      </c>
      <c r="BK12" s="280">
        <v>86</v>
      </c>
      <c r="BL12" s="280">
        <v>50</v>
      </c>
      <c r="BM12" s="280">
        <v>87</v>
      </c>
      <c r="BN12" s="280">
        <v>0</v>
      </c>
      <c r="BO12" s="277">
        <v>306</v>
      </c>
      <c r="BP12" s="282">
        <v>306</v>
      </c>
      <c r="BQ12" s="276">
        <v>11</v>
      </c>
      <c r="BR12" s="280">
        <v>0</v>
      </c>
      <c r="BS12" s="277">
        <v>11</v>
      </c>
      <c r="BT12" s="279">
        <v>0</v>
      </c>
      <c r="BU12" s="280">
        <v>35</v>
      </c>
      <c r="BV12" s="280">
        <v>80</v>
      </c>
      <c r="BW12" s="280">
        <v>110</v>
      </c>
      <c r="BX12" s="280">
        <v>141</v>
      </c>
      <c r="BY12" s="280">
        <v>53</v>
      </c>
      <c r="BZ12" s="277">
        <v>419</v>
      </c>
      <c r="CA12" s="282">
        <v>430</v>
      </c>
      <c r="CB12" s="276">
        <v>0</v>
      </c>
      <c r="CC12" s="280">
        <v>0</v>
      </c>
      <c r="CD12" s="277">
        <v>0</v>
      </c>
      <c r="CE12" s="279">
        <v>0</v>
      </c>
      <c r="CF12" s="280">
        <v>0</v>
      </c>
      <c r="CG12" s="280">
        <v>11</v>
      </c>
      <c r="CH12" s="280">
        <v>10</v>
      </c>
      <c r="CI12" s="280">
        <v>5</v>
      </c>
      <c r="CJ12" s="280">
        <v>7</v>
      </c>
      <c r="CK12" s="277">
        <v>33</v>
      </c>
      <c r="CL12" s="282">
        <v>33</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77">
        <v>0</v>
      </c>
      <c r="E13" s="278">
        <v>0</v>
      </c>
      <c r="F13" s="279">
        <v>0</v>
      </c>
      <c r="G13" s="280">
        <v>1391</v>
      </c>
      <c r="H13" s="280">
        <v>828</v>
      </c>
      <c r="I13" s="280">
        <v>1435</v>
      </c>
      <c r="J13" s="280">
        <v>1742</v>
      </c>
      <c r="K13" s="280">
        <v>1783</v>
      </c>
      <c r="L13" s="281">
        <v>7179</v>
      </c>
      <c r="M13" s="282">
        <v>7179</v>
      </c>
      <c r="N13" s="276">
        <v>0</v>
      </c>
      <c r="O13" s="280">
        <v>0</v>
      </c>
      <c r="P13" s="277">
        <v>0</v>
      </c>
      <c r="Q13" s="279">
        <v>0</v>
      </c>
      <c r="R13" s="280">
        <v>9</v>
      </c>
      <c r="S13" s="280">
        <v>7</v>
      </c>
      <c r="T13" s="280">
        <v>5</v>
      </c>
      <c r="U13" s="280">
        <v>24</v>
      </c>
      <c r="V13" s="280">
        <v>42</v>
      </c>
      <c r="W13" s="277">
        <v>87</v>
      </c>
      <c r="X13" s="282">
        <v>87</v>
      </c>
      <c r="Y13" s="276">
        <v>70</v>
      </c>
      <c r="Z13" s="280">
        <v>225</v>
      </c>
      <c r="AA13" s="277">
        <v>295</v>
      </c>
      <c r="AB13" s="279">
        <v>0</v>
      </c>
      <c r="AC13" s="280">
        <v>942</v>
      </c>
      <c r="AD13" s="280">
        <v>465</v>
      </c>
      <c r="AE13" s="280">
        <v>252</v>
      </c>
      <c r="AF13" s="280">
        <v>262</v>
      </c>
      <c r="AG13" s="280">
        <v>186</v>
      </c>
      <c r="AH13" s="277">
        <v>2107</v>
      </c>
      <c r="AI13" s="282">
        <v>2402</v>
      </c>
      <c r="AJ13" s="276">
        <v>26</v>
      </c>
      <c r="AK13" s="280">
        <v>54</v>
      </c>
      <c r="AL13" s="277">
        <v>80</v>
      </c>
      <c r="AM13" s="279">
        <v>0</v>
      </c>
      <c r="AN13" s="280">
        <v>137</v>
      </c>
      <c r="AO13" s="280">
        <v>122</v>
      </c>
      <c r="AP13" s="280">
        <v>48</v>
      </c>
      <c r="AQ13" s="280">
        <v>10</v>
      </c>
      <c r="AR13" s="280">
        <v>35</v>
      </c>
      <c r="AS13" s="277">
        <v>352</v>
      </c>
      <c r="AT13" s="282">
        <v>432</v>
      </c>
      <c r="AU13" s="276">
        <v>0</v>
      </c>
      <c r="AV13" s="280">
        <v>0</v>
      </c>
      <c r="AW13" s="277">
        <v>0</v>
      </c>
      <c r="AX13" s="279">
        <v>0</v>
      </c>
      <c r="AY13" s="280">
        <v>978</v>
      </c>
      <c r="AZ13" s="280">
        <v>587</v>
      </c>
      <c r="BA13" s="280">
        <v>412</v>
      </c>
      <c r="BB13" s="280">
        <v>117</v>
      </c>
      <c r="BC13" s="280">
        <v>41</v>
      </c>
      <c r="BD13" s="281">
        <v>2135</v>
      </c>
      <c r="BE13" s="282">
        <v>2135</v>
      </c>
      <c r="BF13" s="276">
        <v>0</v>
      </c>
      <c r="BG13" s="280">
        <v>0</v>
      </c>
      <c r="BH13" s="277">
        <v>0</v>
      </c>
      <c r="BI13" s="279">
        <v>0</v>
      </c>
      <c r="BJ13" s="280">
        <v>148</v>
      </c>
      <c r="BK13" s="280">
        <v>124</v>
      </c>
      <c r="BL13" s="280">
        <v>18</v>
      </c>
      <c r="BM13" s="280">
        <v>18</v>
      </c>
      <c r="BN13" s="280">
        <v>0</v>
      </c>
      <c r="BO13" s="277">
        <v>308</v>
      </c>
      <c r="BP13" s="282">
        <v>308</v>
      </c>
      <c r="BQ13" s="276">
        <v>0</v>
      </c>
      <c r="BR13" s="280">
        <v>5</v>
      </c>
      <c r="BS13" s="277">
        <v>5</v>
      </c>
      <c r="BT13" s="279">
        <v>0</v>
      </c>
      <c r="BU13" s="280">
        <v>38</v>
      </c>
      <c r="BV13" s="280">
        <v>36</v>
      </c>
      <c r="BW13" s="280">
        <v>138</v>
      </c>
      <c r="BX13" s="280">
        <v>242</v>
      </c>
      <c r="BY13" s="280">
        <v>45</v>
      </c>
      <c r="BZ13" s="277">
        <v>499</v>
      </c>
      <c r="CA13" s="282">
        <v>504</v>
      </c>
      <c r="CB13" s="276">
        <v>0</v>
      </c>
      <c r="CC13" s="280">
        <v>0</v>
      </c>
      <c r="CD13" s="277">
        <v>0</v>
      </c>
      <c r="CE13" s="279">
        <v>0</v>
      </c>
      <c r="CF13" s="280">
        <v>11</v>
      </c>
      <c r="CG13" s="280">
        <v>3</v>
      </c>
      <c r="CH13" s="280">
        <v>0</v>
      </c>
      <c r="CI13" s="280">
        <v>0</v>
      </c>
      <c r="CJ13" s="280">
        <v>0</v>
      </c>
      <c r="CK13" s="277">
        <v>14</v>
      </c>
      <c r="CL13" s="282">
        <v>14</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77">
        <v>0</v>
      </c>
      <c r="E14" s="278">
        <v>0</v>
      </c>
      <c r="F14" s="279">
        <v>0</v>
      </c>
      <c r="G14" s="280">
        <v>188</v>
      </c>
      <c r="H14" s="280">
        <v>253</v>
      </c>
      <c r="I14" s="280">
        <v>262</v>
      </c>
      <c r="J14" s="280">
        <v>397</v>
      </c>
      <c r="K14" s="280">
        <v>214</v>
      </c>
      <c r="L14" s="281">
        <v>1314</v>
      </c>
      <c r="M14" s="282">
        <v>1314</v>
      </c>
      <c r="N14" s="276">
        <v>0</v>
      </c>
      <c r="O14" s="280">
        <v>0</v>
      </c>
      <c r="P14" s="277">
        <v>0</v>
      </c>
      <c r="Q14" s="279">
        <v>0</v>
      </c>
      <c r="R14" s="280">
        <v>0</v>
      </c>
      <c r="S14" s="280">
        <v>0</v>
      </c>
      <c r="T14" s="280">
        <v>2</v>
      </c>
      <c r="U14" s="280">
        <v>23</v>
      </c>
      <c r="V14" s="280">
        <v>21</v>
      </c>
      <c r="W14" s="277">
        <v>46</v>
      </c>
      <c r="X14" s="282">
        <v>46</v>
      </c>
      <c r="Y14" s="276">
        <v>13</v>
      </c>
      <c r="Z14" s="280">
        <v>14</v>
      </c>
      <c r="AA14" s="277">
        <v>27</v>
      </c>
      <c r="AB14" s="279">
        <v>0</v>
      </c>
      <c r="AC14" s="280">
        <v>203</v>
      </c>
      <c r="AD14" s="280">
        <v>217</v>
      </c>
      <c r="AE14" s="280">
        <v>101</v>
      </c>
      <c r="AF14" s="280">
        <v>260</v>
      </c>
      <c r="AG14" s="280">
        <v>36</v>
      </c>
      <c r="AH14" s="277">
        <v>817</v>
      </c>
      <c r="AI14" s="282">
        <v>844</v>
      </c>
      <c r="AJ14" s="276">
        <v>0</v>
      </c>
      <c r="AK14" s="280">
        <v>0</v>
      </c>
      <c r="AL14" s="277">
        <v>0</v>
      </c>
      <c r="AM14" s="279">
        <v>0</v>
      </c>
      <c r="AN14" s="280">
        <v>27</v>
      </c>
      <c r="AO14" s="280">
        <v>10</v>
      </c>
      <c r="AP14" s="280">
        <v>0</v>
      </c>
      <c r="AQ14" s="280">
        <v>27</v>
      </c>
      <c r="AR14" s="280">
        <v>24</v>
      </c>
      <c r="AS14" s="277">
        <v>88</v>
      </c>
      <c r="AT14" s="282">
        <v>88</v>
      </c>
      <c r="AU14" s="276">
        <v>0</v>
      </c>
      <c r="AV14" s="280">
        <v>0</v>
      </c>
      <c r="AW14" s="277">
        <v>0</v>
      </c>
      <c r="AX14" s="279">
        <v>0</v>
      </c>
      <c r="AY14" s="280">
        <v>122</v>
      </c>
      <c r="AZ14" s="280">
        <v>126</v>
      </c>
      <c r="BA14" s="280">
        <v>118</v>
      </c>
      <c r="BB14" s="280">
        <v>69</v>
      </c>
      <c r="BC14" s="280">
        <v>32</v>
      </c>
      <c r="BD14" s="281">
        <v>467</v>
      </c>
      <c r="BE14" s="282">
        <v>467</v>
      </c>
      <c r="BF14" s="276">
        <v>0</v>
      </c>
      <c r="BG14" s="280">
        <v>0</v>
      </c>
      <c r="BH14" s="277">
        <v>0</v>
      </c>
      <c r="BI14" s="279">
        <v>0</v>
      </c>
      <c r="BJ14" s="280">
        <v>81</v>
      </c>
      <c r="BK14" s="280">
        <v>74</v>
      </c>
      <c r="BL14" s="280">
        <v>48</v>
      </c>
      <c r="BM14" s="280">
        <v>13</v>
      </c>
      <c r="BN14" s="280">
        <v>10</v>
      </c>
      <c r="BO14" s="277">
        <v>226</v>
      </c>
      <c r="BP14" s="282">
        <v>226</v>
      </c>
      <c r="BQ14" s="276">
        <v>0</v>
      </c>
      <c r="BR14" s="280">
        <v>0</v>
      </c>
      <c r="BS14" s="277">
        <v>0</v>
      </c>
      <c r="BT14" s="279">
        <v>0</v>
      </c>
      <c r="BU14" s="280">
        <v>25</v>
      </c>
      <c r="BV14" s="280">
        <v>12</v>
      </c>
      <c r="BW14" s="280">
        <v>58</v>
      </c>
      <c r="BX14" s="280">
        <v>8</v>
      </c>
      <c r="BY14" s="280">
        <v>57</v>
      </c>
      <c r="BZ14" s="277">
        <v>160</v>
      </c>
      <c r="CA14" s="282">
        <v>160</v>
      </c>
      <c r="CB14" s="276">
        <v>0</v>
      </c>
      <c r="CC14" s="280">
        <v>0</v>
      </c>
      <c r="CD14" s="277">
        <v>0</v>
      </c>
      <c r="CE14" s="279">
        <v>0</v>
      </c>
      <c r="CF14" s="280">
        <v>0</v>
      </c>
      <c r="CG14" s="280">
        <v>0</v>
      </c>
      <c r="CH14" s="280">
        <v>27</v>
      </c>
      <c r="CI14" s="280">
        <v>4</v>
      </c>
      <c r="CJ14" s="280">
        <v>30</v>
      </c>
      <c r="CK14" s="277">
        <v>61</v>
      </c>
      <c r="CL14" s="282">
        <v>61</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77">
        <v>0</v>
      </c>
      <c r="E15" s="278">
        <v>0</v>
      </c>
      <c r="F15" s="279">
        <v>0</v>
      </c>
      <c r="G15" s="280">
        <v>481</v>
      </c>
      <c r="H15" s="280">
        <v>537</v>
      </c>
      <c r="I15" s="280">
        <v>845</v>
      </c>
      <c r="J15" s="280">
        <v>715</v>
      </c>
      <c r="K15" s="280">
        <v>730</v>
      </c>
      <c r="L15" s="281">
        <v>3308</v>
      </c>
      <c r="M15" s="282">
        <v>3308</v>
      </c>
      <c r="N15" s="276">
        <v>0</v>
      </c>
      <c r="O15" s="280">
        <v>0</v>
      </c>
      <c r="P15" s="277">
        <v>0</v>
      </c>
      <c r="Q15" s="279">
        <v>0</v>
      </c>
      <c r="R15" s="280">
        <v>0</v>
      </c>
      <c r="S15" s="280">
        <v>9</v>
      </c>
      <c r="T15" s="280">
        <v>5</v>
      </c>
      <c r="U15" s="280">
        <v>4</v>
      </c>
      <c r="V15" s="280">
        <v>42</v>
      </c>
      <c r="W15" s="277">
        <v>60</v>
      </c>
      <c r="X15" s="282">
        <v>60</v>
      </c>
      <c r="Y15" s="276">
        <v>41</v>
      </c>
      <c r="Z15" s="280">
        <v>119</v>
      </c>
      <c r="AA15" s="277">
        <v>160</v>
      </c>
      <c r="AB15" s="279">
        <v>0</v>
      </c>
      <c r="AC15" s="280">
        <v>155</v>
      </c>
      <c r="AD15" s="280">
        <v>181</v>
      </c>
      <c r="AE15" s="280">
        <v>174</v>
      </c>
      <c r="AF15" s="280">
        <v>149</v>
      </c>
      <c r="AG15" s="280">
        <v>165</v>
      </c>
      <c r="AH15" s="277">
        <v>824</v>
      </c>
      <c r="AI15" s="282">
        <v>984</v>
      </c>
      <c r="AJ15" s="276">
        <v>0</v>
      </c>
      <c r="AK15" s="280">
        <v>15</v>
      </c>
      <c r="AL15" s="277">
        <v>15</v>
      </c>
      <c r="AM15" s="279">
        <v>0</v>
      </c>
      <c r="AN15" s="280">
        <v>43</v>
      </c>
      <c r="AO15" s="280">
        <v>34</v>
      </c>
      <c r="AP15" s="280">
        <v>39</v>
      </c>
      <c r="AQ15" s="280">
        <v>6</v>
      </c>
      <c r="AR15" s="280">
        <v>0</v>
      </c>
      <c r="AS15" s="277">
        <v>122</v>
      </c>
      <c r="AT15" s="282">
        <v>137</v>
      </c>
      <c r="AU15" s="276">
        <v>0</v>
      </c>
      <c r="AV15" s="280">
        <v>0</v>
      </c>
      <c r="AW15" s="277">
        <v>0</v>
      </c>
      <c r="AX15" s="279">
        <v>0</v>
      </c>
      <c r="AY15" s="280">
        <v>380</v>
      </c>
      <c r="AZ15" s="280">
        <v>266</v>
      </c>
      <c r="BA15" s="280">
        <v>127</v>
      </c>
      <c r="BB15" s="280">
        <v>90</v>
      </c>
      <c r="BC15" s="280">
        <v>57</v>
      </c>
      <c r="BD15" s="281">
        <v>920</v>
      </c>
      <c r="BE15" s="282">
        <v>920</v>
      </c>
      <c r="BF15" s="276">
        <v>0</v>
      </c>
      <c r="BG15" s="280">
        <v>0</v>
      </c>
      <c r="BH15" s="277">
        <v>0</v>
      </c>
      <c r="BI15" s="279">
        <v>0</v>
      </c>
      <c r="BJ15" s="280">
        <v>113</v>
      </c>
      <c r="BK15" s="280">
        <v>91</v>
      </c>
      <c r="BL15" s="280">
        <v>104</v>
      </c>
      <c r="BM15" s="280">
        <v>37</v>
      </c>
      <c r="BN15" s="280">
        <v>5</v>
      </c>
      <c r="BO15" s="277">
        <v>350</v>
      </c>
      <c r="BP15" s="282">
        <v>350</v>
      </c>
      <c r="BQ15" s="276">
        <v>0</v>
      </c>
      <c r="BR15" s="280">
        <v>0</v>
      </c>
      <c r="BS15" s="277">
        <v>0</v>
      </c>
      <c r="BT15" s="279">
        <v>0</v>
      </c>
      <c r="BU15" s="280">
        <v>82</v>
      </c>
      <c r="BV15" s="280">
        <v>34</v>
      </c>
      <c r="BW15" s="280">
        <v>127</v>
      </c>
      <c r="BX15" s="280">
        <v>75</v>
      </c>
      <c r="BY15" s="280">
        <v>11</v>
      </c>
      <c r="BZ15" s="277">
        <v>329</v>
      </c>
      <c r="CA15" s="282">
        <v>329</v>
      </c>
      <c r="CB15" s="276">
        <v>0</v>
      </c>
      <c r="CC15" s="280">
        <v>0</v>
      </c>
      <c r="CD15" s="277">
        <v>0</v>
      </c>
      <c r="CE15" s="279">
        <v>0</v>
      </c>
      <c r="CF15" s="280">
        <v>0</v>
      </c>
      <c r="CG15" s="280">
        <v>0</v>
      </c>
      <c r="CH15" s="280">
        <v>0</v>
      </c>
      <c r="CI15" s="280">
        <v>0</v>
      </c>
      <c r="CJ15" s="280">
        <v>0</v>
      </c>
      <c r="CK15" s="277">
        <v>0</v>
      </c>
      <c r="CL15" s="282">
        <v>0</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77">
        <v>0</v>
      </c>
      <c r="E16" s="278">
        <v>0</v>
      </c>
      <c r="F16" s="279">
        <v>0</v>
      </c>
      <c r="G16" s="280">
        <v>205</v>
      </c>
      <c r="H16" s="280">
        <v>432</v>
      </c>
      <c r="I16" s="280">
        <v>594</v>
      </c>
      <c r="J16" s="280">
        <v>341</v>
      </c>
      <c r="K16" s="280">
        <v>850</v>
      </c>
      <c r="L16" s="281">
        <v>2422</v>
      </c>
      <c r="M16" s="282">
        <v>2422</v>
      </c>
      <c r="N16" s="276">
        <v>0</v>
      </c>
      <c r="O16" s="280">
        <v>0</v>
      </c>
      <c r="P16" s="277">
        <v>0</v>
      </c>
      <c r="Q16" s="279">
        <v>0</v>
      </c>
      <c r="R16" s="280">
        <v>0</v>
      </c>
      <c r="S16" s="280">
        <v>0</v>
      </c>
      <c r="T16" s="280">
        <v>8</v>
      </c>
      <c r="U16" s="280">
        <v>1</v>
      </c>
      <c r="V16" s="280">
        <v>0</v>
      </c>
      <c r="W16" s="277">
        <v>9</v>
      </c>
      <c r="X16" s="282">
        <v>9</v>
      </c>
      <c r="Y16" s="276">
        <v>9</v>
      </c>
      <c r="Z16" s="280">
        <v>20</v>
      </c>
      <c r="AA16" s="277">
        <v>29</v>
      </c>
      <c r="AB16" s="279">
        <v>0</v>
      </c>
      <c r="AC16" s="280">
        <v>135</v>
      </c>
      <c r="AD16" s="280">
        <v>125</v>
      </c>
      <c r="AE16" s="280">
        <v>103</v>
      </c>
      <c r="AF16" s="280">
        <v>75</v>
      </c>
      <c r="AG16" s="280">
        <v>106</v>
      </c>
      <c r="AH16" s="277">
        <v>544</v>
      </c>
      <c r="AI16" s="282">
        <v>573</v>
      </c>
      <c r="AJ16" s="276">
        <v>0</v>
      </c>
      <c r="AK16" s="280">
        <v>2</v>
      </c>
      <c r="AL16" s="277">
        <v>2</v>
      </c>
      <c r="AM16" s="279">
        <v>0</v>
      </c>
      <c r="AN16" s="280">
        <v>12</v>
      </c>
      <c r="AO16" s="280">
        <v>19</v>
      </c>
      <c r="AP16" s="280">
        <v>0</v>
      </c>
      <c r="AQ16" s="280">
        <v>8</v>
      </c>
      <c r="AR16" s="280">
        <v>40</v>
      </c>
      <c r="AS16" s="277">
        <v>79</v>
      </c>
      <c r="AT16" s="282">
        <v>81</v>
      </c>
      <c r="AU16" s="276">
        <v>0</v>
      </c>
      <c r="AV16" s="280">
        <v>0</v>
      </c>
      <c r="AW16" s="277">
        <v>0</v>
      </c>
      <c r="AX16" s="279">
        <v>0</v>
      </c>
      <c r="AY16" s="280">
        <v>141</v>
      </c>
      <c r="AZ16" s="280">
        <v>143</v>
      </c>
      <c r="BA16" s="280">
        <v>66</v>
      </c>
      <c r="BB16" s="280">
        <v>25</v>
      </c>
      <c r="BC16" s="280">
        <v>3</v>
      </c>
      <c r="BD16" s="281">
        <v>378</v>
      </c>
      <c r="BE16" s="282">
        <v>378</v>
      </c>
      <c r="BF16" s="276">
        <v>0</v>
      </c>
      <c r="BG16" s="280">
        <v>0</v>
      </c>
      <c r="BH16" s="277">
        <v>0</v>
      </c>
      <c r="BI16" s="279">
        <v>0</v>
      </c>
      <c r="BJ16" s="280">
        <v>4</v>
      </c>
      <c r="BK16" s="280">
        <v>20</v>
      </c>
      <c r="BL16" s="280">
        <v>25</v>
      </c>
      <c r="BM16" s="280">
        <v>21</v>
      </c>
      <c r="BN16" s="280">
        <v>9</v>
      </c>
      <c r="BO16" s="277">
        <v>79</v>
      </c>
      <c r="BP16" s="282">
        <v>79</v>
      </c>
      <c r="BQ16" s="276">
        <v>0</v>
      </c>
      <c r="BR16" s="280">
        <v>0</v>
      </c>
      <c r="BS16" s="277">
        <v>0</v>
      </c>
      <c r="BT16" s="279">
        <v>0</v>
      </c>
      <c r="BU16" s="280">
        <v>0</v>
      </c>
      <c r="BV16" s="280">
        <v>11</v>
      </c>
      <c r="BW16" s="280">
        <v>26</v>
      </c>
      <c r="BX16" s="280">
        <v>21</v>
      </c>
      <c r="BY16" s="280">
        <v>0</v>
      </c>
      <c r="BZ16" s="277">
        <v>58</v>
      </c>
      <c r="CA16" s="282">
        <v>58</v>
      </c>
      <c r="CB16" s="276">
        <v>0</v>
      </c>
      <c r="CC16" s="280">
        <v>0</v>
      </c>
      <c r="CD16" s="277">
        <v>0</v>
      </c>
      <c r="CE16" s="279">
        <v>0</v>
      </c>
      <c r="CF16" s="280">
        <v>0</v>
      </c>
      <c r="CG16" s="280">
        <v>0</v>
      </c>
      <c r="CH16" s="280">
        <v>0</v>
      </c>
      <c r="CI16" s="280">
        <v>6</v>
      </c>
      <c r="CJ16" s="280">
        <v>0</v>
      </c>
      <c r="CK16" s="277">
        <v>6</v>
      </c>
      <c r="CL16" s="282">
        <v>6</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77">
        <v>0</v>
      </c>
      <c r="E17" s="278">
        <v>0</v>
      </c>
      <c r="F17" s="279">
        <v>0</v>
      </c>
      <c r="G17" s="280">
        <v>34</v>
      </c>
      <c r="H17" s="280">
        <v>58</v>
      </c>
      <c r="I17" s="280">
        <v>6</v>
      </c>
      <c r="J17" s="280">
        <v>27</v>
      </c>
      <c r="K17" s="280">
        <v>148</v>
      </c>
      <c r="L17" s="281">
        <v>273</v>
      </c>
      <c r="M17" s="282">
        <v>273</v>
      </c>
      <c r="N17" s="276">
        <v>0</v>
      </c>
      <c r="O17" s="280">
        <v>0</v>
      </c>
      <c r="P17" s="277">
        <v>0</v>
      </c>
      <c r="Q17" s="279">
        <v>0</v>
      </c>
      <c r="R17" s="280">
        <v>0</v>
      </c>
      <c r="S17" s="280">
        <v>0</v>
      </c>
      <c r="T17" s="280">
        <v>0</v>
      </c>
      <c r="U17" s="280">
        <v>0</v>
      </c>
      <c r="V17" s="280">
        <v>19</v>
      </c>
      <c r="W17" s="277">
        <v>19</v>
      </c>
      <c r="X17" s="282">
        <v>19</v>
      </c>
      <c r="Y17" s="276">
        <v>0</v>
      </c>
      <c r="Z17" s="280">
        <v>2</v>
      </c>
      <c r="AA17" s="277">
        <v>2</v>
      </c>
      <c r="AB17" s="279">
        <v>0</v>
      </c>
      <c r="AC17" s="280">
        <v>7</v>
      </c>
      <c r="AD17" s="280">
        <v>10</v>
      </c>
      <c r="AE17" s="280">
        <v>2</v>
      </c>
      <c r="AF17" s="280">
        <v>51</v>
      </c>
      <c r="AG17" s="280">
        <v>78</v>
      </c>
      <c r="AH17" s="277">
        <v>148</v>
      </c>
      <c r="AI17" s="282">
        <v>150</v>
      </c>
      <c r="AJ17" s="276">
        <v>0</v>
      </c>
      <c r="AK17" s="280">
        <v>0</v>
      </c>
      <c r="AL17" s="277">
        <v>0</v>
      </c>
      <c r="AM17" s="279">
        <v>0</v>
      </c>
      <c r="AN17" s="280">
        <v>0</v>
      </c>
      <c r="AO17" s="280">
        <v>0</v>
      </c>
      <c r="AP17" s="280">
        <v>0</v>
      </c>
      <c r="AQ17" s="280">
        <v>0</v>
      </c>
      <c r="AR17" s="280">
        <v>39</v>
      </c>
      <c r="AS17" s="277">
        <v>39</v>
      </c>
      <c r="AT17" s="282">
        <v>39</v>
      </c>
      <c r="AU17" s="276">
        <v>0</v>
      </c>
      <c r="AV17" s="280">
        <v>0</v>
      </c>
      <c r="AW17" s="277">
        <v>0</v>
      </c>
      <c r="AX17" s="279">
        <v>0</v>
      </c>
      <c r="AY17" s="280">
        <v>24</v>
      </c>
      <c r="AZ17" s="280">
        <v>33</v>
      </c>
      <c r="BA17" s="280">
        <v>18</v>
      </c>
      <c r="BB17" s="280">
        <v>9</v>
      </c>
      <c r="BC17" s="280">
        <v>0</v>
      </c>
      <c r="BD17" s="281">
        <v>84</v>
      </c>
      <c r="BE17" s="282">
        <v>84</v>
      </c>
      <c r="BF17" s="276">
        <v>0</v>
      </c>
      <c r="BG17" s="280">
        <v>0</v>
      </c>
      <c r="BH17" s="277">
        <v>0</v>
      </c>
      <c r="BI17" s="279">
        <v>0</v>
      </c>
      <c r="BJ17" s="280">
        <v>7</v>
      </c>
      <c r="BK17" s="280">
        <v>13</v>
      </c>
      <c r="BL17" s="280">
        <v>8</v>
      </c>
      <c r="BM17" s="280">
        <v>20</v>
      </c>
      <c r="BN17" s="280">
        <v>18</v>
      </c>
      <c r="BO17" s="277">
        <v>66</v>
      </c>
      <c r="BP17" s="282">
        <v>66</v>
      </c>
      <c r="BQ17" s="276">
        <v>0</v>
      </c>
      <c r="BR17" s="280">
        <v>0</v>
      </c>
      <c r="BS17" s="277">
        <v>0</v>
      </c>
      <c r="BT17" s="279">
        <v>0</v>
      </c>
      <c r="BU17" s="280">
        <v>0</v>
      </c>
      <c r="BV17" s="280">
        <v>0</v>
      </c>
      <c r="BW17" s="280">
        <v>12</v>
      </c>
      <c r="BX17" s="280">
        <v>62</v>
      </c>
      <c r="BY17" s="280">
        <v>16</v>
      </c>
      <c r="BZ17" s="277">
        <v>90</v>
      </c>
      <c r="CA17" s="282">
        <v>90</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77">
        <v>0</v>
      </c>
      <c r="E18" s="278">
        <v>0</v>
      </c>
      <c r="F18" s="279">
        <v>0</v>
      </c>
      <c r="G18" s="280">
        <v>206</v>
      </c>
      <c r="H18" s="280">
        <v>181</v>
      </c>
      <c r="I18" s="280">
        <v>83</v>
      </c>
      <c r="J18" s="280">
        <v>94</v>
      </c>
      <c r="K18" s="280">
        <v>70</v>
      </c>
      <c r="L18" s="281">
        <v>634</v>
      </c>
      <c r="M18" s="282">
        <v>634</v>
      </c>
      <c r="N18" s="276">
        <v>0</v>
      </c>
      <c r="O18" s="280">
        <v>0</v>
      </c>
      <c r="P18" s="277">
        <v>0</v>
      </c>
      <c r="Q18" s="279">
        <v>0</v>
      </c>
      <c r="R18" s="280">
        <v>0</v>
      </c>
      <c r="S18" s="280">
        <v>0</v>
      </c>
      <c r="T18" s="280">
        <v>7</v>
      </c>
      <c r="U18" s="280">
        <v>4</v>
      </c>
      <c r="V18" s="280">
        <v>3</v>
      </c>
      <c r="W18" s="277">
        <v>14</v>
      </c>
      <c r="X18" s="282">
        <v>14</v>
      </c>
      <c r="Y18" s="276">
        <v>8</v>
      </c>
      <c r="Z18" s="280">
        <v>1</v>
      </c>
      <c r="AA18" s="277">
        <v>9</v>
      </c>
      <c r="AB18" s="279">
        <v>0</v>
      </c>
      <c r="AC18" s="280">
        <v>73</v>
      </c>
      <c r="AD18" s="280">
        <v>105</v>
      </c>
      <c r="AE18" s="280">
        <v>75</v>
      </c>
      <c r="AF18" s="280">
        <v>35</v>
      </c>
      <c r="AG18" s="280">
        <v>59</v>
      </c>
      <c r="AH18" s="277">
        <v>347</v>
      </c>
      <c r="AI18" s="282">
        <v>356</v>
      </c>
      <c r="AJ18" s="276">
        <v>0</v>
      </c>
      <c r="AK18" s="280">
        <v>0</v>
      </c>
      <c r="AL18" s="277">
        <v>0</v>
      </c>
      <c r="AM18" s="279">
        <v>0</v>
      </c>
      <c r="AN18" s="280">
        <v>27</v>
      </c>
      <c r="AO18" s="280">
        <v>15</v>
      </c>
      <c r="AP18" s="280">
        <v>27</v>
      </c>
      <c r="AQ18" s="280">
        <v>39</v>
      </c>
      <c r="AR18" s="280">
        <v>0</v>
      </c>
      <c r="AS18" s="277">
        <v>108</v>
      </c>
      <c r="AT18" s="282">
        <v>108</v>
      </c>
      <c r="AU18" s="276">
        <v>0</v>
      </c>
      <c r="AV18" s="280">
        <v>0</v>
      </c>
      <c r="AW18" s="277">
        <v>0</v>
      </c>
      <c r="AX18" s="279">
        <v>0</v>
      </c>
      <c r="AY18" s="280">
        <v>194</v>
      </c>
      <c r="AZ18" s="280">
        <v>222</v>
      </c>
      <c r="BA18" s="280">
        <v>103</v>
      </c>
      <c r="BB18" s="280">
        <v>34</v>
      </c>
      <c r="BC18" s="280">
        <v>39</v>
      </c>
      <c r="BD18" s="281">
        <v>592</v>
      </c>
      <c r="BE18" s="282">
        <v>592</v>
      </c>
      <c r="BF18" s="276">
        <v>0</v>
      </c>
      <c r="BG18" s="280">
        <v>0</v>
      </c>
      <c r="BH18" s="277">
        <v>0</v>
      </c>
      <c r="BI18" s="279">
        <v>0</v>
      </c>
      <c r="BJ18" s="280">
        <v>76</v>
      </c>
      <c r="BK18" s="280">
        <v>152</v>
      </c>
      <c r="BL18" s="280">
        <v>67</v>
      </c>
      <c r="BM18" s="280">
        <v>8</v>
      </c>
      <c r="BN18" s="280">
        <v>9</v>
      </c>
      <c r="BO18" s="277">
        <v>312</v>
      </c>
      <c r="BP18" s="282">
        <v>312</v>
      </c>
      <c r="BQ18" s="276">
        <v>0</v>
      </c>
      <c r="BR18" s="280">
        <v>0</v>
      </c>
      <c r="BS18" s="277">
        <v>0</v>
      </c>
      <c r="BT18" s="279">
        <v>0</v>
      </c>
      <c r="BU18" s="280">
        <v>33</v>
      </c>
      <c r="BV18" s="280">
        <v>32</v>
      </c>
      <c r="BW18" s="280">
        <v>34</v>
      </c>
      <c r="BX18" s="280">
        <v>2</v>
      </c>
      <c r="BY18" s="280">
        <v>0</v>
      </c>
      <c r="BZ18" s="277">
        <v>101</v>
      </c>
      <c r="CA18" s="282">
        <v>101</v>
      </c>
      <c r="CB18" s="276">
        <v>0</v>
      </c>
      <c r="CC18" s="280">
        <v>0</v>
      </c>
      <c r="CD18" s="277">
        <v>0</v>
      </c>
      <c r="CE18" s="279">
        <v>0</v>
      </c>
      <c r="CF18" s="280">
        <v>3</v>
      </c>
      <c r="CG18" s="280">
        <v>0</v>
      </c>
      <c r="CH18" s="280">
        <v>3</v>
      </c>
      <c r="CI18" s="280">
        <v>0</v>
      </c>
      <c r="CJ18" s="280">
        <v>0</v>
      </c>
      <c r="CK18" s="277">
        <v>6</v>
      </c>
      <c r="CL18" s="282">
        <v>6</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77">
        <v>0</v>
      </c>
      <c r="E19" s="278">
        <v>0</v>
      </c>
      <c r="F19" s="279">
        <v>0</v>
      </c>
      <c r="G19" s="280">
        <v>88</v>
      </c>
      <c r="H19" s="280">
        <v>285</v>
      </c>
      <c r="I19" s="280">
        <v>774</v>
      </c>
      <c r="J19" s="280">
        <v>291</v>
      </c>
      <c r="K19" s="280">
        <v>507</v>
      </c>
      <c r="L19" s="281">
        <v>1945</v>
      </c>
      <c r="M19" s="282">
        <v>1945</v>
      </c>
      <c r="N19" s="276">
        <v>0</v>
      </c>
      <c r="O19" s="280">
        <v>0</v>
      </c>
      <c r="P19" s="277">
        <v>0</v>
      </c>
      <c r="Q19" s="279">
        <v>0</v>
      </c>
      <c r="R19" s="280">
        <v>0</v>
      </c>
      <c r="S19" s="280">
        <v>0</v>
      </c>
      <c r="T19" s="280">
        <v>7</v>
      </c>
      <c r="U19" s="280">
        <v>8</v>
      </c>
      <c r="V19" s="280">
        <v>19</v>
      </c>
      <c r="W19" s="277">
        <v>34</v>
      </c>
      <c r="X19" s="282">
        <v>34</v>
      </c>
      <c r="Y19" s="276">
        <v>17</v>
      </c>
      <c r="Z19" s="280">
        <v>37</v>
      </c>
      <c r="AA19" s="277">
        <v>54</v>
      </c>
      <c r="AB19" s="279">
        <v>0</v>
      </c>
      <c r="AC19" s="280">
        <v>122</v>
      </c>
      <c r="AD19" s="280">
        <v>176</v>
      </c>
      <c r="AE19" s="280">
        <v>134</v>
      </c>
      <c r="AF19" s="280">
        <v>50</v>
      </c>
      <c r="AG19" s="280">
        <v>64</v>
      </c>
      <c r="AH19" s="277">
        <v>546</v>
      </c>
      <c r="AI19" s="282">
        <v>600</v>
      </c>
      <c r="AJ19" s="276">
        <v>14</v>
      </c>
      <c r="AK19" s="280">
        <v>15</v>
      </c>
      <c r="AL19" s="277">
        <v>29</v>
      </c>
      <c r="AM19" s="279">
        <v>0</v>
      </c>
      <c r="AN19" s="280">
        <v>18</v>
      </c>
      <c r="AO19" s="280">
        <v>0</v>
      </c>
      <c r="AP19" s="280">
        <v>12</v>
      </c>
      <c r="AQ19" s="280">
        <v>75</v>
      </c>
      <c r="AR19" s="280">
        <v>0</v>
      </c>
      <c r="AS19" s="277">
        <v>105</v>
      </c>
      <c r="AT19" s="282">
        <v>134</v>
      </c>
      <c r="AU19" s="276">
        <v>0</v>
      </c>
      <c r="AV19" s="280">
        <v>0</v>
      </c>
      <c r="AW19" s="277">
        <v>0</v>
      </c>
      <c r="AX19" s="279">
        <v>0</v>
      </c>
      <c r="AY19" s="280">
        <v>160</v>
      </c>
      <c r="AZ19" s="280">
        <v>287</v>
      </c>
      <c r="BA19" s="280">
        <v>136</v>
      </c>
      <c r="BB19" s="280">
        <v>85</v>
      </c>
      <c r="BC19" s="280">
        <v>25</v>
      </c>
      <c r="BD19" s="281">
        <v>693</v>
      </c>
      <c r="BE19" s="282">
        <v>693</v>
      </c>
      <c r="BF19" s="276">
        <v>0</v>
      </c>
      <c r="BG19" s="280">
        <v>0</v>
      </c>
      <c r="BH19" s="277">
        <v>0</v>
      </c>
      <c r="BI19" s="279">
        <v>0</v>
      </c>
      <c r="BJ19" s="280">
        <v>42</v>
      </c>
      <c r="BK19" s="280">
        <v>78</v>
      </c>
      <c r="BL19" s="280">
        <v>78</v>
      </c>
      <c r="BM19" s="280">
        <v>58</v>
      </c>
      <c r="BN19" s="280">
        <v>2</v>
      </c>
      <c r="BO19" s="277">
        <v>258</v>
      </c>
      <c r="BP19" s="282">
        <v>258</v>
      </c>
      <c r="BQ19" s="276">
        <v>0</v>
      </c>
      <c r="BR19" s="280">
        <v>0</v>
      </c>
      <c r="BS19" s="277">
        <v>0</v>
      </c>
      <c r="BT19" s="279">
        <v>0</v>
      </c>
      <c r="BU19" s="280">
        <v>14</v>
      </c>
      <c r="BV19" s="280">
        <v>50</v>
      </c>
      <c r="BW19" s="280">
        <v>27</v>
      </c>
      <c r="BX19" s="280">
        <v>51</v>
      </c>
      <c r="BY19" s="280">
        <v>36</v>
      </c>
      <c r="BZ19" s="277">
        <v>178</v>
      </c>
      <c r="CA19" s="282">
        <v>178</v>
      </c>
      <c r="CB19" s="276">
        <v>0</v>
      </c>
      <c r="CC19" s="280">
        <v>0</v>
      </c>
      <c r="CD19" s="277">
        <v>0</v>
      </c>
      <c r="CE19" s="279">
        <v>0</v>
      </c>
      <c r="CF19" s="280">
        <v>18</v>
      </c>
      <c r="CG19" s="280">
        <v>2</v>
      </c>
      <c r="CH19" s="280">
        <v>6</v>
      </c>
      <c r="CI19" s="280">
        <v>0</v>
      </c>
      <c r="CJ19" s="280">
        <v>5</v>
      </c>
      <c r="CK19" s="277">
        <v>31</v>
      </c>
      <c r="CL19" s="282">
        <v>31</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77">
        <v>0</v>
      </c>
      <c r="E20" s="278">
        <v>0</v>
      </c>
      <c r="F20" s="279">
        <v>0</v>
      </c>
      <c r="G20" s="280">
        <v>294</v>
      </c>
      <c r="H20" s="280">
        <v>368</v>
      </c>
      <c r="I20" s="280">
        <v>490</v>
      </c>
      <c r="J20" s="280">
        <v>775</v>
      </c>
      <c r="K20" s="280">
        <v>444</v>
      </c>
      <c r="L20" s="281">
        <v>2371</v>
      </c>
      <c r="M20" s="282">
        <v>2371</v>
      </c>
      <c r="N20" s="276">
        <v>0</v>
      </c>
      <c r="O20" s="280">
        <v>0</v>
      </c>
      <c r="P20" s="277">
        <v>0</v>
      </c>
      <c r="Q20" s="279">
        <v>0</v>
      </c>
      <c r="R20" s="280">
        <v>0</v>
      </c>
      <c r="S20" s="280">
        <v>0</v>
      </c>
      <c r="T20" s="280">
        <v>9</v>
      </c>
      <c r="U20" s="280">
        <v>10</v>
      </c>
      <c r="V20" s="280">
        <v>18</v>
      </c>
      <c r="W20" s="277">
        <v>37</v>
      </c>
      <c r="X20" s="282">
        <v>37</v>
      </c>
      <c r="Y20" s="276">
        <v>39</v>
      </c>
      <c r="Z20" s="280">
        <v>68</v>
      </c>
      <c r="AA20" s="277">
        <v>107</v>
      </c>
      <c r="AB20" s="279">
        <v>0</v>
      </c>
      <c r="AC20" s="280">
        <v>236</v>
      </c>
      <c r="AD20" s="280">
        <v>292</v>
      </c>
      <c r="AE20" s="280">
        <v>199</v>
      </c>
      <c r="AF20" s="280">
        <v>142</v>
      </c>
      <c r="AG20" s="280">
        <v>251</v>
      </c>
      <c r="AH20" s="277">
        <v>1120</v>
      </c>
      <c r="AI20" s="282">
        <v>1227</v>
      </c>
      <c r="AJ20" s="276">
        <v>12</v>
      </c>
      <c r="AK20" s="280">
        <v>0</v>
      </c>
      <c r="AL20" s="277">
        <v>12</v>
      </c>
      <c r="AM20" s="279">
        <v>0</v>
      </c>
      <c r="AN20" s="280">
        <v>70</v>
      </c>
      <c r="AO20" s="280">
        <v>40</v>
      </c>
      <c r="AP20" s="280">
        <v>48</v>
      </c>
      <c r="AQ20" s="280">
        <v>12</v>
      </c>
      <c r="AR20" s="280">
        <v>18</v>
      </c>
      <c r="AS20" s="277">
        <v>188</v>
      </c>
      <c r="AT20" s="282">
        <v>200</v>
      </c>
      <c r="AU20" s="276">
        <v>0</v>
      </c>
      <c r="AV20" s="280">
        <v>0</v>
      </c>
      <c r="AW20" s="277">
        <v>0</v>
      </c>
      <c r="AX20" s="279">
        <v>0</v>
      </c>
      <c r="AY20" s="280">
        <v>251</v>
      </c>
      <c r="AZ20" s="280">
        <v>500</v>
      </c>
      <c r="BA20" s="280">
        <v>152</v>
      </c>
      <c r="BB20" s="280">
        <v>111</v>
      </c>
      <c r="BC20" s="280">
        <v>62</v>
      </c>
      <c r="BD20" s="281">
        <v>1076</v>
      </c>
      <c r="BE20" s="282">
        <v>1076</v>
      </c>
      <c r="BF20" s="276">
        <v>0</v>
      </c>
      <c r="BG20" s="280">
        <v>0</v>
      </c>
      <c r="BH20" s="277">
        <v>0</v>
      </c>
      <c r="BI20" s="279">
        <v>0</v>
      </c>
      <c r="BJ20" s="280">
        <v>85</v>
      </c>
      <c r="BK20" s="280">
        <v>121</v>
      </c>
      <c r="BL20" s="280">
        <v>35</v>
      </c>
      <c r="BM20" s="280">
        <v>58</v>
      </c>
      <c r="BN20" s="280">
        <v>33</v>
      </c>
      <c r="BO20" s="277">
        <v>332</v>
      </c>
      <c r="BP20" s="282">
        <v>332</v>
      </c>
      <c r="BQ20" s="276">
        <v>0</v>
      </c>
      <c r="BR20" s="280">
        <v>0</v>
      </c>
      <c r="BS20" s="277">
        <v>0</v>
      </c>
      <c r="BT20" s="279">
        <v>0</v>
      </c>
      <c r="BU20" s="280">
        <v>7</v>
      </c>
      <c r="BV20" s="280">
        <v>115</v>
      </c>
      <c r="BW20" s="280">
        <v>79</v>
      </c>
      <c r="BX20" s="280">
        <v>99</v>
      </c>
      <c r="BY20" s="280">
        <v>19</v>
      </c>
      <c r="BZ20" s="277">
        <v>319</v>
      </c>
      <c r="CA20" s="282">
        <v>319</v>
      </c>
      <c r="CB20" s="276">
        <v>0</v>
      </c>
      <c r="CC20" s="280">
        <v>0</v>
      </c>
      <c r="CD20" s="277">
        <v>0</v>
      </c>
      <c r="CE20" s="279">
        <v>0</v>
      </c>
      <c r="CF20" s="280">
        <v>0</v>
      </c>
      <c r="CG20" s="280">
        <v>2</v>
      </c>
      <c r="CH20" s="280">
        <v>0</v>
      </c>
      <c r="CI20" s="280">
        <v>0</v>
      </c>
      <c r="CJ20" s="280">
        <v>0</v>
      </c>
      <c r="CK20" s="277">
        <v>2</v>
      </c>
      <c r="CL20" s="282">
        <v>2</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77">
        <v>0</v>
      </c>
      <c r="E21" s="278">
        <v>0</v>
      </c>
      <c r="F21" s="279">
        <v>0</v>
      </c>
      <c r="G21" s="280">
        <v>44</v>
      </c>
      <c r="H21" s="280">
        <v>88</v>
      </c>
      <c r="I21" s="280">
        <v>145</v>
      </c>
      <c r="J21" s="280">
        <v>172</v>
      </c>
      <c r="K21" s="280">
        <v>73</v>
      </c>
      <c r="L21" s="281">
        <v>522</v>
      </c>
      <c r="M21" s="282">
        <v>522</v>
      </c>
      <c r="N21" s="276">
        <v>0</v>
      </c>
      <c r="O21" s="280">
        <v>0</v>
      </c>
      <c r="P21" s="277">
        <v>0</v>
      </c>
      <c r="Q21" s="279">
        <v>0</v>
      </c>
      <c r="R21" s="280">
        <v>0</v>
      </c>
      <c r="S21" s="280">
        <v>5</v>
      </c>
      <c r="T21" s="280">
        <v>10</v>
      </c>
      <c r="U21" s="280">
        <v>7</v>
      </c>
      <c r="V21" s="280">
        <v>14</v>
      </c>
      <c r="W21" s="277">
        <v>36</v>
      </c>
      <c r="X21" s="282">
        <v>36</v>
      </c>
      <c r="Y21" s="276">
        <v>12</v>
      </c>
      <c r="Z21" s="280">
        <v>9</v>
      </c>
      <c r="AA21" s="277">
        <v>21</v>
      </c>
      <c r="AB21" s="279">
        <v>0</v>
      </c>
      <c r="AC21" s="280">
        <v>99</v>
      </c>
      <c r="AD21" s="280">
        <v>87</v>
      </c>
      <c r="AE21" s="280">
        <v>62</v>
      </c>
      <c r="AF21" s="280">
        <v>155</v>
      </c>
      <c r="AG21" s="280">
        <v>39</v>
      </c>
      <c r="AH21" s="277">
        <v>442</v>
      </c>
      <c r="AI21" s="282">
        <v>463</v>
      </c>
      <c r="AJ21" s="276">
        <v>14</v>
      </c>
      <c r="AK21" s="280">
        <v>0</v>
      </c>
      <c r="AL21" s="277">
        <v>14</v>
      </c>
      <c r="AM21" s="279">
        <v>0</v>
      </c>
      <c r="AN21" s="280">
        <v>52</v>
      </c>
      <c r="AO21" s="280">
        <v>0</v>
      </c>
      <c r="AP21" s="280">
        <v>15</v>
      </c>
      <c r="AQ21" s="280">
        <v>21</v>
      </c>
      <c r="AR21" s="280">
        <v>0</v>
      </c>
      <c r="AS21" s="277">
        <v>88</v>
      </c>
      <c r="AT21" s="282">
        <v>102</v>
      </c>
      <c r="AU21" s="276">
        <v>0</v>
      </c>
      <c r="AV21" s="280">
        <v>0</v>
      </c>
      <c r="AW21" s="277">
        <v>0</v>
      </c>
      <c r="AX21" s="279">
        <v>0</v>
      </c>
      <c r="AY21" s="280">
        <v>83</v>
      </c>
      <c r="AZ21" s="280">
        <v>105</v>
      </c>
      <c r="BA21" s="280">
        <v>26</v>
      </c>
      <c r="BB21" s="280">
        <v>55</v>
      </c>
      <c r="BC21" s="280">
        <v>44</v>
      </c>
      <c r="BD21" s="281">
        <v>313</v>
      </c>
      <c r="BE21" s="282">
        <v>313</v>
      </c>
      <c r="BF21" s="276">
        <v>0</v>
      </c>
      <c r="BG21" s="280">
        <v>0</v>
      </c>
      <c r="BH21" s="277">
        <v>0</v>
      </c>
      <c r="BI21" s="279">
        <v>0</v>
      </c>
      <c r="BJ21" s="280">
        <v>56</v>
      </c>
      <c r="BK21" s="280">
        <v>23</v>
      </c>
      <c r="BL21" s="280">
        <v>25</v>
      </c>
      <c r="BM21" s="280">
        <v>38</v>
      </c>
      <c r="BN21" s="280">
        <v>12</v>
      </c>
      <c r="BO21" s="277">
        <v>154</v>
      </c>
      <c r="BP21" s="282">
        <v>154</v>
      </c>
      <c r="BQ21" s="276">
        <v>0</v>
      </c>
      <c r="BR21" s="280">
        <v>3</v>
      </c>
      <c r="BS21" s="277">
        <v>3</v>
      </c>
      <c r="BT21" s="279">
        <v>0</v>
      </c>
      <c r="BU21" s="280">
        <v>4</v>
      </c>
      <c r="BV21" s="280">
        <v>19</v>
      </c>
      <c r="BW21" s="280">
        <v>2</v>
      </c>
      <c r="BX21" s="280">
        <v>3</v>
      </c>
      <c r="BY21" s="280">
        <v>31</v>
      </c>
      <c r="BZ21" s="277">
        <v>59</v>
      </c>
      <c r="CA21" s="282">
        <v>62</v>
      </c>
      <c r="CB21" s="276">
        <v>0</v>
      </c>
      <c r="CC21" s="280">
        <v>0</v>
      </c>
      <c r="CD21" s="277">
        <v>0</v>
      </c>
      <c r="CE21" s="279">
        <v>0</v>
      </c>
      <c r="CF21" s="280">
        <v>0</v>
      </c>
      <c r="CG21" s="280">
        <v>8</v>
      </c>
      <c r="CH21" s="280">
        <v>11</v>
      </c>
      <c r="CI21" s="280">
        <v>25</v>
      </c>
      <c r="CJ21" s="280">
        <v>0</v>
      </c>
      <c r="CK21" s="277">
        <v>44</v>
      </c>
      <c r="CL21" s="282">
        <v>44</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77">
        <v>0</v>
      </c>
      <c r="E22" s="278">
        <v>0</v>
      </c>
      <c r="F22" s="279">
        <v>0</v>
      </c>
      <c r="G22" s="280">
        <v>83</v>
      </c>
      <c r="H22" s="280">
        <v>110</v>
      </c>
      <c r="I22" s="280">
        <v>266</v>
      </c>
      <c r="J22" s="280">
        <v>148</v>
      </c>
      <c r="K22" s="280">
        <v>84</v>
      </c>
      <c r="L22" s="281">
        <v>691</v>
      </c>
      <c r="M22" s="282">
        <v>691</v>
      </c>
      <c r="N22" s="276">
        <v>0</v>
      </c>
      <c r="O22" s="280">
        <v>0</v>
      </c>
      <c r="P22" s="277">
        <v>0</v>
      </c>
      <c r="Q22" s="279">
        <v>0</v>
      </c>
      <c r="R22" s="280">
        <v>0</v>
      </c>
      <c r="S22" s="280">
        <v>4</v>
      </c>
      <c r="T22" s="280">
        <v>0</v>
      </c>
      <c r="U22" s="280">
        <v>14</v>
      </c>
      <c r="V22" s="280">
        <v>12</v>
      </c>
      <c r="W22" s="277">
        <v>30</v>
      </c>
      <c r="X22" s="282">
        <v>30</v>
      </c>
      <c r="Y22" s="276">
        <v>14</v>
      </c>
      <c r="Z22" s="280">
        <v>36</v>
      </c>
      <c r="AA22" s="277">
        <v>50</v>
      </c>
      <c r="AB22" s="279">
        <v>0</v>
      </c>
      <c r="AC22" s="280">
        <v>126</v>
      </c>
      <c r="AD22" s="280">
        <v>138</v>
      </c>
      <c r="AE22" s="280">
        <v>156</v>
      </c>
      <c r="AF22" s="280">
        <v>50</v>
      </c>
      <c r="AG22" s="280">
        <v>54</v>
      </c>
      <c r="AH22" s="277">
        <v>524</v>
      </c>
      <c r="AI22" s="282">
        <v>574</v>
      </c>
      <c r="AJ22" s="276">
        <v>0</v>
      </c>
      <c r="AK22" s="280">
        <v>22</v>
      </c>
      <c r="AL22" s="277">
        <v>22</v>
      </c>
      <c r="AM22" s="279">
        <v>0</v>
      </c>
      <c r="AN22" s="280">
        <v>71</v>
      </c>
      <c r="AO22" s="280">
        <v>76</v>
      </c>
      <c r="AP22" s="280">
        <v>39</v>
      </c>
      <c r="AQ22" s="280">
        <v>24</v>
      </c>
      <c r="AR22" s="280">
        <v>8</v>
      </c>
      <c r="AS22" s="277">
        <v>218</v>
      </c>
      <c r="AT22" s="282">
        <v>240</v>
      </c>
      <c r="AU22" s="276">
        <v>0</v>
      </c>
      <c r="AV22" s="280">
        <v>0</v>
      </c>
      <c r="AW22" s="277">
        <v>0</v>
      </c>
      <c r="AX22" s="279">
        <v>0</v>
      </c>
      <c r="AY22" s="280">
        <v>81</v>
      </c>
      <c r="AZ22" s="280">
        <v>157</v>
      </c>
      <c r="BA22" s="280">
        <v>149</v>
      </c>
      <c r="BB22" s="280">
        <v>47</v>
      </c>
      <c r="BC22" s="280">
        <v>41</v>
      </c>
      <c r="BD22" s="281">
        <v>475</v>
      </c>
      <c r="BE22" s="282">
        <v>475</v>
      </c>
      <c r="BF22" s="276">
        <v>0</v>
      </c>
      <c r="BG22" s="280">
        <v>0</v>
      </c>
      <c r="BH22" s="277">
        <v>0</v>
      </c>
      <c r="BI22" s="279">
        <v>0</v>
      </c>
      <c r="BJ22" s="280">
        <v>53</v>
      </c>
      <c r="BK22" s="280">
        <v>115</v>
      </c>
      <c r="BL22" s="280">
        <v>36</v>
      </c>
      <c r="BM22" s="280">
        <v>43</v>
      </c>
      <c r="BN22" s="280">
        <v>33</v>
      </c>
      <c r="BO22" s="277">
        <v>280</v>
      </c>
      <c r="BP22" s="282">
        <v>280</v>
      </c>
      <c r="BQ22" s="276">
        <v>0</v>
      </c>
      <c r="BR22" s="280">
        <v>0</v>
      </c>
      <c r="BS22" s="277">
        <v>0</v>
      </c>
      <c r="BT22" s="279">
        <v>0</v>
      </c>
      <c r="BU22" s="280">
        <v>56</v>
      </c>
      <c r="BV22" s="280">
        <v>8</v>
      </c>
      <c r="BW22" s="280">
        <v>49</v>
      </c>
      <c r="BX22" s="280">
        <v>63</v>
      </c>
      <c r="BY22" s="280">
        <v>0</v>
      </c>
      <c r="BZ22" s="277">
        <v>176</v>
      </c>
      <c r="CA22" s="282">
        <v>176</v>
      </c>
      <c r="CB22" s="276">
        <v>0</v>
      </c>
      <c r="CC22" s="280">
        <v>0</v>
      </c>
      <c r="CD22" s="277">
        <v>0</v>
      </c>
      <c r="CE22" s="279">
        <v>0</v>
      </c>
      <c r="CF22" s="280">
        <v>0</v>
      </c>
      <c r="CG22" s="280">
        <v>0</v>
      </c>
      <c r="CH22" s="280">
        <v>0</v>
      </c>
      <c r="CI22" s="280">
        <v>9</v>
      </c>
      <c r="CJ22" s="280">
        <v>3</v>
      </c>
      <c r="CK22" s="277">
        <v>12</v>
      </c>
      <c r="CL22" s="282">
        <v>12</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77">
        <v>0</v>
      </c>
      <c r="E23" s="278">
        <v>0</v>
      </c>
      <c r="F23" s="279">
        <v>0</v>
      </c>
      <c r="G23" s="280">
        <v>164</v>
      </c>
      <c r="H23" s="280">
        <v>170</v>
      </c>
      <c r="I23" s="280">
        <v>244</v>
      </c>
      <c r="J23" s="280">
        <v>348</v>
      </c>
      <c r="K23" s="280">
        <v>192</v>
      </c>
      <c r="L23" s="281">
        <v>1118</v>
      </c>
      <c r="M23" s="282">
        <v>1118</v>
      </c>
      <c r="N23" s="276">
        <v>0</v>
      </c>
      <c r="O23" s="280">
        <v>0</v>
      </c>
      <c r="P23" s="277">
        <v>0</v>
      </c>
      <c r="Q23" s="279">
        <v>0</v>
      </c>
      <c r="R23" s="280">
        <v>0</v>
      </c>
      <c r="S23" s="280">
        <v>0</v>
      </c>
      <c r="T23" s="280">
        <v>0</v>
      </c>
      <c r="U23" s="280">
        <v>1</v>
      </c>
      <c r="V23" s="280">
        <v>11</v>
      </c>
      <c r="W23" s="277">
        <v>12</v>
      </c>
      <c r="X23" s="282">
        <v>12</v>
      </c>
      <c r="Y23" s="276">
        <v>31</v>
      </c>
      <c r="Z23" s="280">
        <v>19</v>
      </c>
      <c r="AA23" s="277">
        <v>50</v>
      </c>
      <c r="AB23" s="279">
        <v>0</v>
      </c>
      <c r="AC23" s="280">
        <v>122</v>
      </c>
      <c r="AD23" s="280">
        <v>133</v>
      </c>
      <c r="AE23" s="280">
        <v>63</v>
      </c>
      <c r="AF23" s="280">
        <v>45</v>
      </c>
      <c r="AG23" s="280">
        <v>63</v>
      </c>
      <c r="AH23" s="277">
        <v>426</v>
      </c>
      <c r="AI23" s="282">
        <v>476</v>
      </c>
      <c r="AJ23" s="276">
        <v>0</v>
      </c>
      <c r="AK23" s="280">
        <v>0</v>
      </c>
      <c r="AL23" s="277">
        <v>0</v>
      </c>
      <c r="AM23" s="279">
        <v>0</v>
      </c>
      <c r="AN23" s="280">
        <v>0</v>
      </c>
      <c r="AO23" s="280">
        <v>10</v>
      </c>
      <c r="AP23" s="280">
        <v>0</v>
      </c>
      <c r="AQ23" s="280">
        <v>18</v>
      </c>
      <c r="AR23" s="280">
        <v>9</v>
      </c>
      <c r="AS23" s="277">
        <v>37</v>
      </c>
      <c r="AT23" s="282">
        <v>37</v>
      </c>
      <c r="AU23" s="276">
        <v>0</v>
      </c>
      <c r="AV23" s="280">
        <v>0</v>
      </c>
      <c r="AW23" s="277">
        <v>0</v>
      </c>
      <c r="AX23" s="279">
        <v>0</v>
      </c>
      <c r="AY23" s="280">
        <v>181</v>
      </c>
      <c r="AZ23" s="280">
        <v>94</v>
      </c>
      <c r="BA23" s="280">
        <v>16</v>
      </c>
      <c r="BB23" s="280">
        <v>41</v>
      </c>
      <c r="BC23" s="280">
        <v>17</v>
      </c>
      <c r="BD23" s="281">
        <v>349</v>
      </c>
      <c r="BE23" s="282">
        <v>349</v>
      </c>
      <c r="BF23" s="276">
        <v>0</v>
      </c>
      <c r="BG23" s="280">
        <v>0</v>
      </c>
      <c r="BH23" s="277">
        <v>0</v>
      </c>
      <c r="BI23" s="279">
        <v>0</v>
      </c>
      <c r="BJ23" s="280">
        <v>8</v>
      </c>
      <c r="BK23" s="280">
        <v>28</v>
      </c>
      <c r="BL23" s="280">
        <v>0</v>
      </c>
      <c r="BM23" s="280">
        <v>7</v>
      </c>
      <c r="BN23" s="280">
        <v>14</v>
      </c>
      <c r="BO23" s="277">
        <v>57</v>
      </c>
      <c r="BP23" s="282">
        <v>57</v>
      </c>
      <c r="BQ23" s="276">
        <v>0</v>
      </c>
      <c r="BR23" s="280">
        <v>3</v>
      </c>
      <c r="BS23" s="277">
        <v>3</v>
      </c>
      <c r="BT23" s="279">
        <v>0</v>
      </c>
      <c r="BU23" s="280">
        <v>14</v>
      </c>
      <c r="BV23" s="280">
        <v>19</v>
      </c>
      <c r="BW23" s="280">
        <v>89</v>
      </c>
      <c r="BX23" s="280">
        <v>20</v>
      </c>
      <c r="BY23" s="280">
        <v>29</v>
      </c>
      <c r="BZ23" s="277">
        <v>171</v>
      </c>
      <c r="CA23" s="282">
        <v>174</v>
      </c>
      <c r="CB23" s="276">
        <v>0</v>
      </c>
      <c r="CC23" s="280">
        <v>0</v>
      </c>
      <c r="CD23" s="277">
        <v>0</v>
      </c>
      <c r="CE23" s="279">
        <v>0</v>
      </c>
      <c r="CF23" s="280">
        <v>0</v>
      </c>
      <c r="CG23" s="280">
        <v>0</v>
      </c>
      <c r="CH23" s="280">
        <v>0</v>
      </c>
      <c r="CI23" s="280">
        <v>3</v>
      </c>
      <c r="CJ23" s="280">
        <v>0</v>
      </c>
      <c r="CK23" s="277">
        <v>3</v>
      </c>
      <c r="CL23" s="282">
        <v>3</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77">
        <v>0</v>
      </c>
      <c r="E24" s="278">
        <v>0</v>
      </c>
      <c r="F24" s="279">
        <v>0</v>
      </c>
      <c r="G24" s="280">
        <v>28</v>
      </c>
      <c r="H24" s="280">
        <v>3</v>
      </c>
      <c r="I24" s="280">
        <v>44</v>
      </c>
      <c r="J24" s="280">
        <v>19</v>
      </c>
      <c r="K24" s="280">
        <v>148</v>
      </c>
      <c r="L24" s="281">
        <v>242</v>
      </c>
      <c r="M24" s="282">
        <v>242</v>
      </c>
      <c r="N24" s="276">
        <v>0</v>
      </c>
      <c r="O24" s="280">
        <v>0</v>
      </c>
      <c r="P24" s="277">
        <v>0</v>
      </c>
      <c r="Q24" s="279">
        <v>0</v>
      </c>
      <c r="R24" s="280">
        <v>0</v>
      </c>
      <c r="S24" s="280">
        <v>0</v>
      </c>
      <c r="T24" s="280">
        <v>0</v>
      </c>
      <c r="U24" s="280">
        <v>0</v>
      </c>
      <c r="V24" s="280">
        <v>19</v>
      </c>
      <c r="W24" s="277">
        <v>19</v>
      </c>
      <c r="X24" s="282">
        <v>19</v>
      </c>
      <c r="Y24" s="276">
        <v>0</v>
      </c>
      <c r="Z24" s="280">
        <v>0</v>
      </c>
      <c r="AA24" s="277">
        <v>0</v>
      </c>
      <c r="AB24" s="279">
        <v>0</v>
      </c>
      <c r="AC24" s="280">
        <v>32</v>
      </c>
      <c r="AD24" s="280">
        <v>14</v>
      </c>
      <c r="AE24" s="280">
        <v>14</v>
      </c>
      <c r="AF24" s="280">
        <v>14</v>
      </c>
      <c r="AG24" s="280">
        <v>58</v>
      </c>
      <c r="AH24" s="277">
        <v>132</v>
      </c>
      <c r="AI24" s="282">
        <v>132</v>
      </c>
      <c r="AJ24" s="276">
        <v>0</v>
      </c>
      <c r="AK24" s="280">
        <v>0</v>
      </c>
      <c r="AL24" s="277">
        <v>0</v>
      </c>
      <c r="AM24" s="279">
        <v>0</v>
      </c>
      <c r="AN24" s="280">
        <v>27</v>
      </c>
      <c r="AO24" s="280">
        <v>27</v>
      </c>
      <c r="AP24" s="280">
        <v>0</v>
      </c>
      <c r="AQ24" s="280">
        <v>27</v>
      </c>
      <c r="AR24" s="280">
        <v>0</v>
      </c>
      <c r="AS24" s="277">
        <v>81</v>
      </c>
      <c r="AT24" s="282">
        <v>81</v>
      </c>
      <c r="AU24" s="276">
        <v>0</v>
      </c>
      <c r="AV24" s="280">
        <v>0</v>
      </c>
      <c r="AW24" s="277">
        <v>0</v>
      </c>
      <c r="AX24" s="279">
        <v>0</v>
      </c>
      <c r="AY24" s="280">
        <v>80</v>
      </c>
      <c r="AZ24" s="280">
        <v>24</v>
      </c>
      <c r="BA24" s="280">
        <v>20</v>
      </c>
      <c r="BB24" s="280">
        <v>40</v>
      </c>
      <c r="BC24" s="280">
        <v>17</v>
      </c>
      <c r="BD24" s="281">
        <v>181</v>
      </c>
      <c r="BE24" s="282">
        <v>181</v>
      </c>
      <c r="BF24" s="276">
        <v>0</v>
      </c>
      <c r="BG24" s="280">
        <v>0</v>
      </c>
      <c r="BH24" s="277">
        <v>0</v>
      </c>
      <c r="BI24" s="279">
        <v>0</v>
      </c>
      <c r="BJ24" s="280">
        <v>11</v>
      </c>
      <c r="BK24" s="280">
        <v>16</v>
      </c>
      <c r="BL24" s="280">
        <v>11</v>
      </c>
      <c r="BM24" s="280">
        <v>9</v>
      </c>
      <c r="BN24" s="280">
        <v>0</v>
      </c>
      <c r="BO24" s="277">
        <v>47</v>
      </c>
      <c r="BP24" s="282">
        <v>47</v>
      </c>
      <c r="BQ24" s="276">
        <v>0</v>
      </c>
      <c r="BR24" s="280">
        <v>0</v>
      </c>
      <c r="BS24" s="277">
        <v>0</v>
      </c>
      <c r="BT24" s="279">
        <v>0</v>
      </c>
      <c r="BU24" s="280">
        <v>12</v>
      </c>
      <c r="BV24" s="280">
        <v>16</v>
      </c>
      <c r="BW24" s="280">
        <v>32</v>
      </c>
      <c r="BX24" s="280">
        <v>10</v>
      </c>
      <c r="BY24" s="280">
        <v>30</v>
      </c>
      <c r="BZ24" s="277">
        <v>100</v>
      </c>
      <c r="CA24" s="282">
        <v>100</v>
      </c>
      <c r="CB24" s="276">
        <v>0</v>
      </c>
      <c r="CC24" s="280">
        <v>0</v>
      </c>
      <c r="CD24" s="277">
        <v>0</v>
      </c>
      <c r="CE24" s="279">
        <v>0</v>
      </c>
      <c r="CF24" s="280">
        <v>0</v>
      </c>
      <c r="CG24" s="280">
        <v>0</v>
      </c>
      <c r="CH24" s="280">
        <v>6</v>
      </c>
      <c r="CI24" s="280">
        <v>0</v>
      </c>
      <c r="CJ24" s="280">
        <v>0</v>
      </c>
      <c r="CK24" s="277">
        <v>6</v>
      </c>
      <c r="CL24" s="282">
        <v>6</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77">
        <v>0</v>
      </c>
      <c r="E25" s="278">
        <v>0</v>
      </c>
      <c r="F25" s="279">
        <v>0</v>
      </c>
      <c r="G25" s="280">
        <v>5</v>
      </c>
      <c r="H25" s="280">
        <v>64</v>
      </c>
      <c r="I25" s="280">
        <v>192</v>
      </c>
      <c r="J25" s="280">
        <v>18</v>
      </c>
      <c r="K25" s="280">
        <v>18</v>
      </c>
      <c r="L25" s="281">
        <v>297</v>
      </c>
      <c r="M25" s="282">
        <v>297</v>
      </c>
      <c r="N25" s="276">
        <v>0</v>
      </c>
      <c r="O25" s="280">
        <v>0</v>
      </c>
      <c r="P25" s="277">
        <v>0</v>
      </c>
      <c r="Q25" s="279">
        <v>0</v>
      </c>
      <c r="R25" s="280">
        <v>5</v>
      </c>
      <c r="S25" s="280">
        <v>0</v>
      </c>
      <c r="T25" s="280">
        <v>0</v>
      </c>
      <c r="U25" s="280">
        <v>0</v>
      </c>
      <c r="V25" s="280">
        <v>5</v>
      </c>
      <c r="W25" s="277">
        <v>10</v>
      </c>
      <c r="X25" s="282">
        <v>10</v>
      </c>
      <c r="Y25" s="276">
        <v>27</v>
      </c>
      <c r="Z25" s="280">
        <v>50</v>
      </c>
      <c r="AA25" s="277">
        <v>77</v>
      </c>
      <c r="AB25" s="279">
        <v>0</v>
      </c>
      <c r="AC25" s="280">
        <v>35</v>
      </c>
      <c r="AD25" s="280">
        <v>106</v>
      </c>
      <c r="AE25" s="280">
        <v>46</v>
      </c>
      <c r="AF25" s="280">
        <v>51</v>
      </c>
      <c r="AG25" s="280">
        <v>4</v>
      </c>
      <c r="AH25" s="277">
        <v>242</v>
      </c>
      <c r="AI25" s="282">
        <v>319</v>
      </c>
      <c r="AJ25" s="276">
        <v>0</v>
      </c>
      <c r="AK25" s="280">
        <v>15</v>
      </c>
      <c r="AL25" s="277">
        <v>15</v>
      </c>
      <c r="AM25" s="279">
        <v>0</v>
      </c>
      <c r="AN25" s="280">
        <v>0</v>
      </c>
      <c r="AO25" s="280">
        <v>21</v>
      </c>
      <c r="AP25" s="280">
        <v>0</v>
      </c>
      <c r="AQ25" s="280">
        <v>26</v>
      </c>
      <c r="AR25" s="280">
        <v>0</v>
      </c>
      <c r="AS25" s="277">
        <v>47</v>
      </c>
      <c r="AT25" s="282">
        <v>62</v>
      </c>
      <c r="AU25" s="276">
        <v>0</v>
      </c>
      <c r="AV25" s="280">
        <v>0</v>
      </c>
      <c r="AW25" s="277">
        <v>0</v>
      </c>
      <c r="AX25" s="279">
        <v>0</v>
      </c>
      <c r="AY25" s="280">
        <v>80</v>
      </c>
      <c r="AZ25" s="280">
        <v>134</v>
      </c>
      <c r="BA25" s="280">
        <v>55</v>
      </c>
      <c r="BB25" s="280">
        <v>59</v>
      </c>
      <c r="BC25" s="280">
        <v>0</v>
      </c>
      <c r="BD25" s="281">
        <v>328</v>
      </c>
      <c r="BE25" s="282">
        <v>328</v>
      </c>
      <c r="BF25" s="276">
        <v>0</v>
      </c>
      <c r="BG25" s="280">
        <v>0</v>
      </c>
      <c r="BH25" s="277">
        <v>0</v>
      </c>
      <c r="BI25" s="279">
        <v>0</v>
      </c>
      <c r="BJ25" s="280">
        <v>13</v>
      </c>
      <c r="BK25" s="280">
        <v>16</v>
      </c>
      <c r="BL25" s="280">
        <v>54</v>
      </c>
      <c r="BM25" s="280">
        <v>31</v>
      </c>
      <c r="BN25" s="280">
        <v>0</v>
      </c>
      <c r="BO25" s="277">
        <v>114</v>
      </c>
      <c r="BP25" s="282">
        <v>114</v>
      </c>
      <c r="BQ25" s="276">
        <v>0</v>
      </c>
      <c r="BR25" s="280">
        <v>0</v>
      </c>
      <c r="BS25" s="277">
        <v>0</v>
      </c>
      <c r="BT25" s="279">
        <v>0</v>
      </c>
      <c r="BU25" s="280">
        <v>13</v>
      </c>
      <c r="BV25" s="280">
        <v>16</v>
      </c>
      <c r="BW25" s="280">
        <v>4</v>
      </c>
      <c r="BX25" s="280">
        <v>8</v>
      </c>
      <c r="BY25" s="280">
        <v>0</v>
      </c>
      <c r="BZ25" s="277">
        <v>41</v>
      </c>
      <c r="CA25" s="282">
        <v>41</v>
      </c>
      <c r="CB25" s="276">
        <v>0</v>
      </c>
      <c r="CC25" s="280">
        <v>0</v>
      </c>
      <c r="CD25" s="277">
        <v>0</v>
      </c>
      <c r="CE25" s="279">
        <v>0</v>
      </c>
      <c r="CF25" s="280">
        <v>0</v>
      </c>
      <c r="CG25" s="280">
        <v>0</v>
      </c>
      <c r="CH25" s="280">
        <v>4</v>
      </c>
      <c r="CI25" s="280">
        <v>0</v>
      </c>
      <c r="CJ25" s="280">
        <v>0</v>
      </c>
      <c r="CK25" s="277">
        <v>4</v>
      </c>
      <c r="CL25" s="282">
        <v>4</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77">
        <v>0</v>
      </c>
      <c r="E26" s="278">
        <v>0</v>
      </c>
      <c r="F26" s="279">
        <v>0</v>
      </c>
      <c r="G26" s="280">
        <v>89</v>
      </c>
      <c r="H26" s="280">
        <v>58</v>
      </c>
      <c r="I26" s="280">
        <v>335</v>
      </c>
      <c r="J26" s="280">
        <v>97</v>
      </c>
      <c r="K26" s="280">
        <v>375</v>
      </c>
      <c r="L26" s="281">
        <v>954</v>
      </c>
      <c r="M26" s="282">
        <v>954</v>
      </c>
      <c r="N26" s="276">
        <v>0</v>
      </c>
      <c r="O26" s="280">
        <v>0</v>
      </c>
      <c r="P26" s="277">
        <v>0</v>
      </c>
      <c r="Q26" s="279">
        <v>0</v>
      </c>
      <c r="R26" s="280">
        <v>0</v>
      </c>
      <c r="S26" s="280">
        <v>0</v>
      </c>
      <c r="T26" s="280">
        <v>0</v>
      </c>
      <c r="U26" s="280">
        <v>0</v>
      </c>
      <c r="V26" s="280">
        <v>19</v>
      </c>
      <c r="W26" s="277">
        <v>19</v>
      </c>
      <c r="X26" s="282">
        <v>19</v>
      </c>
      <c r="Y26" s="276">
        <v>3</v>
      </c>
      <c r="Z26" s="280">
        <v>26</v>
      </c>
      <c r="AA26" s="277">
        <v>29</v>
      </c>
      <c r="AB26" s="279">
        <v>0</v>
      </c>
      <c r="AC26" s="280">
        <v>51</v>
      </c>
      <c r="AD26" s="280">
        <v>7</v>
      </c>
      <c r="AE26" s="280">
        <v>66</v>
      </c>
      <c r="AF26" s="280">
        <v>40</v>
      </c>
      <c r="AG26" s="280">
        <v>31</v>
      </c>
      <c r="AH26" s="277">
        <v>195</v>
      </c>
      <c r="AI26" s="282">
        <v>224</v>
      </c>
      <c r="AJ26" s="276">
        <v>0</v>
      </c>
      <c r="AK26" s="280">
        <v>0</v>
      </c>
      <c r="AL26" s="277">
        <v>0</v>
      </c>
      <c r="AM26" s="279">
        <v>0</v>
      </c>
      <c r="AN26" s="280">
        <v>0</v>
      </c>
      <c r="AO26" s="280">
        <v>0</v>
      </c>
      <c r="AP26" s="280">
        <v>0</v>
      </c>
      <c r="AQ26" s="280">
        <v>0</v>
      </c>
      <c r="AR26" s="280">
        <v>8</v>
      </c>
      <c r="AS26" s="277">
        <v>8</v>
      </c>
      <c r="AT26" s="282">
        <v>8</v>
      </c>
      <c r="AU26" s="276">
        <v>0</v>
      </c>
      <c r="AV26" s="280">
        <v>0</v>
      </c>
      <c r="AW26" s="277">
        <v>0</v>
      </c>
      <c r="AX26" s="279">
        <v>0</v>
      </c>
      <c r="AY26" s="280">
        <v>104</v>
      </c>
      <c r="AZ26" s="280">
        <v>41</v>
      </c>
      <c r="BA26" s="280">
        <v>39</v>
      </c>
      <c r="BB26" s="280">
        <v>8</v>
      </c>
      <c r="BC26" s="280">
        <v>18</v>
      </c>
      <c r="BD26" s="281">
        <v>210</v>
      </c>
      <c r="BE26" s="282">
        <v>210</v>
      </c>
      <c r="BF26" s="276">
        <v>0</v>
      </c>
      <c r="BG26" s="280">
        <v>0</v>
      </c>
      <c r="BH26" s="277">
        <v>0</v>
      </c>
      <c r="BI26" s="279">
        <v>0</v>
      </c>
      <c r="BJ26" s="280">
        <v>23</v>
      </c>
      <c r="BK26" s="280">
        <v>51</v>
      </c>
      <c r="BL26" s="280">
        <v>18</v>
      </c>
      <c r="BM26" s="280">
        <v>0</v>
      </c>
      <c r="BN26" s="280">
        <v>29</v>
      </c>
      <c r="BO26" s="277">
        <v>121</v>
      </c>
      <c r="BP26" s="282">
        <v>121</v>
      </c>
      <c r="BQ26" s="276">
        <v>0</v>
      </c>
      <c r="BR26" s="280">
        <v>0</v>
      </c>
      <c r="BS26" s="277">
        <v>0</v>
      </c>
      <c r="BT26" s="279">
        <v>0</v>
      </c>
      <c r="BU26" s="280">
        <v>11</v>
      </c>
      <c r="BV26" s="280">
        <v>12</v>
      </c>
      <c r="BW26" s="280">
        <v>8</v>
      </c>
      <c r="BX26" s="280">
        <v>3</v>
      </c>
      <c r="BY26" s="280">
        <v>8</v>
      </c>
      <c r="BZ26" s="277">
        <v>42</v>
      </c>
      <c r="CA26" s="282">
        <v>42</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77">
        <v>0</v>
      </c>
      <c r="E27" s="278">
        <v>0</v>
      </c>
      <c r="F27" s="279">
        <v>0</v>
      </c>
      <c r="G27" s="280">
        <v>32</v>
      </c>
      <c r="H27" s="280">
        <v>44</v>
      </c>
      <c r="I27" s="280">
        <v>17</v>
      </c>
      <c r="J27" s="280">
        <v>4</v>
      </c>
      <c r="K27" s="280">
        <v>9</v>
      </c>
      <c r="L27" s="281">
        <v>106</v>
      </c>
      <c r="M27" s="282">
        <v>106</v>
      </c>
      <c r="N27" s="276">
        <v>0</v>
      </c>
      <c r="O27" s="280">
        <v>0</v>
      </c>
      <c r="P27" s="277">
        <v>0</v>
      </c>
      <c r="Q27" s="279">
        <v>0</v>
      </c>
      <c r="R27" s="280">
        <v>0</v>
      </c>
      <c r="S27" s="280">
        <v>0</v>
      </c>
      <c r="T27" s="280">
        <v>0</v>
      </c>
      <c r="U27" s="280">
        <v>9</v>
      </c>
      <c r="V27" s="280">
        <v>18</v>
      </c>
      <c r="W27" s="277">
        <v>27</v>
      </c>
      <c r="X27" s="282">
        <v>27</v>
      </c>
      <c r="Y27" s="276">
        <v>5</v>
      </c>
      <c r="Z27" s="280">
        <v>28</v>
      </c>
      <c r="AA27" s="277">
        <v>33</v>
      </c>
      <c r="AB27" s="279">
        <v>0</v>
      </c>
      <c r="AC27" s="280">
        <v>23</v>
      </c>
      <c r="AD27" s="280">
        <v>34</v>
      </c>
      <c r="AE27" s="280">
        <v>11</v>
      </c>
      <c r="AF27" s="280">
        <v>7</v>
      </c>
      <c r="AG27" s="280">
        <v>37</v>
      </c>
      <c r="AH27" s="277">
        <v>112</v>
      </c>
      <c r="AI27" s="282">
        <v>145</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25</v>
      </c>
      <c r="AZ27" s="280">
        <v>15</v>
      </c>
      <c r="BA27" s="280">
        <v>40</v>
      </c>
      <c r="BB27" s="280">
        <v>15</v>
      </c>
      <c r="BC27" s="280">
        <v>0</v>
      </c>
      <c r="BD27" s="281">
        <v>95</v>
      </c>
      <c r="BE27" s="282">
        <v>95</v>
      </c>
      <c r="BF27" s="276">
        <v>0</v>
      </c>
      <c r="BG27" s="280">
        <v>0</v>
      </c>
      <c r="BH27" s="277">
        <v>0</v>
      </c>
      <c r="BI27" s="279">
        <v>0</v>
      </c>
      <c r="BJ27" s="280">
        <v>8</v>
      </c>
      <c r="BK27" s="280">
        <v>46</v>
      </c>
      <c r="BL27" s="280">
        <v>8</v>
      </c>
      <c r="BM27" s="280">
        <v>0</v>
      </c>
      <c r="BN27" s="280">
        <v>11</v>
      </c>
      <c r="BO27" s="277">
        <v>73</v>
      </c>
      <c r="BP27" s="282">
        <v>73</v>
      </c>
      <c r="BQ27" s="276">
        <v>0</v>
      </c>
      <c r="BR27" s="280">
        <v>0</v>
      </c>
      <c r="BS27" s="277">
        <v>0</v>
      </c>
      <c r="BT27" s="279">
        <v>0</v>
      </c>
      <c r="BU27" s="280">
        <v>10</v>
      </c>
      <c r="BV27" s="280">
        <v>21</v>
      </c>
      <c r="BW27" s="280">
        <v>39</v>
      </c>
      <c r="BX27" s="280">
        <v>3</v>
      </c>
      <c r="BY27" s="280">
        <v>0</v>
      </c>
      <c r="BZ27" s="277">
        <v>73</v>
      </c>
      <c r="CA27" s="282">
        <v>73</v>
      </c>
      <c r="CB27" s="276">
        <v>0</v>
      </c>
      <c r="CC27" s="280">
        <v>0</v>
      </c>
      <c r="CD27" s="277">
        <v>0</v>
      </c>
      <c r="CE27" s="279">
        <v>0</v>
      </c>
      <c r="CF27" s="280">
        <v>0</v>
      </c>
      <c r="CG27" s="280">
        <v>3</v>
      </c>
      <c r="CH27" s="280">
        <v>0</v>
      </c>
      <c r="CI27" s="280">
        <v>0</v>
      </c>
      <c r="CJ27" s="280">
        <v>9</v>
      </c>
      <c r="CK27" s="277">
        <v>12</v>
      </c>
      <c r="CL27" s="282">
        <v>12</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77">
        <v>0</v>
      </c>
      <c r="E28" s="278">
        <v>0</v>
      </c>
      <c r="F28" s="279">
        <v>0</v>
      </c>
      <c r="G28" s="280">
        <v>21</v>
      </c>
      <c r="H28" s="280">
        <v>22</v>
      </c>
      <c r="I28" s="280">
        <v>84</v>
      </c>
      <c r="J28" s="280">
        <v>137</v>
      </c>
      <c r="K28" s="280">
        <v>92</v>
      </c>
      <c r="L28" s="281">
        <v>356</v>
      </c>
      <c r="M28" s="282">
        <v>356</v>
      </c>
      <c r="N28" s="276">
        <v>0</v>
      </c>
      <c r="O28" s="280">
        <v>0</v>
      </c>
      <c r="P28" s="277">
        <v>0</v>
      </c>
      <c r="Q28" s="279">
        <v>0</v>
      </c>
      <c r="R28" s="280">
        <v>0</v>
      </c>
      <c r="S28" s="280">
        <v>0</v>
      </c>
      <c r="T28" s="280">
        <v>0</v>
      </c>
      <c r="U28" s="280">
        <v>0</v>
      </c>
      <c r="V28" s="280">
        <v>4</v>
      </c>
      <c r="W28" s="277">
        <v>4</v>
      </c>
      <c r="X28" s="282">
        <v>4</v>
      </c>
      <c r="Y28" s="276">
        <v>0</v>
      </c>
      <c r="Z28" s="280">
        <v>8</v>
      </c>
      <c r="AA28" s="277">
        <v>8</v>
      </c>
      <c r="AB28" s="279">
        <v>0</v>
      </c>
      <c r="AC28" s="280">
        <v>30</v>
      </c>
      <c r="AD28" s="280">
        <v>75</v>
      </c>
      <c r="AE28" s="280">
        <v>10</v>
      </c>
      <c r="AF28" s="280">
        <v>47</v>
      </c>
      <c r="AG28" s="280">
        <v>30</v>
      </c>
      <c r="AH28" s="277">
        <v>192</v>
      </c>
      <c r="AI28" s="282">
        <v>200</v>
      </c>
      <c r="AJ28" s="276">
        <v>0</v>
      </c>
      <c r="AK28" s="280">
        <v>0</v>
      </c>
      <c r="AL28" s="277">
        <v>0</v>
      </c>
      <c r="AM28" s="279">
        <v>0</v>
      </c>
      <c r="AN28" s="280">
        <v>0</v>
      </c>
      <c r="AO28" s="280">
        <v>27</v>
      </c>
      <c r="AP28" s="280">
        <v>0</v>
      </c>
      <c r="AQ28" s="280">
        <v>0</v>
      </c>
      <c r="AR28" s="280">
        <v>0</v>
      </c>
      <c r="AS28" s="277">
        <v>27</v>
      </c>
      <c r="AT28" s="282">
        <v>27</v>
      </c>
      <c r="AU28" s="276">
        <v>0</v>
      </c>
      <c r="AV28" s="280">
        <v>0</v>
      </c>
      <c r="AW28" s="277">
        <v>0</v>
      </c>
      <c r="AX28" s="279">
        <v>0</v>
      </c>
      <c r="AY28" s="280">
        <v>38</v>
      </c>
      <c r="AZ28" s="280">
        <v>21</v>
      </c>
      <c r="BA28" s="280">
        <v>38</v>
      </c>
      <c r="BB28" s="280">
        <v>12</v>
      </c>
      <c r="BC28" s="280">
        <v>0</v>
      </c>
      <c r="BD28" s="281">
        <v>109</v>
      </c>
      <c r="BE28" s="282">
        <v>109</v>
      </c>
      <c r="BF28" s="276">
        <v>0</v>
      </c>
      <c r="BG28" s="280">
        <v>0</v>
      </c>
      <c r="BH28" s="277">
        <v>0</v>
      </c>
      <c r="BI28" s="279">
        <v>0</v>
      </c>
      <c r="BJ28" s="280">
        <v>22</v>
      </c>
      <c r="BK28" s="280">
        <v>22</v>
      </c>
      <c r="BL28" s="280">
        <v>9</v>
      </c>
      <c r="BM28" s="280">
        <v>0</v>
      </c>
      <c r="BN28" s="280">
        <v>0</v>
      </c>
      <c r="BO28" s="277">
        <v>53</v>
      </c>
      <c r="BP28" s="282">
        <v>53</v>
      </c>
      <c r="BQ28" s="276">
        <v>0</v>
      </c>
      <c r="BR28" s="280">
        <v>0</v>
      </c>
      <c r="BS28" s="277">
        <v>0</v>
      </c>
      <c r="BT28" s="279">
        <v>0</v>
      </c>
      <c r="BU28" s="280">
        <v>0</v>
      </c>
      <c r="BV28" s="280">
        <v>2</v>
      </c>
      <c r="BW28" s="280">
        <v>9</v>
      </c>
      <c r="BX28" s="280">
        <v>11</v>
      </c>
      <c r="BY28" s="280">
        <v>0</v>
      </c>
      <c r="BZ28" s="277">
        <v>22</v>
      </c>
      <c r="CA28" s="282">
        <v>22</v>
      </c>
      <c r="CB28" s="276">
        <v>0</v>
      </c>
      <c r="CC28" s="280">
        <v>0</v>
      </c>
      <c r="CD28" s="277">
        <v>0</v>
      </c>
      <c r="CE28" s="279">
        <v>0</v>
      </c>
      <c r="CF28" s="280">
        <v>24</v>
      </c>
      <c r="CG28" s="280">
        <v>0</v>
      </c>
      <c r="CH28" s="280">
        <v>0</v>
      </c>
      <c r="CI28" s="280">
        <v>0</v>
      </c>
      <c r="CJ28" s="280">
        <v>0</v>
      </c>
      <c r="CK28" s="277">
        <v>24</v>
      </c>
      <c r="CL28" s="282">
        <v>24</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77">
        <v>0</v>
      </c>
      <c r="E29" s="278">
        <v>0</v>
      </c>
      <c r="F29" s="279">
        <v>0</v>
      </c>
      <c r="G29" s="280">
        <v>0</v>
      </c>
      <c r="H29" s="280">
        <v>49</v>
      </c>
      <c r="I29" s="280">
        <v>84</v>
      </c>
      <c r="J29" s="280">
        <v>5</v>
      </c>
      <c r="K29" s="280">
        <v>88</v>
      </c>
      <c r="L29" s="281">
        <v>226</v>
      </c>
      <c r="M29" s="282">
        <v>226</v>
      </c>
      <c r="N29" s="276">
        <v>0</v>
      </c>
      <c r="O29" s="280">
        <v>0</v>
      </c>
      <c r="P29" s="277">
        <v>0</v>
      </c>
      <c r="Q29" s="279">
        <v>0</v>
      </c>
      <c r="R29" s="280">
        <v>0</v>
      </c>
      <c r="S29" s="280">
        <v>0</v>
      </c>
      <c r="T29" s="280">
        <v>0</v>
      </c>
      <c r="U29" s="280">
        <v>12</v>
      </c>
      <c r="V29" s="280">
        <v>0</v>
      </c>
      <c r="W29" s="277">
        <v>12</v>
      </c>
      <c r="X29" s="282">
        <v>12</v>
      </c>
      <c r="Y29" s="276">
        <v>52</v>
      </c>
      <c r="Z29" s="280">
        <v>16</v>
      </c>
      <c r="AA29" s="277">
        <v>68</v>
      </c>
      <c r="AB29" s="279">
        <v>0</v>
      </c>
      <c r="AC29" s="280">
        <v>8</v>
      </c>
      <c r="AD29" s="280">
        <v>40</v>
      </c>
      <c r="AE29" s="280">
        <v>49</v>
      </c>
      <c r="AF29" s="280">
        <v>14</v>
      </c>
      <c r="AG29" s="280">
        <v>5</v>
      </c>
      <c r="AH29" s="277">
        <v>116</v>
      </c>
      <c r="AI29" s="282">
        <v>184</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1</v>
      </c>
      <c r="AZ29" s="280">
        <v>21</v>
      </c>
      <c r="BA29" s="280">
        <v>13</v>
      </c>
      <c r="BB29" s="280">
        <v>8</v>
      </c>
      <c r="BC29" s="280">
        <v>0</v>
      </c>
      <c r="BD29" s="281">
        <v>43</v>
      </c>
      <c r="BE29" s="282">
        <v>43</v>
      </c>
      <c r="BF29" s="276">
        <v>0</v>
      </c>
      <c r="BG29" s="280">
        <v>0</v>
      </c>
      <c r="BH29" s="277">
        <v>0</v>
      </c>
      <c r="BI29" s="279">
        <v>0</v>
      </c>
      <c r="BJ29" s="280">
        <v>0</v>
      </c>
      <c r="BK29" s="280">
        <v>14</v>
      </c>
      <c r="BL29" s="280">
        <v>9</v>
      </c>
      <c r="BM29" s="280">
        <v>0</v>
      </c>
      <c r="BN29" s="280">
        <v>0</v>
      </c>
      <c r="BO29" s="277">
        <v>23</v>
      </c>
      <c r="BP29" s="282">
        <v>23</v>
      </c>
      <c r="BQ29" s="276">
        <v>0</v>
      </c>
      <c r="BR29" s="280">
        <v>0</v>
      </c>
      <c r="BS29" s="277">
        <v>0</v>
      </c>
      <c r="BT29" s="279">
        <v>0</v>
      </c>
      <c r="BU29" s="280">
        <v>0</v>
      </c>
      <c r="BV29" s="280">
        <v>0</v>
      </c>
      <c r="BW29" s="280">
        <v>75</v>
      </c>
      <c r="BX29" s="280">
        <v>12</v>
      </c>
      <c r="BY29" s="280">
        <v>0</v>
      </c>
      <c r="BZ29" s="277">
        <v>87</v>
      </c>
      <c r="CA29" s="282">
        <v>87</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77">
        <v>0</v>
      </c>
      <c r="E30" s="278">
        <v>0</v>
      </c>
      <c r="F30" s="279">
        <v>0</v>
      </c>
      <c r="G30" s="280">
        <v>6</v>
      </c>
      <c r="H30" s="280">
        <v>13</v>
      </c>
      <c r="I30" s="280">
        <v>0</v>
      </c>
      <c r="J30" s="280">
        <v>0</v>
      </c>
      <c r="K30" s="280">
        <v>28</v>
      </c>
      <c r="L30" s="281">
        <v>47</v>
      </c>
      <c r="M30" s="282">
        <v>47</v>
      </c>
      <c r="N30" s="276">
        <v>0</v>
      </c>
      <c r="O30" s="280">
        <v>0</v>
      </c>
      <c r="P30" s="277">
        <v>0</v>
      </c>
      <c r="Q30" s="279">
        <v>0</v>
      </c>
      <c r="R30" s="280">
        <v>0</v>
      </c>
      <c r="S30" s="280">
        <v>0</v>
      </c>
      <c r="T30" s="280">
        <v>2</v>
      </c>
      <c r="U30" s="280">
        <v>0</v>
      </c>
      <c r="V30" s="280">
        <v>0</v>
      </c>
      <c r="W30" s="277">
        <v>2</v>
      </c>
      <c r="X30" s="282">
        <v>2</v>
      </c>
      <c r="Y30" s="276">
        <v>0</v>
      </c>
      <c r="Z30" s="280">
        <v>0</v>
      </c>
      <c r="AA30" s="277">
        <v>0</v>
      </c>
      <c r="AB30" s="279">
        <v>0</v>
      </c>
      <c r="AC30" s="280">
        <v>0</v>
      </c>
      <c r="AD30" s="280">
        <v>18</v>
      </c>
      <c r="AE30" s="280">
        <v>4</v>
      </c>
      <c r="AF30" s="280">
        <v>0</v>
      </c>
      <c r="AG30" s="280">
        <v>0</v>
      </c>
      <c r="AH30" s="277">
        <v>22</v>
      </c>
      <c r="AI30" s="282">
        <v>22</v>
      </c>
      <c r="AJ30" s="276">
        <v>0</v>
      </c>
      <c r="AK30" s="280">
        <v>0</v>
      </c>
      <c r="AL30" s="277">
        <v>0</v>
      </c>
      <c r="AM30" s="279">
        <v>0</v>
      </c>
      <c r="AN30" s="280">
        <v>27</v>
      </c>
      <c r="AO30" s="280">
        <v>0</v>
      </c>
      <c r="AP30" s="280">
        <v>0</v>
      </c>
      <c r="AQ30" s="280">
        <v>0</v>
      </c>
      <c r="AR30" s="280">
        <v>0</v>
      </c>
      <c r="AS30" s="277">
        <v>27</v>
      </c>
      <c r="AT30" s="282">
        <v>27</v>
      </c>
      <c r="AU30" s="276">
        <v>0</v>
      </c>
      <c r="AV30" s="280">
        <v>0</v>
      </c>
      <c r="AW30" s="277">
        <v>0</v>
      </c>
      <c r="AX30" s="279">
        <v>0</v>
      </c>
      <c r="AY30" s="280">
        <v>0</v>
      </c>
      <c r="AZ30" s="280">
        <v>11</v>
      </c>
      <c r="BA30" s="280">
        <v>21</v>
      </c>
      <c r="BB30" s="280">
        <v>12</v>
      </c>
      <c r="BC30" s="280">
        <v>0</v>
      </c>
      <c r="BD30" s="281">
        <v>44</v>
      </c>
      <c r="BE30" s="282">
        <v>44</v>
      </c>
      <c r="BF30" s="276">
        <v>0</v>
      </c>
      <c r="BG30" s="280">
        <v>0</v>
      </c>
      <c r="BH30" s="277">
        <v>0</v>
      </c>
      <c r="BI30" s="279">
        <v>0</v>
      </c>
      <c r="BJ30" s="280">
        <v>0</v>
      </c>
      <c r="BK30" s="280">
        <v>1</v>
      </c>
      <c r="BL30" s="280">
        <v>5</v>
      </c>
      <c r="BM30" s="280">
        <v>0</v>
      </c>
      <c r="BN30" s="280">
        <v>10</v>
      </c>
      <c r="BO30" s="277">
        <v>16</v>
      </c>
      <c r="BP30" s="282">
        <v>16</v>
      </c>
      <c r="BQ30" s="276">
        <v>0</v>
      </c>
      <c r="BR30" s="280">
        <v>0</v>
      </c>
      <c r="BS30" s="277">
        <v>0</v>
      </c>
      <c r="BT30" s="279">
        <v>0</v>
      </c>
      <c r="BU30" s="280">
        <v>0</v>
      </c>
      <c r="BV30" s="280">
        <v>10</v>
      </c>
      <c r="BW30" s="280">
        <v>0</v>
      </c>
      <c r="BX30" s="280">
        <v>0</v>
      </c>
      <c r="BY30" s="280">
        <v>0</v>
      </c>
      <c r="BZ30" s="277">
        <v>10</v>
      </c>
      <c r="CA30" s="282">
        <v>1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77">
        <v>0</v>
      </c>
      <c r="E31" s="278">
        <v>0</v>
      </c>
      <c r="F31" s="279">
        <v>0</v>
      </c>
      <c r="G31" s="280">
        <v>20</v>
      </c>
      <c r="H31" s="280">
        <v>26</v>
      </c>
      <c r="I31" s="280">
        <v>0</v>
      </c>
      <c r="J31" s="280">
        <v>103</v>
      </c>
      <c r="K31" s="280">
        <v>0</v>
      </c>
      <c r="L31" s="281">
        <v>149</v>
      </c>
      <c r="M31" s="282">
        <v>149</v>
      </c>
      <c r="N31" s="276">
        <v>0</v>
      </c>
      <c r="O31" s="280">
        <v>0</v>
      </c>
      <c r="P31" s="277">
        <v>0</v>
      </c>
      <c r="Q31" s="279">
        <v>0</v>
      </c>
      <c r="R31" s="280">
        <v>0</v>
      </c>
      <c r="S31" s="280">
        <v>0</v>
      </c>
      <c r="T31" s="280">
        <v>0</v>
      </c>
      <c r="U31" s="280">
        <v>0</v>
      </c>
      <c r="V31" s="280">
        <v>0</v>
      </c>
      <c r="W31" s="277">
        <v>0</v>
      </c>
      <c r="X31" s="282">
        <v>0</v>
      </c>
      <c r="Y31" s="276">
        <v>0</v>
      </c>
      <c r="Z31" s="280">
        <v>10</v>
      </c>
      <c r="AA31" s="277">
        <v>10</v>
      </c>
      <c r="AB31" s="279">
        <v>0</v>
      </c>
      <c r="AC31" s="280">
        <v>0</v>
      </c>
      <c r="AD31" s="280">
        <v>32</v>
      </c>
      <c r="AE31" s="280">
        <v>34</v>
      </c>
      <c r="AF31" s="280">
        <v>2</v>
      </c>
      <c r="AG31" s="280">
        <v>0</v>
      </c>
      <c r="AH31" s="277">
        <v>68</v>
      </c>
      <c r="AI31" s="282">
        <v>78</v>
      </c>
      <c r="AJ31" s="276">
        <v>0</v>
      </c>
      <c r="AK31" s="280">
        <v>0</v>
      </c>
      <c r="AL31" s="277">
        <v>0</v>
      </c>
      <c r="AM31" s="279">
        <v>0</v>
      </c>
      <c r="AN31" s="280">
        <v>9</v>
      </c>
      <c r="AO31" s="280">
        <v>0</v>
      </c>
      <c r="AP31" s="280">
        <v>12</v>
      </c>
      <c r="AQ31" s="280">
        <v>27</v>
      </c>
      <c r="AR31" s="280">
        <v>0</v>
      </c>
      <c r="AS31" s="277">
        <v>48</v>
      </c>
      <c r="AT31" s="282">
        <v>48</v>
      </c>
      <c r="AU31" s="276">
        <v>0</v>
      </c>
      <c r="AV31" s="280">
        <v>0</v>
      </c>
      <c r="AW31" s="277">
        <v>0</v>
      </c>
      <c r="AX31" s="279">
        <v>0</v>
      </c>
      <c r="AY31" s="280">
        <v>22</v>
      </c>
      <c r="AZ31" s="280">
        <v>3</v>
      </c>
      <c r="BA31" s="280">
        <v>16</v>
      </c>
      <c r="BB31" s="280">
        <v>8</v>
      </c>
      <c r="BC31" s="280">
        <v>0</v>
      </c>
      <c r="BD31" s="281">
        <v>49</v>
      </c>
      <c r="BE31" s="282">
        <v>49</v>
      </c>
      <c r="BF31" s="276">
        <v>0</v>
      </c>
      <c r="BG31" s="280">
        <v>0</v>
      </c>
      <c r="BH31" s="277">
        <v>0</v>
      </c>
      <c r="BI31" s="279">
        <v>0</v>
      </c>
      <c r="BJ31" s="280">
        <v>17</v>
      </c>
      <c r="BK31" s="280">
        <v>0</v>
      </c>
      <c r="BL31" s="280">
        <v>13</v>
      </c>
      <c r="BM31" s="280">
        <v>9</v>
      </c>
      <c r="BN31" s="280">
        <v>0</v>
      </c>
      <c r="BO31" s="277">
        <v>39</v>
      </c>
      <c r="BP31" s="282">
        <v>39</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2</v>
      </c>
      <c r="CG31" s="280">
        <v>0</v>
      </c>
      <c r="CH31" s="280">
        <v>0</v>
      </c>
      <c r="CI31" s="280">
        <v>0</v>
      </c>
      <c r="CJ31" s="280">
        <v>0</v>
      </c>
      <c r="CK31" s="277">
        <v>2</v>
      </c>
      <c r="CL31" s="282">
        <v>2</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77">
        <v>0</v>
      </c>
      <c r="E32" s="278">
        <v>0</v>
      </c>
      <c r="F32" s="279">
        <v>0</v>
      </c>
      <c r="G32" s="280">
        <v>9</v>
      </c>
      <c r="H32" s="280">
        <v>16</v>
      </c>
      <c r="I32" s="280">
        <v>93</v>
      </c>
      <c r="J32" s="280">
        <v>0</v>
      </c>
      <c r="K32" s="280">
        <v>0</v>
      </c>
      <c r="L32" s="281">
        <v>118</v>
      </c>
      <c r="M32" s="282">
        <v>118</v>
      </c>
      <c r="N32" s="276">
        <v>0</v>
      </c>
      <c r="O32" s="280">
        <v>0</v>
      </c>
      <c r="P32" s="277">
        <v>0</v>
      </c>
      <c r="Q32" s="279">
        <v>0</v>
      </c>
      <c r="R32" s="280">
        <v>5</v>
      </c>
      <c r="S32" s="280">
        <v>0</v>
      </c>
      <c r="T32" s="280">
        <v>0</v>
      </c>
      <c r="U32" s="280">
        <v>4</v>
      </c>
      <c r="V32" s="280">
        <v>0</v>
      </c>
      <c r="W32" s="277">
        <v>9</v>
      </c>
      <c r="X32" s="282">
        <v>9</v>
      </c>
      <c r="Y32" s="276">
        <v>0</v>
      </c>
      <c r="Z32" s="280">
        <v>0</v>
      </c>
      <c r="AA32" s="277">
        <v>0</v>
      </c>
      <c r="AB32" s="279">
        <v>0</v>
      </c>
      <c r="AC32" s="280">
        <v>5</v>
      </c>
      <c r="AD32" s="280">
        <v>6</v>
      </c>
      <c r="AE32" s="280">
        <v>0</v>
      </c>
      <c r="AF32" s="280">
        <v>5</v>
      </c>
      <c r="AG32" s="280">
        <v>0</v>
      </c>
      <c r="AH32" s="277">
        <v>16</v>
      </c>
      <c r="AI32" s="282">
        <v>16</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0</v>
      </c>
      <c r="AZ32" s="280">
        <v>26</v>
      </c>
      <c r="BA32" s="280">
        <v>0</v>
      </c>
      <c r="BB32" s="280">
        <v>0</v>
      </c>
      <c r="BC32" s="280">
        <v>0</v>
      </c>
      <c r="BD32" s="281">
        <v>26</v>
      </c>
      <c r="BE32" s="282">
        <v>26</v>
      </c>
      <c r="BF32" s="276">
        <v>0</v>
      </c>
      <c r="BG32" s="280">
        <v>0</v>
      </c>
      <c r="BH32" s="277">
        <v>0</v>
      </c>
      <c r="BI32" s="279">
        <v>0</v>
      </c>
      <c r="BJ32" s="280">
        <v>0</v>
      </c>
      <c r="BK32" s="280">
        <v>8</v>
      </c>
      <c r="BL32" s="280">
        <v>0</v>
      </c>
      <c r="BM32" s="280">
        <v>9</v>
      </c>
      <c r="BN32" s="280">
        <v>0</v>
      </c>
      <c r="BO32" s="277">
        <v>17</v>
      </c>
      <c r="BP32" s="282">
        <v>17</v>
      </c>
      <c r="BQ32" s="276">
        <v>0</v>
      </c>
      <c r="BR32" s="280">
        <v>0</v>
      </c>
      <c r="BS32" s="277">
        <v>0</v>
      </c>
      <c r="BT32" s="279">
        <v>0</v>
      </c>
      <c r="BU32" s="280">
        <v>0</v>
      </c>
      <c r="BV32" s="280">
        <v>8</v>
      </c>
      <c r="BW32" s="280">
        <v>0</v>
      </c>
      <c r="BX32" s="280">
        <v>0</v>
      </c>
      <c r="BY32" s="280">
        <v>0</v>
      </c>
      <c r="BZ32" s="277">
        <v>8</v>
      </c>
      <c r="CA32" s="282">
        <v>8</v>
      </c>
      <c r="CB32" s="276">
        <v>0</v>
      </c>
      <c r="CC32" s="280">
        <v>0</v>
      </c>
      <c r="CD32" s="277">
        <v>0</v>
      </c>
      <c r="CE32" s="279">
        <v>0</v>
      </c>
      <c r="CF32" s="280">
        <v>0</v>
      </c>
      <c r="CG32" s="280">
        <v>2</v>
      </c>
      <c r="CH32" s="280">
        <v>0</v>
      </c>
      <c r="CI32" s="280">
        <v>0</v>
      </c>
      <c r="CJ32" s="280">
        <v>0</v>
      </c>
      <c r="CK32" s="277">
        <v>2</v>
      </c>
      <c r="CL32" s="282">
        <v>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77">
        <v>0</v>
      </c>
      <c r="E33" s="278">
        <v>0</v>
      </c>
      <c r="F33" s="279">
        <v>0</v>
      </c>
      <c r="G33" s="280">
        <v>0</v>
      </c>
      <c r="H33" s="280">
        <v>0</v>
      </c>
      <c r="I33" s="280">
        <v>18</v>
      </c>
      <c r="J33" s="280">
        <v>12</v>
      </c>
      <c r="K33" s="280">
        <v>0</v>
      </c>
      <c r="L33" s="281">
        <v>30</v>
      </c>
      <c r="M33" s="282">
        <v>30</v>
      </c>
      <c r="N33" s="276">
        <v>0</v>
      </c>
      <c r="O33" s="280">
        <v>0</v>
      </c>
      <c r="P33" s="277">
        <v>0</v>
      </c>
      <c r="Q33" s="279">
        <v>0</v>
      </c>
      <c r="R33" s="280">
        <v>0</v>
      </c>
      <c r="S33" s="280">
        <v>0</v>
      </c>
      <c r="T33" s="280">
        <v>0</v>
      </c>
      <c r="U33" s="280">
        <v>0</v>
      </c>
      <c r="V33" s="280">
        <v>9</v>
      </c>
      <c r="W33" s="277">
        <v>9</v>
      </c>
      <c r="X33" s="282">
        <v>9</v>
      </c>
      <c r="Y33" s="276">
        <v>0</v>
      </c>
      <c r="Z33" s="280">
        <v>0</v>
      </c>
      <c r="AA33" s="277">
        <v>0</v>
      </c>
      <c r="AB33" s="279">
        <v>0</v>
      </c>
      <c r="AC33" s="280">
        <v>5</v>
      </c>
      <c r="AD33" s="280">
        <v>0</v>
      </c>
      <c r="AE33" s="280">
        <v>16</v>
      </c>
      <c r="AF33" s="280">
        <v>53</v>
      </c>
      <c r="AG33" s="280">
        <v>30</v>
      </c>
      <c r="AH33" s="277">
        <v>104</v>
      </c>
      <c r="AI33" s="282">
        <v>104</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27</v>
      </c>
      <c r="BA33" s="280">
        <v>19</v>
      </c>
      <c r="BB33" s="280">
        <v>17</v>
      </c>
      <c r="BC33" s="280">
        <v>0</v>
      </c>
      <c r="BD33" s="281">
        <v>63</v>
      </c>
      <c r="BE33" s="282">
        <v>63</v>
      </c>
      <c r="BF33" s="276">
        <v>0</v>
      </c>
      <c r="BG33" s="280">
        <v>0</v>
      </c>
      <c r="BH33" s="277">
        <v>0</v>
      </c>
      <c r="BI33" s="279">
        <v>0</v>
      </c>
      <c r="BJ33" s="280">
        <v>1</v>
      </c>
      <c r="BK33" s="280">
        <v>0</v>
      </c>
      <c r="BL33" s="280">
        <v>0</v>
      </c>
      <c r="BM33" s="280">
        <v>3</v>
      </c>
      <c r="BN33" s="280">
        <v>0</v>
      </c>
      <c r="BO33" s="277">
        <v>4</v>
      </c>
      <c r="BP33" s="282">
        <v>4</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4</v>
      </c>
      <c r="CH33" s="280">
        <v>0</v>
      </c>
      <c r="CI33" s="280">
        <v>0</v>
      </c>
      <c r="CJ33" s="280">
        <v>0</v>
      </c>
      <c r="CK33" s="277">
        <v>4</v>
      </c>
      <c r="CL33" s="282">
        <v>4</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77">
        <v>0</v>
      </c>
      <c r="E34" s="278">
        <v>0</v>
      </c>
      <c r="F34" s="279">
        <v>0</v>
      </c>
      <c r="G34" s="280">
        <v>0</v>
      </c>
      <c r="H34" s="280">
        <v>0</v>
      </c>
      <c r="I34" s="280">
        <v>0</v>
      </c>
      <c r="J34" s="280">
        <v>124</v>
      </c>
      <c r="K34" s="280">
        <v>0</v>
      </c>
      <c r="L34" s="281">
        <v>124</v>
      </c>
      <c r="M34" s="282">
        <v>124</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20</v>
      </c>
      <c r="AE34" s="280">
        <v>0</v>
      </c>
      <c r="AF34" s="280">
        <v>0</v>
      </c>
      <c r="AG34" s="280">
        <v>0</v>
      </c>
      <c r="AH34" s="277">
        <v>20</v>
      </c>
      <c r="AI34" s="282">
        <v>20</v>
      </c>
      <c r="AJ34" s="276">
        <v>8</v>
      </c>
      <c r="AK34" s="280">
        <v>0</v>
      </c>
      <c r="AL34" s="277">
        <v>8</v>
      </c>
      <c r="AM34" s="279">
        <v>0</v>
      </c>
      <c r="AN34" s="280">
        <v>0</v>
      </c>
      <c r="AO34" s="280">
        <v>3</v>
      </c>
      <c r="AP34" s="280">
        <v>0</v>
      </c>
      <c r="AQ34" s="280">
        <v>9</v>
      </c>
      <c r="AR34" s="280">
        <v>0</v>
      </c>
      <c r="AS34" s="277">
        <v>12</v>
      </c>
      <c r="AT34" s="282">
        <v>20</v>
      </c>
      <c r="AU34" s="276">
        <v>0</v>
      </c>
      <c r="AV34" s="280">
        <v>0</v>
      </c>
      <c r="AW34" s="277">
        <v>0</v>
      </c>
      <c r="AX34" s="279">
        <v>0</v>
      </c>
      <c r="AY34" s="280">
        <v>34</v>
      </c>
      <c r="AZ34" s="280">
        <v>13</v>
      </c>
      <c r="BA34" s="280">
        <v>0</v>
      </c>
      <c r="BB34" s="280">
        <v>0</v>
      </c>
      <c r="BC34" s="280">
        <v>0</v>
      </c>
      <c r="BD34" s="281">
        <v>47</v>
      </c>
      <c r="BE34" s="282">
        <v>47</v>
      </c>
      <c r="BF34" s="276">
        <v>0</v>
      </c>
      <c r="BG34" s="280">
        <v>0</v>
      </c>
      <c r="BH34" s="277">
        <v>0</v>
      </c>
      <c r="BI34" s="279">
        <v>0</v>
      </c>
      <c r="BJ34" s="280">
        <v>0</v>
      </c>
      <c r="BK34" s="280">
        <v>0</v>
      </c>
      <c r="BL34" s="280">
        <v>8</v>
      </c>
      <c r="BM34" s="280">
        <v>9</v>
      </c>
      <c r="BN34" s="280">
        <v>0</v>
      </c>
      <c r="BO34" s="277">
        <v>17</v>
      </c>
      <c r="BP34" s="282">
        <v>17</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77">
        <v>0</v>
      </c>
      <c r="E35" s="278">
        <v>0</v>
      </c>
      <c r="F35" s="279">
        <v>0</v>
      </c>
      <c r="G35" s="280">
        <v>35</v>
      </c>
      <c r="H35" s="280">
        <v>0</v>
      </c>
      <c r="I35" s="280">
        <v>3</v>
      </c>
      <c r="J35" s="280">
        <v>0</v>
      </c>
      <c r="K35" s="280">
        <v>2</v>
      </c>
      <c r="L35" s="281">
        <v>40</v>
      </c>
      <c r="M35" s="282">
        <v>40</v>
      </c>
      <c r="N35" s="276">
        <v>0</v>
      </c>
      <c r="O35" s="280">
        <v>0</v>
      </c>
      <c r="P35" s="277">
        <v>0</v>
      </c>
      <c r="Q35" s="279">
        <v>0</v>
      </c>
      <c r="R35" s="280">
        <v>0</v>
      </c>
      <c r="S35" s="280">
        <v>0</v>
      </c>
      <c r="T35" s="280">
        <v>5</v>
      </c>
      <c r="U35" s="280">
        <v>0</v>
      </c>
      <c r="V35" s="280">
        <v>0</v>
      </c>
      <c r="W35" s="277">
        <v>5</v>
      </c>
      <c r="X35" s="282">
        <v>5</v>
      </c>
      <c r="Y35" s="276">
        <v>0</v>
      </c>
      <c r="Z35" s="280">
        <v>0</v>
      </c>
      <c r="AA35" s="277">
        <v>0</v>
      </c>
      <c r="AB35" s="279">
        <v>0</v>
      </c>
      <c r="AC35" s="280">
        <v>0</v>
      </c>
      <c r="AD35" s="280">
        <v>5</v>
      </c>
      <c r="AE35" s="280">
        <v>13</v>
      </c>
      <c r="AF35" s="280">
        <v>0</v>
      </c>
      <c r="AG35" s="280">
        <v>0</v>
      </c>
      <c r="AH35" s="277">
        <v>18</v>
      </c>
      <c r="AI35" s="282">
        <v>18</v>
      </c>
      <c r="AJ35" s="276">
        <v>0</v>
      </c>
      <c r="AK35" s="280">
        <v>0</v>
      </c>
      <c r="AL35" s="277">
        <v>0</v>
      </c>
      <c r="AM35" s="279">
        <v>0</v>
      </c>
      <c r="AN35" s="280">
        <v>33</v>
      </c>
      <c r="AO35" s="280">
        <v>34</v>
      </c>
      <c r="AP35" s="280">
        <v>27</v>
      </c>
      <c r="AQ35" s="280">
        <v>0</v>
      </c>
      <c r="AR35" s="280">
        <v>0</v>
      </c>
      <c r="AS35" s="277">
        <v>94</v>
      </c>
      <c r="AT35" s="282">
        <v>94</v>
      </c>
      <c r="AU35" s="276">
        <v>0</v>
      </c>
      <c r="AV35" s="280">
        <v>0</v>
      </c>
      <c r="AW35" s="277">
        <v>0</v>
      </c>
      <c r="AX35" s="279">
        <v>0</v>
      </c>
      <c r="AY35" s="280">
        <v>13</v>
      </c>
      <c r="AZ35" s="280">
        <v>0</v>
      </c>
      <c r="BA35" s="280">
        <v>0</v>
      </c>
      <c r="BB35" s="280">
        <v>0</v>
      </c>
      <c r="BC35" s="280">
        <v>1</v>
      </c>
      <c r="BD35" s="281">
        <v>14</v>
      </c>
      <c r="BE35" s="282">
        <v>14</v>
      </c>
      <c r="BF35" s="276">
        <v>0</v>
      </c>
      <c r="BG35" s="280">
        <v>0</v>
      </c>
      <c r="BH35" s="277">
        <v>0</v>
      </c>
      <c r="BI35" s="279">
        <v>0</v>
      </c>
      <c r="BJ35" s="280">
        <v>9</v>
      </c>
      <c r="BK35" s="280">
        <v>0</v>
      </c>
      <c r="BL35" s="280">
        <v>4</v>
      </c>
      <c r="BM35" s="280">
        <v>0</v>
      </c>
      <c r="BN35" s="280">
        <v>0</v>
      </c>
      <c r="BO35" s="277">
        <v>13</v>
      </c>
      <c r="BP35" s="282">
        <v>13</v>
      </c>
      <c r="BQ35" s="276">
        <v>0</v>
      </c>
      <c r="BR35" s="280">
        <v>0</v>
      </c>
      <c r="BS35" s="277">
        <v>0</v>
      </c>
      <c r="BT35" s="279">
        <v>0</v>
      </c>
      <c r="BU35" s="280">
        <v>0</v>
      </c>
      <c r="BV35" s="280">
        <v>0</v>
      </c>
      <c r="BW35" s="280">
        <v>3</v>
      </c>
      <c r="BX35" s="280">
        <v>0</v>
      </c>
      <c r="BY35" s="280">
        <v>0</v>
      </c>
      <c r="BZ35" s="277">
        <v>3</v>
      </c>
      <c r="CA35" s="282">
        <v>3</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77">
        <v>0</v>
      </c>
      <c r="E36" s="278">
        <v>0</v>
      </c>
      <c r="F36" s="279">
        <v>0</v>
      </c>
      <c r="G36" s="280">
        <v>9</v>
      </c>
      <c r="H36" s="280">
        <v>0</v>
      </c>
      <c r="I36" s="280">
        <v>0</v>
      </c>
      <c r="J36" s="280">
        <v>0</v>
      </c>
      <c r="K36" s="280">
        <v>0</v>
      </c>
      <c r="L36" s="281">
        <v>9</v>
      </c>
      <c r="M36" s="282">
        <v>9</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0</v>
      </c>
      <c r="AZ36" s="280">
        <v>13</v>
      </c>
      <c r="BA36" s="280">
        <v>26</v>
      </c>
      <c r="BB36" s="280">
        <v>0</v>
      </c>
      <c r="BC36" s="280">
        <v>0</v>
      </c>
      <c r="BD36" s="281">
        <v>39</v>
      </c>
      <c r="BE36" s="282">
        <v>39</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77">
        <v>0</v>
      </c>
      <c r="E37" s="278">
        <v>0</v>
      </c>
      <c r="F37" s="279">
        <v>0</v>
      </c>
      <c r="G37" s="280">
        <v>86</v>
      </c>
      <c r="H37" s="280">
        <v>33</v>
      </c>
      <c r="I37" s="280">
        <v>66</v>
      </c>
      <c r="J37" s="280">
        <v>86</v>
      </c>
      <c r="K37" s="280">
        <v>0</v>
      </c>
      <c r="L37" s="281">
        <v>271</v>
      </c>
      <c r="M37" s="282">
        <v>271</v>
      </c>
      <c r="N37" s="276">
        <v>0</v>
      </c>
      <c r="O37" s="280">
        <v>0</v>
      </c>
      <c r="P37" s="277">
        <v>0</v>
      </c>
      <c r="Q37" s="279">
        <v>0</v>
      </c>
      <c r="R37" s="280">
        <v>0</v>
      </c>
      <c r="S37" s="280">
        <v>0</v>
      </c>
      <c r="T37" s="280">
        <v>0</v>
      </c>
      <c r="U37" s="280">
        <v>5</v>
      </c>
      <c r="V37" s="280">
        <v>0</v>
      </c>
      <c r="W37" s="277">
        <v>5</v>
      </c>
      <c r="X37" s="282">
        <v>5</v>
      </c>
      <c r="Y37" s="276">
        <v>11</v>
      </c>
      <c r="Z37" s="280">
        <v>6</v>
      </c>
      <c r="AA37" s="277">
        <v>17</v>
      </c>
      <c r="AB37" s="279">
        <v>0</v>
      </c>
      <c r="AC37" s="280">
        <v>29</v>
      </c>
      <c r="AD37" s="280">
        <v>10</v>
      </c>
      <c r="AE37" s="280">
        <v>10</v>
      </c>
      <c r="AF37" s="280">
        <v>47</v>
      </c>
      <c r="AG37" s="280">
        <v>0</v>
      </c>
      <c r="AH37" s="277">
        <v>96</v>
      </c>
      <c r="AI37" s="282">
        <v>113</v>
      </c>
      <c r="AJ37" s="276">
        <v>0</v>
      </c>
      <c r="AK37" s="280">
        <v>0</v>
      </c>
      <c r="AL37" s="277">
        <v>0</v>
      </c>
      <c r="AM37" s="279">
        <v>0</v>
      </c>
      <c r="AN37" s="280">
        <v>59</v>
      </c>
      <c r="AO37" s="280">
        <v>0</v>
      </c>
      <c r="AP37" s="280">
        <v>0</v>
      </c>
      <c r="AQ37" s="280">
        <v>0</v>
      </c>
      <c r="AR37" s="280">
        <v>0</v>
      </c>
      <c r="AS37" s="277">
        <v>59</v>
      </c>
      <c r="AT37" s="282">
        <v>59</v>
      </c>
      <c r="AU37" s="276">
        <v>0</v>
      </c>
      <c r="AV37" s="280">
        <v>0</v>
      </c>
      <c r="AW37" s="277">
        <v>0</v>
      </c>
      <c r="AX37" s="279">
        <v>0</v>
      </c>
      <c r="AY37" s="280">
        <v>51</v>
      </c>
      <c r="AZ37" s="280">
        <v>30</v>
      </c>
      <c r="BA37" s="280">
        <v>10</v>
      </c>
      <c r="BB37" s="280">
        <v>10</v>
      </c>
      <c r="BC37" s="280">
        <v>0</v>
      </c>
      <c r="BD37" s="281">
        <v>101</v>
      </c>
      <c r="BE37" s="282">
        <v>101</v>
      </c>
      <c r="BF37" s="276">
        <v>0</v>
      </c>
      <c r="BG37" s="280">
        <v>0</v>
      </c>
      <c r="BH37" s="277">
        <v>0</v>
      </c>
      <c r="BI37" s="279">
        <v>0</v>
      </c>
      <c r="BJ37" s="280">
        <v>6</v>
      </c>
      <c r="BK37" s="280">
        <v>12</v>
      </c>
      <c r="BL37" s="280">
        <v>0</v>
      </c>
      <c r="BM37" s="280">
        <v>11</v>
      </c>
      <c r="BN37" s="280">
        <v>0</v>
      </c>
      <c r="BO37" s="277">
        <v>29</v>
      </c>
      <c r="BP37" s="282">
        <v>29</v>
      </c>
      <c r="BQ37" s="276">
        <v>0</v>
      </c>
      <c r="BR37" s="280">
        <v>0</v>
      </c>
      <c r="BS37" s="277">
        <v>0</v>
      </c>
      <c r="BT37" s="279">
        <v>0</v>
      </c>
      <c r="BU37" s="280">
        <v>0</v>
      </c>
      <c r="BV37" s="280">
        <v>0</v>
      </c>
      <c r="BW37" s="280">
        <v>0</v>
      </c>
      <c r="BX37" s="280">
        <v>26</v>
      </c>
      <c r="BY37" s="280">
        <v>0</v>
      </c>
      <c r="BZ37" s="277">
        <v>26</v>
      </c>
      <c r="CA37" s="282">
        <v>26</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77">
        <v>0</v>
      </c>
      <c r="E38" s="278">
        <v>0</v>
      </c>
      <c r="F38" s="279">
        <v>0</v>
      </c>
      <c r="G38" s="280">
        <v>13</v>
      </c>
      <c r="H38" s="280">
        <v>5</v>
      </c>
      <c r="I38" s="280">
        <v>0</v>
      </c>
      <c r="J38" s="280">
        <v>258</v>
      </c>
      <c r="K38" s="280">
        <v>0</v>
      </c>
      <c r="L38" s="281">
        <v>276</v>
      </c>
      <c r="M38" s="282">
        <v>276</v>
      </c>
      <c r="N38" s="276">
        <v>0</v>
      </c>
      <c r="O38" s="280">
        <v>0</v>
      </c>
      <c r="P38" s="277">
        <v>0</v>
      </c>
      <c r="Q38" s="279">
        <v>0</v>
      </c>
      <c r="R38" s="280">
        <v>1</v>
      </c>
      <c r="S38" s="280">
        <v>0</v>
      </c>
      <c r="T38" s="280">
        <v>0</v>
      </c>
      <c r="U38" s="280">
        <v>0</v>
      </c>
      <c r="V38" s="280">
        <v>0</v>
      </c>
      <c r="W38" s="277">
        <v>1</v>
      </c>
      <c r="X38" s="282">
        <v>1</v>
      </c>
      <c r="Y38" s="276">
        <v>0</v>
      </c>
      <c r="Z38" s="280">
        <v>7</v>
      </c>
      <c r="AA38" s="277">
        <v>7</v>
      </c>
      <c r="AB38" s="279">
        <v>0</v>
      </c>
      <c r="AC38" s="280">
        <v>23</v>
      </c>
      <c r="AD38" s="280">
        <v>13</v>
      </c>
      <c r="AE38" s="280">
        <v>7</v>
      </c>
      <c r="AF38" s="280">
        <v>4</v>
      </c>
      <c r="AG38" s="280">
        <v>0</v>
      </c>
      <c r="AH38" s="277">
        <v>47</v>
      </c>
      <c r="AI38" s="282">
        <v>54</v>
      </c>
      <c r="AJ38" s="276">
        <v>0</v>
      </c>
      <c r="AK38" s="280">
        <v>0</v>
      </c>
      <c r="AL38" s="277">
        <v>0</v>
      </c>
      <c r="AM38" s="279">
        <v>0</v>
      </c>
      <c r="AN38" s="280">
        <v>14</v>
      </c>
      <c r="AO38" s="280">
        <v>0</v>
      </c>
      <c r="AP38" s="280">
        <v>0</v>
      </c>
      <c r="AQ38" s="280">
        <v>0</v>
      </c>
      <c r="AR38" s="280">
        <v>0</v>
      </c>
      <c r="AS38" s="277">
        <v>14</v>
      </c>
      <c r="AT38" s="282">
        <v>14</v>
      </c>
      <c r="AU38" s="276">
        <v>0</v>
      </c>
      <c r="AV38" s="280">
        <v>0</v>
      </c>
      <c r="AW38" s="277">
        <v>0</v>
      </c>
      <c r="AX38" s="279">
        <v>0</v>
      </c>
      <c r="AY38" s="280">
        <v>20</v>
      </c>
      <c r="AZ38" s="280">
        <v>5</v>
      </c>
      <c r="BA38" s="280">
        <v>15</v>
      </c>
      <c r="BB38" s="280">
        <v>18</v>
      </c>
      <c r="BC38" s="280">
        <v>8</v>
      </c>
      <c r="BD38" s="281">
        <v>66</v>
      </c>
      <c r="BE38" s="282">
        <v>66</v>
      </c>
      <c r="BF38" s="276">
        <v>0</v>
      </c>
      <c r="BG38" s="280">
        <v>0</v>
      </c>
      <c r="BH38" s="277">
        <v>0</v>
      </c>
      <c r="BI38" s="279">
        <v>0</v>
      </c>
      <c r="BJ38" s="280">
        <v>5</v>
      </c>
      <c r="BK38" s="280">
        <v>0</v>
      </c>
      <c r="BL38" s="280">
        <v>0</v>
      </c>
      <c r="BM38" s="280">
        <v>0</v>
      </c>
      <c r="BN38" s="280">
        <v>0</v>
      </c>
      <c r="BO38" s="277">
        <v>5</v>
      </c>
      <c r="BP38" s="282">
        <v>5</v>
      </c>
      <c r="BQ38" s="276">
        <v>0</v>
      </c>
      <c r="BR38" s="280">
        <v>0</v>
      </c>
      <c r="BS38" s="277">
        <v>0</v>
      </c>
      <c r="BT38" s="279">
        <v>0</v>
      </c>
      <c r="BU38" s="280">
        <v>0</v>
      </c>
      <c r="BV38" s="280">
        <v>18</v>
      </c>
      <c r="BW38" s="280">
        <v>7</v>
      </c>
      <c r="BX38" s="280">
        <v>0</v>
      </c>
      <c r="BY38" s="280">
        <v>0</v>
      </c>
      <c r="BZ38" s="277">
        <v>25</v>
      </c>
      <c r="CA38" s="282">
        <v>25</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4">
        <v>0</v>
      </c>
      <c r="E39" s="285">
        <v>0</v>
      </c>
      <c r="F39" s="286">
        <v>0</v>
      </c>
      <c r="G39" s="287">
        <v>0</v>
      </c>
      <c r="H39" s="287">
        <v>0</v>
      </c>
      <c r="I39" s="287">
        <v>0</v>
      </c>
      <c r="J39" s="287">
        <v>0</v>
      </c>
      <c r="K39" s="287">
        <v>26</v>
      </c>
      <c r="L39" s="288">
        <v>26</v>
      </c>
      <c r="M39" s="289">
        <v>26</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8">
        <v>0</v>
      </c>
      <c r="BE39" s="289">
        <v>0</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4</v>
      </c>
      <c r="CK39" s="284">
        <v>4</v>
      </c>
      <c r="CL39" s="289">
        <v>4</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9</v>
      </c>
      <c r="F1" s="22"/>
      <c r="H1" s="524">
        <f>第１表!F2</f>
        <v>5</v>
      </c>
      <c r="I1" s="524"/>
      <c r="J1" s="248">
        <f>第１表!G2</f>
        <v>5</v>
      </c>
      <c r="K1" s="555">
        <f>IF(J1&lt;3,J1-2+12,J1-2)</f>
        <v>3</v>
      </c>
      <c r="L1" s="555"/>
    </row>
    <row r="2" spans="2:35" ht="24" customHeight="1" thickBot="1" x14ac:dyDescent="0.25">
      <c r="J2" s="5"/>
      <c r="K2" s="5"/>
      <c r="L2" s="5"/>
      <c r="M2" s="5"/>
      <c r="N2" s="5"/>
      <c r="O2" s="5"/>
      <c r="P2" s="30"/>
      <c r="Q2" s="30"/>
      <c r="R2" s="30"/>
    </row>
    <row r="3" spans="2:35" ht="21" customHeight="1" thickBot="1" x14ac:dyDescent="0.25">
      <c r="B3" s="26"/>
      <c r="C3" s="556" t="s">
        <v>53</v>
      </c>
      <c r="D3" s="557"/>
      <c r="E3" s="557"/>
      <c r="F3" s="557"/>
      <c r="G3" s="557"/>
      <c r="H3" s="557"/>
      <c r="I3" s="557"/>
      <c r="J3" s="557"/>
      <c r="K3" s="557"/>
      <c r="L3" s="557"/>
      <c r="M3" s="558"/>
      <c r="N3" s="556" t="s">
        <v>54</v>
      </c>
      <c r="O3" s="557"/>
      <c r="P3" s="557"/>
      <c r="Q3" s="557"/>
      <c r="R3" s="557"/>
      <c r="S3" s="557"/>
      <c r="T3" s="557"/>
      <c r="U3" s="557"/>
      <c r="V3" s="557"/>
      <c r="W3" s="557"/>
      <c r="X3" s="558"/>
      <c r="Y3" s="556" t="s">
        <v>55</v>
      </c>
      <c r="Z3" s="557"/>
      <c r="AA3" s="557"/>
      <c r="AB3" s="557"/>
      <c r="AC3" s="557"/>
      <c r="AD3" s="557"/>
      <c r="AE3" s="557"/>
      <c r="AF3" s="557"/>
      <c r="AG3" s="557"/>
      <c r="AH3" s="557"/>
      <c r="AI3" s="558"/>
    </row>
    <row r="4" spans="2:35" ht="30"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86</v>
      </c>
      <c r="D5" s="92">
        <v>307</v>
      </c>
      <c r="E5" s="93">
        <v>493</v>
      </c>
      <c r="F5" s="94">
        <v>0</v>
      </c>
      <c r="G5" s="92">
        <v>18443</v>
      </c>
      <c r="H5" s="92">
        <v>18576</v>
      </c>
      <c r="I5" s="92">
        <v>12721</v>
      </c>
      <c r="J5" s="92">
        <v>8087</v>
      </c>
      <c r="K5" s="92">
        <v>5144</v>
      </c>
      <c r="L5" s="93">
        <v>62971</v>
      </c>
      <c r="M5" s="95">
        <v>63464</v>
      </c>
      <c r="N5" s="96">
        <v>0</v>
      </c>
      <c r="O5" s="92">
        <v>3</v>
      </c>
      <c r="P5" s="93">
        <v>3</v>
      </c>
      <c r="Q5" s="94">
        <v>0</v>
      </c>
      <c r="R5" s="92">
        <v>208</v>
      </c>
      <c r="S5" s="92">
        <v>353</v>
      </c>
      <c r="T5" s="92">
        <v>238</v>
      </c>
      <c r="U5" s="92">
        <v>180</v>
      </c>
      <c r="V5" s="92">
        <v>171</v>
      </c>
      <c r="W5" s="93">
        <v>1150</v>
      </c>
      <c r="X5" s="95">
        <v>1153</v>
      </c>
      <c r="Y5" s="96">
        <v>186</v>
      </c>
      <c r="Z5" s="92">
        <v>310</v>
      </c>
      <c r="AA5" s="93">
        <v>496</v>
      </c>
      <c r="AB5" s="94">
        <v>0</v>
      </c>
      <c r="AC5" s="92">
        <v>18651</v>
      </c>
      <c r="AD5" s="92">
        <v>18929</v>
      </c>
      <c r="AE5" s="92">
        <v>12959</v>
      </c>
      <c r="AF5" s="92">
        <v>8267</v>
      </c>
      <c r="AG5" s="92">
        <v>5315</v>
      </c>
      <c r="AH5" s="93">
        <v>64121</v>
      </c>
      <c r="AI5" s="95">
        <v>64617</v>
      </c>
    </row>
    <row r="6" spans="2:35" ht="21" customHeight="1" x14ac:dyDescent="0.2">
      <c r="B6" s="18" t="s">
        <v>5</v>
      </c>
      <c r="C6" s="97">
        <v>76</v>
      </c>
      <c r="D6" s="98">
        <v>109</v>
      </c>
      <c r="E6" s="99">
        <v>185</v>
      </c>
      <c r="F6" s="100">
        <v>0</v>
      </c>
      <c r="G6" s="98">
        <v>6796</v>
      </c>
      <c r="H6" s="98">
        <v>8788</v>
      </c>
      <c r="I6" s="98">
        <v>5621</v>
      </c>
      <c r="J6" s="98">
        <v>3571</v>
      </c>
      <c r="K6" s="98">
        <v>2392</v>
      </c>
      <c r="L6" s="99">
        <v>27168</v>
      </c>
      <c r="M6" s="101">
        <v>27353</v>
      </c>
      <c r="N6" s="102">
        <v>0</v>
      </c>
      <c r="O6" s="98">
        <v>1</v>
      </c>
      <c r="P6" s="99">
        <v>1</v>
      </c>
      <c r="Q6" s="100">
        <v>0</v>
      </c>
      <c r="R6" s="98">
        <v>74</v>
      </c>
      <c r="S6" s="98">
        <v>158</v>
      </c>
      <c r="T6" s="98">
        <v>135</v>
      </c>
      <c r="U6" s="98">
        <v>81</v>
      </c>
      <c r="V6" s="98">
        <v>80</v>
      </c>
      <c r="W6" s="99">
        <v>528</v>
      </c>
      <c r="X6" s="101">
        <v>529</v>
      </c>
      <c r="Y6" s="102">
        <v>76</v>
      </c>
      <c r="Z6" s="98">
        <v>110</v>
      </c>
      <c r="AA6" s="99">
        <v>186</v>
      </c>
      <c r="AB6" s="100">
        <v>0</v>
      </c>
      <c r="AC6" s="98">
        <v>6870</v>
      </c>
      <c r="AD6" s="98">
        <v>8946</v>
      </c>
      <c r="AE6" s="98">
        <v>5756</v>
      </c>
      <c r="AF6" s="98">
        <v>3652</v>
      </c>
      <c r="AG6" s="98">
        <v>2472</v>
      </c>
      <c r="AH6" s="99">
        <v>27696</v>
      </c>
      <c r="AI6" s="101">
        <v>27882</v>
      </c>
    </row>
    <row r="7" spans="2:35" ht="21" customHeight="1" x14ac:dyDescent="0.2">
      <c r="B7" s="18" t="s">
        <v>6</v>
      </c>
      <c r="C7" s="97">
        <v>27</v>
      </c>
      <c r="D7" s="98">
        <v>36</v>
      </c>
      <c r="E7" s="99">
        <v>63</v>
      </c>
      <c r="F7" s="100">
        <v>0</v>
      </c>
      <c r="G7" s="98">
        <v>2919</v>
      </c>
      <c r="H7" s="98">
        <v>2396</v>
      </c>
      <c r="I7" s="98">
        <v>1882</v>
      </c>
      <c r="J7" s="98">
        <v>1376</v>
      </c>
      <c r="K7" s="98">
        <v>929</v>
      </c>
      <c r="L7" s="99">
        <v>9502</v>
      </c>
      <c r="M7" s="101">
        <v>9565</v>
      </c>
      <c r="N7" s="102">
        <v>0</v>
      </c>
      <c r="O7" s="98">
        <v>0</v>
      </c>
      <c r="P7" s="99">
        <v>0</v>
      </c>
      <c r="Q7" s="100">
        <v>0</v>
      </c>
      <c r="R7" s="98">
        <v>31</v>
      </c>
      <c r="S7" s="98">
        <v>40</v>
      </c>
      <c r="T7" s="98">
        <v>28</v>
      </c>
      <c r="U7" s="98">
        <v>26</v>
      </c>
      <c r="V7" s="98">
        <v>29</v>
      </c>
      <c r="W7" s="99">
        <v>154</v>
      </c>
      <c r="X7" s="101">
        <v>154</v>
      </c>
      <c r="Y7" s="102">
        <v>27</v>
      </c>
      <c r="Z7" s="98">
        <v>36</v>
      </c>
      <c r="AA7" s="99">
        <v>63</v>
      </c>
      <c r="AB7" s="100">
        <v>0</v>
      </c>
      <c r="AC7" s="98">
        <v>2950</v>
      </c>
      <c r="AD7" s="98">
        <v>2436</v>
      </c>
      <c r="AE7" s="98">
        <v>1910</v>
      </c>
      <c r="AF7" s="98">
        <v>1402</v>
      </c>
      <c r="AG7" s="98">
        <v>958</v>
      </c>
      <c r="AH7" s="99">
        <v>9656</v>
      </c>
      <c r="AI7" s="101">
        <v>9719</v>
      </c>
    </row>
    <row r="8" spans="2:35" ht="21" customHeight="1" x14ac:dyDescent="0.2">
      <c r="B8" s="18" t="s">
        <v>14</v>
      </c>
      <c r="C8" s="97">
        <v>21</v>
      </c>
      <c r="D8" s="98">
        <v>30</v>
      </c>
      <c r="E8" s="99">
        <v>51</v>
      </c>
      <c r="F8" s="100">
        <v>0</v>
      </c>
      <c r="G8" s="98">
        <v>1371</v>
      </c>
      <c r="H8" s="98">
        <v>1569</v>
      </c>
      <c r="I8" s="98">
        <v>1111</v>
      </c>
      <c r="J8" s="98">
        <v>614</v>
      </c>
      <c r="K8" s="98">
        <v>352</v>
      </c>
      <c r="L8" s="99">
        <v>5017</v>
      </c>
      <c r="M8" s="101">
        <v>5068</v>
      </c>
      <c r="N8" s="102">
        <v>0</v>
      </c>
      <c r="O8" s="98">
        <v>0</v>
      </c>
      <c r="P8" s="99">
        <v>0</v>
      </c>
      <c r="Q8" s="100">
        <v>0</v>
      </c>
      <c r="R8" s="98">
        <v>11</v>
      </c>
      <c r="S8" s="98">
        <v>37</v>
      </c>
      <c r="T8" s="98">
        <v>12</v>
      </c>
      <c r="U8" s="98">
        <v>15</v>
      </c>
      <c r="V8" s="98">
        <v>10</v>
      </c>
      <c r="W8" s="99">
        <v>85</v>
      </c>
      <c r="X8" s="101">
        <v>85</v>
      </c>
      <c r="Y8" s="102">
        <v>21</v>
      </c>
      <c r="Z8" s="98">
        <v>30</v>
      </c>
      <c r="AA8" s="99">
        <v>51</v>
      </c>
      <c r="AB8" s="100">
        <v>0</v>
      </c>
      <c r="AC8" s="98">
        <v>1382</v>
      </c>
      <c r="AD8" s="98">
        <v>1606</v>
      </c>
      <c r="AE8" s="98">
        <v>1123</v>
      </c>
      <c r="AF8" s="98">
        <v>629</v>
      </c>
      <c r="AG8" s="98">
        <v>362</v>
      </c>
      <c r="AH8" s="99">
        <v>5102</v>
      </c>
      <c r="AI8" s="101">
        <v>5153</v>
      </c>
    </row>
    <row r="9" spans="2:35" ht="21" customHeight="1" x14ac:dyDescent="0.2">
      <c r="B9" s="18" t="s">
        <v>7</v>
      </c>
      <c r="C9" s="97">
        <v>3</v>
      </c>
      <c r="D9" s="98">
        <v>8</v>
      </c>
      <c r="E9" s="99">
        <v>11</v>
      </c>
      <c r="F9" s="100">
        <v>0</v>
      </c>
      <c r="G9" s="98">
        <v>1355</v>
      </c>
      <c r="H9" s="98">
        <v>909</v>
      </c>
      <c r="I9" s="98">
        <v>616</v>
      </c>
      <c r="J9" s="98">
        <v>348</v>
      </c>
      <c r="K9" s="98">
        <v>155</v>
      </c>
      <c r="L9" s="99">
        <v>3383</v>
      </c>
      <c r="M9" s="101">
        <v>3394</v>
      </c>
      <c r="N9" s="102">
        <v>0</v>
      </c>
      <c r="O9" s="98">
        <v>0</v>
      </c>
      <c r="P9" s="99">
        <v>0</v>
      </c>
      <c r="Q9" s="100">
        <v>0</v>
      </c>
      <c r="R9" s="98">
        <v>12</v>
      </c>
      <c r="S9" s="98">
        <v>18</v>
      </c>
      <c r="T9" s="98">
        <v>6</v>
      </c>
      <c r="U9" s="98">
        <v>7</v>
      </c>
      <c r="V9" s="98">
        <v>10</v>
      </c>
      <c r="W9" s="99">
        <v>53</v>
      </c>
      <c r="X9" s="101">
        <v>53</v>
      </c>
      <c r="Y9" s="102">
        <v>3</v>
      </c>
      <c r="Z9" s="98">
        <v>8</v>
      </c>
      <c r="AA9" s="99">
        <v>11</v>
      </c>
      <c r="AB9" s="100">
        <v>0</v>
      </c>
      <c r="AC9" s="98">
        <v>1367</v>
      </c>
      <c r="AD9" s="98">
        <v>927</v>
      </c>
      <c r="AE9" s="98">
        <v>622</v>
      </c>
      <c r="AF9" s="98">
        <v>355</v>
      </c>
      <c r="AG9" s="98">
        <v>165</v>
      </c>
      <c r="AH9" s="99">
        <v>3436</v>
      </c>
      <c r="AI9" s="101">
        <v>3447</v>
      </c>
    </row>
    <row r="10" spans="2:35" ht="21" customHeight="1" x14ac:dyDescent="0.2">
      <c r="B10" s="18" t="s">
        <v>8</v>
      </c>
      <c r="C10" s="97">
        <v>10</v>
      </c>
      <c r="D10" s="98">
        <v>10</v>
      </c>
      <c r="E10" s="99">
        <v>20</v>
      </c>
      <c r="F10" s="100">
        <v>0</v>
      </c>
      <c r="G10" s="98">
        <v>768</v>
      </c>
      <c r="H10" s="98">
        <v>654</v>
      </c>
      <c r="I10" s="98">
        <v>412</v>
      </c>
      <c r="J10" s="98">
        <v>227</v>
      </c>
      <c r="K10" s="98">
        <v>127</v>
      </c>
      <c r="L10" s="99">
        <v>2188</v>
      </c>
      <c r="M10" s="101">
        <v>2208</v>
      </c>
      <c r="N10" s="102">
        <v>0</v>
      </c>
      <c r="O10" s="98">
        <v>0</v>
      </c>
      <c r="P10" s="99">
        <v>0</v>
      </c>
      <c r="Q10" s="100">
        <v>0</v>
      </c>
      <c r="R10" s="98">
        <v>13</v>
      </c>
      <c r="S10" s="98">
        <v>27</v>
      </c>
      <c r="T10" s="98">
        <v>6</v>
      </c>
      <c r="U10" s="98">
        <v>5</v>
      </c>
      <c r="V10" s="98">
        <v>3</v>
      </c>
      <c r="W10" s="99">
        <v>54</v>
      </c>
      <c r="X10" s="101">
        <v>54</v>
      </c>
      <c r="Y10" s="102">
        <v>10</v>
      </c>
      <c r="Z10" s="98">
        <v>10</v>
      </c>
      <c r="AA10" s="99">
        <v>20</v>
      </c>
      <c r="AB10" s="100">
        <v>0</v>
      </c>
      <c r="AC10" s="98">
        <v>781</v>
      </c>
      <c r="AD10" s="98">
        <v>681</v>
      </c>
      <c r="AE10" s="98">
        <v>418</v>
      </c>
      <c r="AF10" s="98">
        <v>232</v>
      </c>
      <c r="AG10" s="98">
        <v>130</v>
      </c>
      <c r="AH10" s="99">
        <v>2242</v>
      </c>
      <c r="AI10" s="101">
        <v>2262</v>
      </c>
    </row>
    <row r="11" spans="2:35" ht="21" customHeight="1" x14ac:dyDescent="0.2">
      <c r="B11" s="18" t="s">
        <v>9</v>
      </c>
      <c r="C11" s="97">
        <v>5</v>
      </c>
      <c r="D11" s="98">
        <v>9</v>
      </c>
      <c r="E11" s="99">
        <v>14</v>
      </c>
      <c r="F11" s="100">
        <v>0</v>
      </c>
      <c r="G11" s="98">
        <v>510</v>
      </c>
      <c r="H11" s="98">
        <v>379</v>
      </c>
      <c r="I11" s="98">
        <v>298</v>
      </c>
      <c r="J11" s="98">
        <v>185</v>
      </c>
      <c r="K11" s="98">
        <v>95</v>
      </c>
      <c r="L11" s="99">
        <v>1467</v>
      </c>
      <c r="M11" s="101">
        <v>1481</v>
      </c>
      <c r="N11" s="102">
        <v>0</v>
      </c>
      <c r="O11" s="98">
        <v>0</v>
      </c>
      <c r="P11" s="99">
        <v>0</v>
      </c>
      <c r="Q11" s="100">
        <v>0</v>
      </c>
      <c r="R11" s="98">
        <v>14</v>
      </c>
      <c r="S11" s="98">
        <v>9</v>
      </c>
      <c r="T11" s="98">
        <v>5</v>
      </c>
      <c r="U11" s="98">
        <v>5</v>
      </c>
      <c r="V11" s="98">
        <v>2</v>
      </c>
      <c r="W11" s="99">
        <v>35</v>
      </c>
      <c r="X11" s="101">
        <v>35</v>
      </c>
      <c r="Y11" s="102">
        <v>5</v>
      </c>
      <c r="Z11" s="98">
        <v>9</v>
      </c>
      <c r="AA11" s="99">
        <v>14</v>
      </c>
      <c r="AB11" s="100">
        <v>0</v>
      </c>
      <c r="AC11" s="98">
        <v>524</v>
      </c>
      <c r="AD11" s="98">
        <v>388</v>
      </c>
      <c r="AE11" s="98">
        <v>303</v>
      </c>
      <c r="AF11" s="98">
        <v>190</v>
      </c>
      <c r="AG11" s="98">
        <v>97</v>
      </c>
      <c r="AH11" s="99">
        <v>1502</v>
      </c>
      <c r="AI11" s="101">
        <v>1516</v>
      </c>
    </row>
    <row r="12" spans="2:35" ht="21" customHeight="1" x14ac:dyDescent="0.2">
      <c r="B12" s="18" t="s">
        <v>10</v>
      </c>
      <c r="C12" s="97">
        <v>10</v>
      </c>
      <c r="D12" s="98">
        <v>23</v>
      </c>
      <c r="E12" s="99">
        <v>33</v>
      </c>
      <c r="F12" s="100">
        <v>0</v>
      </c>
      <c r="G12" s="98">
        <v>829</v>
      </c>
      <c r="H12" s="98">
        <v>535</v>
      </c>
      <c r="I12" s="98">
        <v>419</v>
      </c>
      <c r="J12" s="98">
        <v>317</v>
      </c>
      <c r="K12" s="98">
        <v>252</v>
      </c>
      <c r="L12" s="99">
        <v>2352</v>
      </c>
      <c r="M12" s="101">
        <v>2385</v>
      </c>
      <c r="N12" s="102">
        <v>0</v>
      </c>
      <c r="O12" s="98">
        <v>1</v>
      </c>
      <c r="P12" s="99">
        <v>1</v>
      </c>
      <c r="Q12" s="100">
        <v>0</v>
      </c>
      <c r="R12" s="98">
        <v>11</v>
      </c>
      <c r="S12" s="98">
        <v>7</v>
      </c>
      <c r="T12" s="98">
        <v>7</v>
      </c>
      <c r="U12" s="98">
        <v>7</v>
      </c>
      <c r="V12" s="98">
        <v>7</v>
      </c>
      <c r="W12" s="99">
        <v>39</v>
      </c>
      <c r="X12" s="101">
        <v>40</v>
      </c>
      <c r="Y12" s="102">
        <v>10</v>
      </c>
      <c r="Z12" s="98">
        <v>24</v>
      </c>
      <c r="AA12" s="99">
        <v>34</v>
      </c>
      <c r="AB12" s="100">
        <v>0</v>
      </c>
      <c r="AC12" s="98">
        <v>840</v>
      </c>
      <c r="AD12" s="98">
        <v>542</v>
      </c>
      <c r="AE12" s="98">
        <v>426</v>
      </c>
      <c r="AF12" s="98">
        <v>324</v>
      </c>
      <c r="AG12" s="98">
        <v>259</v>
      </c>
      <c r="AH12" s="99">
        <v>2391</v>
      </c>
      <c r="AI12" s="101">
        <v>2425</v>
      </c>
    </row>
    <row r="13" spans="2:35" ht="21" customHeight="1" x14ac:dyDescent="0.2">
      <c r="B13" s="18" t="s">
        <v>11</v>
      </c>
      <c r="C13" s="97">
        <v>0</v>
      </c>
      <c r="D13" s="98">
        <v>11</v>
      </c>
      <c r="E13" s="99">
        <v>11</v>
      </c>
      <c r="F13" s="100">
        <v>0</v>
      </c>
      <c r="G13" s="98">
        <v>617</v>
      </c>
      <c r="H13" s="98">
        <v>407</v>
      </c>
      <c r="I13" s="98">
        <v>280</v>
      </c>
      <c r="J13" s="98">
        <v>166</v>
      </c>
      <c r="K13" s="98">
        <v>67</v>
      </c>
      <c r="L13" s="99">
        <v>1537</v>
      </c>
      <c r="M13" s="101">
        <v>1548</v>
      </c>
      <c r="N13" s="102">
        <v>0</v>
      </c>
      <c r="O13" s="98">
        <v>0</v>
      </c>
      <c r="P13" s="99">
        <v>0</v>
      </c>
      <c r="Q13" s="100">
        <v>0</v>
      </c>
      <c r="R13" s="98">
        <v>9</v>
      </c>
      <c r="S13" s="98">
        <v>7</v>
      </c>
      <c r="T13" s="98">
        <v>2</v>
      </c>
      <c r="U13" s="98">
        <v>5</v>
      </c>
      <c r="V13" s="98">
        <v>3</v>
      </c>
      <c r="W13" s="99">
        <v>26</v>
      </c>
      <c r="X13" s="101">
        <v>26</v>
      </c>
      <c r="Y13" s="102">
        <v>0</v>
      </c>
      <c r="Z13" s="98">
        <v>11</v>
      </c>
      <c r="AA13" s="99">
        <v>11</v>
      </c>
      <c r="AB13" s="100">
        <v>0</v>
      </c>
      <c r="AC13" s="98">
        <v>626</v>
      </c>
      <c r="AD13" s="98">
        <v>414</v>
      </c>
      <c r="AE13" s="98">
        <v>282</v>
      </c>
      <c r="AF13" s="98">
        <v>171</v>
      </c>
      <c r="AG13" s="98">
        <v>70</v>
      </c>
      <c r="AH13" s="99">
        <v>1563</v>
      </c>
      <c r="AI13" s="101">
        <v>1574</v>
      </c>
    </row>
    <row r="14" spans="2:35" ht="21" customHeight="1" x14ac:dyDescent="0.2">
      <c r="B14" s="18" t="s">
        <v>12</v>
      </c>
      <c r="C14" s="97">
        <v>1</v>
      </c>
      <c r="D14" s="98">
        <v>1</v>
      </c>
      <c r="E14" s="99">
        <v>2</v>
      </c>
      <c r="F14" s="100">
        <v>0</v>
      </c>
      <c r="G14" s="98">
        <v>428</v>
      </c>
      <c r="H14" s="98">
        <v>353</v>
      </c>
      <c r="I14" s="98">
        <v>275</v>
      </c>
      <c r="J14" s="98">
        <v>196</v>
      </c>
      <c r="K14" s="98">
        <v>130</v>
      </c>
      <c r="L14" s="99">
        <v>1382</v>
      </c>
      <c r="M14" s="101">
        <v>1384</v>
      </c>
      <c r="N14" s="102">
        <v>0</v>
      </c>
      <c r="O14" s="98">
        <v>0</v>
      </c>
      <c r="P14" s="99">
        <v>0</v>
      </c>
      <c r="Q14" s="100">
        <v>0</v>
      </c>
      <c r="R14" s="98">
        <v>5</v>
      </c>
      <c r="S14" s="98">
        <v>5</v>
      </c>
      <c r="T14" s="98">
        <v>2</v>
      </c>
      <c r="U14" s="98">
        <v>2</v>
      </c>
      <c r="V14" s="98">
        <v>3</v>
      </c>
      <c r="W14" s="99">
        <v>17</v>
      </c>
      <c r="X14" s="101">
        <v>17</v>
      </c>
      <c r="Y14" s="102">
        <v>1</v>
      </c>
      <c r="Z14" s="98">
        <v>1</v>
      </c>
      <c r="AA14" s="99">
        <v>2</v>
      </c>
      <c r="AB14" s="100">
        <v>0</v>
      </c>
      <c r="AC14" s="98">
        <v>433</v>
      </c>
      <c r="AD14" s="98">
        <v>358</v>
      </c>
      <c r="AE14" s="98">
        <v>277</v>
      </c>
      <c r="AF14" s="98">
        <v>198</v>
      </c>
      <c r="AG14" s="98">
        <v>133</v>
      </c>
      <c r="AH14" s="99">
        <v>1399</v>
      </c>
      <c r="AI14" s="101">
        <v>1401</v>
      </c>
    </row>
    <row r="15" spans="2:35" ht="21" customHeight="1" x14ac:dyDescent="0.2">
      <c r="B15" s="18" t="s">
        <v>13</v>
      </c>
      <c r="C15" s="97">
        <v>1</v>
      </c>
      <c r="D15" s="98">
        <v>3</v>
      </c>
      <c r="E15" s="99">
        <v>4</v>
      </c>
      <c r="F15" s="100">
        <v>0</v>
      </c>
      <c r="G15" s="98">
        <v>164</v>
      </c>
      <c r="H15" s="98">
        <v>153</v>
      </c>
      <c r="I15" s="98">
        <v>103</v>
      </c>
      <c r="J15" s="98">
        <v>66</v>
      </c>
      <c r="K15" s="98">
        <v>29</v>
      </c>
      <c r="L15" s="99">
        <v>515</v>
      </c>
      <c r="M15" s="101">
        <v>519</v>
      </c>
      <c r="N15" s="102">
        <v>0</v>
      </c>
      <c r="O15" s="98">
        <v>0</v>
      </c>
      <c r="P15" s="99">
        <v>0</v>
      </c>
      <c r="Q15" s="100">
        <v>0</v>
      </c>
      <c r="R15" s="98">
        <v>1</v>
      </c>
      <c r="S15" s="98">
        <v>2</v>
      </c>
      <c r="T15" s="98">
        <v>4</v>
      </c>
      <c r="U15" s="98">
        <v>0</v>
      </c>
      <c r="V15" s="98">
        <v>0</v>
      </c>
      <c r="W15" s="99">
        <v>7</v>
      </c>
      <c r="X15" s="101">
        <v>7</v>
      </c>
      <c r="Y15" s="102">
        <v>1</v>
      </c>
      <c r="Z15" s="98">
        <v>3</v>
      </c>
      <c r="AA15" s="99">
        <v>4</v>
      </c>
      <c r="AB15" s="100">
        <v>0</v>
      </c>
      <c r="AC15" s="98">
        <v>165</v>
      </c>
      <c r="AD15" s="98">
        <v>155</v>
      </c>
      <c r="AE15" s="98">
        <v>107</v>
      </c>
      <c r="AF15" s="98">
        <v>66</v>
      </c>
      <c r="AG15" s="98">
        <v>29</v>
      </c>
      <c r="AH15" s="99">
        <v>522</v>
      </c>
      <c r="AI15" s="101">
        <v>526</v>
      </c>
    </row>
    <row r="16" spans="2:35" ht="21" customHeight="1" x14ac:dyDescent="0.2">
      <c r="B16" s="18" t="s">
        <v>15</v>
      </c>
      <c r="C16" s="97">
        <v>3</v>
      </c>
      <c r="D16" s="98">
        <v>15</v>
      </c>
      <c r="E16" s="99">
        <v>18</v>
      </c>
      <c r="F16" s="100">
        <v>0</v>
      </c>
      <c r="G16" s="98">
        <v>213</v>
      </c>
      <c r="H16" s="98">
        <v>228</v>
      </c>
      <c r="I16" s="98">
        <v>140</v>
      </c>
      <c r="J16" s="98">
        <v>84</v>
      </c>
      <c r="K16" s="98">
        <v>46</v>
      </c>
      <c r="L16" s="99">
        <v>711</v>
      </c>
      <c r="M16" s="101">
        <v>729</v>
      </c>
      <c r="N16" s="102">
        <v>0</v>
      </c>
      <c r="O16" s="98">
        <v>1</v>
      </c>
      <c r="P16" s="99">
        <v>1</v>
      </c>
      <c r="Q16" s="100">
        <v>0</v>
      </c>
      <c r="R16" s="98">
        <v>3</v>
      </c>
      <c r="S16" s="98">
        <v>4</v>
      </c>
      <c r="T16" s="98">
        <v>1</v>
      </c>
      <c r="U16" s="98">
        <v>1</v>
      </c>
      <c r="V16" s="98">
        <v>2</v>
      </c>
      <c r="W16" s="99">
        <v>11</v>
      </c>
      <c r="X16" s="101">
        <v>12</v>
      </c>
      <c r="Y16" s="102">
        <v>3</v>
      </c>
      <c r="Z16" s="98">
        <v>16</v>
      </c>
      <c r="AA16" s="99">
        <v>19</v>
      </c>
      <c r="AB16" s="100">
        <v>0</v>
      </c>
      <c r="AC16" s="98">
        <v>216</v>
      </c>
      <c r="AD16" s="98">
        <v>232</v>
      </c>
      <c r="AE16" s="98">
        <v>141</v>
      </c>
      <c r="AF16" s="98">
        <v>85</v>
      </c>
      <c r="AG16" s="98">
        <v>48</v>
      </c>
      <c r="AH16" s="99">
        <v>722</v>
      </c>
      <c r="AI16" s="101">
        <v>741</v>
      </c>
    </row>
    <row r="17" spans="2:35" ht="21" customHeight="1" x14ac:dyDescent="0.2">
      <c r="B17" s="18" t="s">
        <v>16</v>
      </c>
      <c r="C17" s="97">
        <v>1</v>
      </c>
      <c r="D17" s="98">
        <v>1</v>
      </c>
      <c r="E17" s="99">
        <v>2</v>
      </c>
      <c r="F17" s="100">
        <v>0</v>
      </c>
      <c r="G17" s="98">
        <v>205</v>
      </c>
      <c r="H17" s="98">
        <v>261</v>
      </c>
      <c r="I17" s="98">
        <v>192</v>
      </c>
      <c r="J17" s="98">
        <v>112</v>
      </c>
      <c r="K17" s="98">
        <v>88</v>
      </c>
      <c r="L17" s="99">
        <v>858</v>
      </c>
      <c r="M17" s="101">
        <v>860</v>
      </c>
      <c r="N17" s="102">
        <v>0</v>
      </c>
      <c r="O17" s="98">
        <v>0</v>
      </c>
      <c r="P17" s="99">
        <v>0</v>
      </c>
      <c r="Q17" s="100">
        <v>0</v>
      </c>
      <c r="R17" s="98">
        <v>2</v>
      </c>
      <c r="S17" s="98">
        <v>2</v>
      </c>
      <c r="T17" s="98">
        <v>4</v>
      </c>
      <c r="U17" s="98">
        <v>1</v>
      </c>
      <c r="V17" s="98">
        <v>4</v>
      </c>
      <c r="W17" s="99">
        <v>13</v>
      </c>
      <c r="X17" s="101">
        <v>13</v>
      </c>
      <c r="Y17" s="102">
        <v>1</v>
      </c>
      <c r="Z17" s="98">
        <v>1</v>
      </c>
      <c r="AA17" s="99">
        <v>2</v>
      </c>
      <c r="AB17" s="100">
        <v>0</v>
      </c>
      <c r="AC17" s="98">
        <v>207</v>
      </c>
      <c r="AD17" s="98">
        <v>263</v>
      </c>
      <c r="AE17" s="98">
        <v>196</v>
      </c>
      <c r="AF17" s="98">
        <v>113</v>
      </c>
      <c r="AG17" s="98">
        <v>92</v>
      </c>
      <c r="AH17" s="99">
        <v>871</v>
      </c>
      <c r="AI17" s="101">
        <v>873</v>
      </c>
    </row>
    <row r="18" spans="2:35" ht="21" customHeight="1" x14ac:dyDescent="0.2">
      <c r="B18" s="18" t="s">
        <v>17</v>
      </c>
      <c r="C18" s="97">
        <v>1</v>
      </c>
      <c r="D18" s="98">
        <v>3</v>
      </c>
      <c r="E18" s="99">
        <v>4</v>
      </c>
      <c r="F18" s="100">
        <v>0</v>
      </c>
      <c r="G18" s="98">
        <v>317</v>
      </c>
      <c r="H18" s="98">
        <v>404</v>
      </c>
      <c r="I18" s="98">
        <v>263</v>
      </c>
      <c r="J18" s="98">
        <v>205</v>
      </c>
      <c r="K18" s="98">
        <v>132</v>
      </c>
      <c r="L18" s="99">
        <v>1321</v>
      </c>
      <c r="M18" s="101">
        <v>1325</v>
      </c>
      <c r="N18" s="102">
        <v>0</v>
      </c>
      <c r="O18" s="98">
        <v>0</v>
      </c>
      <c r="P18" s="99">
        <v>0</v>
      </c>
      <c r="Q18" s="100">
        <v>0</v>
      </c>
      <c r="R18" s="98">
        <v>1</v>
      </c>
      <c r="S18" s="98">
        <v>17</v>
      </c>
      <c r="T18" s="98">
        <v>9</v>
      </c>
      <c r="U18" s="98">
        <v>12</v>
      </c>
      <c r="V18" s="98">
        <v>5</v>
      </c>
      <c r="W18" s="99">
        <v>44</v>
      </c>
      <c r="X18" s="101">
        <v>44</v>
      </c>
      <c r="Y18" s="102">
        <v>1</v>
      </c>
      <c r="Z18" s="98">
        <v>3</v>
      </c>
      <c r="AA18" s="99">
        <v>4</v>
      </c>
      <c r="AB18" s="100">
        <v>0</v>
      </c>
      <c r="AC18" s="98">
        <v>318</v>
      </c>
      <c r="AD18" s="98">
        <v>421</v>
      </c>
      <c r="AE18" s="98">
        <v>272</v>
      </c>
      <c r="AF18" s="98">
        <v>217</v>
      </c>
      <c r="AG18" s="98">
        <v>137</v>
      </c>
      <c r="AH18" s="99">
        <v>1365</v>
      </c>
      <c r="AI18" s="101">
        <v>1369</v>
      </c>
    </row>
    <row r="19" spans="2:35" ht="21" customHeight="1" x14ac:dyDescent="0.2">
      <c r="B19" s="18" t="s">
        <v>18</v>
      </c>
      <c r="C19" s="97">
        <v>9</v>
      </c>
      <c r="D19" s="98">
        <v>18</v>
      </c>
      <c r="E19" s="99">
        <v>27</v>
      </c>
      <c r="F19" s="100">
        <v>0</v>
      </c>
      <c r="G19" s="98">
        <v>396</v>
      </c>
      <c r="H19" s="98">
        <v>348</v>
      </c>
      <c r="I19" s="98">
        <v>260</v>
      </c>
      <c r="J19" s="98">
        <v>159</v>
      </c>
      <c r="K19" s="98">
        <v>87</v>
      </c>
      <c r="L19" s="99">
        <v>1250</v>
      </c>
      <c r="M19" s="101">
        <v>1277</v>
      </c>
      <c r="N19" s="102">
        <v>0</v>
      </c>
      <c r="O19" s="98">
        <v>0</v>
      </c>
      <c r="P19" s="99">
        <v>0</v>
      </c>
      <c r="Q19" s="100">
        <v>0</v>
      </c>
      <c r="R19" s="98">
        <v>4</v>
      </c>
      <c r="S19" s="98">
        <v>4</v>
      </c>
      <c r="T19" s="98">
        <v>1</v>
      </c>
      <c r="U19" s="98">
        <v>5</v>
      </c>
      <c r="V19" s="98">
        <v>6</v>
      </c>
      <c r="W19" s="99">
        <v>20</v>
      </c>
      <c r="X19" s="101">
        <v>20</v>
      </c>
      <c r="Y19" s="102">
        <v>9</v>
      </c>
      <c r="Z19" s="98">
        <v>18</v>
      </c>
      <c r="AA19" s="99">
        <v>27</v>
      </c>
      <c r="AB19" s="100">
        <v>0</v>
      </c>
      <c r="AC19" s="98">
        <v>400</v>
      </c>
      <c r="AD19" s="98">
        <v>352</v>
      </c>
      <c r="AE19" s="98">
        <v>261</v>
      </c>
      <c r="AF19" s="98">
        <v>164</v>
      </c>
      <c r="AG19" s="98">
        <v>93</v>
      </c>
      <c r="AH19" s="99">
        <v>1270</v>
      </c>
      <c r="AI19" s="101">
        <v>1297</v>
      </c>
    </row>
    <row r="20" spans="2:35" ht="21" customHeight="1" x14ac:dyDescent="0.2">
      <c r="B20" s="18" t="s">
        <v>19</v>
      </c>
      <c r="C20" s="97">
        <v>0</v>
      </c>
      <c r="D20" s="98">
        <v>2</v>
      </c>
      <c r="E20" s="99">
        <v>2</v>
      </c>
      <c r="F20" s="100">
        <v>0</v>
      </c>
      <c r="G20" s="98">
        <v>196</v>
      </c>
      <c r="H20" s="98">
        <v>185</v>
      </c>
      <c r="I20" s="98">
        <v>129</v>
      </c>
      <c r="J20" s="98">
        <v>66</v>
      </c>
      <c r="K20" s="98">
        <v>60</v>
      </c>
      <c r="L20" s="99">
        <v>636</v>
      </c>
      <c r="M20" s="101">
        <v>638</v>
      </c>
      <c r="N20" s="102">
        <v>0</v>
      </c>
      <c r="O20" s="98">
        <v>0</v>
      </c>
      <c r="P20" s="99">
        <v>0</v>
      </c>
      <c r="Q20" s="100">
        <v>0</v>
      </c>
      <c r="R20" s="98">
        <v>1</v>
      </c>
      <c r="S20" s="98">
        <v>1</v>
      </c>
      <c r="T20" s="98">
        <v>4</v>
      </c>
      <c r="U20" s="98">
        <v>2</v>
      </c>
      <c r="V20" s="98">
        <v>0</v>
      </c>
      <c r="W20" s="99">
        <v>8</v>
      </c>
      <c r="X20" s="101">
        <v>8</v>
      </c>
      <c r="Y20" s="102">
        <v>0</v>
      </c>
      <c r="Z20" s="98">
        <v>2</v>
      </c>
      <c r="AA20" s="99">
        <v>2</v>
      </c>
      <c r="AB20" s="100">
        <v>0</v>
      </c>
      <c r="AC20" s="98">
        <v>197</v>
      </c>
      <c r="AD20" s="98">
        <v>186</v>
      </c>
      <c r="AE20" s="98">
        <v>133</v>
      </c>
      <c r="AF20" s="98">
        <v>68</v>
      </c>
      <c r="AG20" s="98">
        <v>60</v>
      </c>
      <c r="AH20" s="99">
        <v>644</v>
      </c>
      <c r="AI20" s="101">
        <v>646</v>
      </c>
    </row>
    <row r="21" spans="2:35" ht="21" customHeight="1" x14ac:dyDescent="0.2">
      <c r="B21" s="18" t="s">
        <v>20</v>
      </c>
      <c r="C21" s="97">
        <v>1</v>
      </c>
      <c r="D21" s="98">
        <v>1</v>
      </c>
      <c r="E21" s="99">
        <v>2</v>
      </c>
      <c r="F21" s="100">
        <v>0</v>
      </c>
      <c r="G21" s="98">
        <v>228</v>
      </c>
      <c r="H21" s="98">
        <v>122</v>
      </c>
      <c r="I21" s="98">
        <v>100</v>
      </c>
      <c r="J21" s="98">
        <v>38</v>
      </c>
      <c r="K21" s="98">
        <v>22</v>
      </c>
      <c r="L21" s="99">
        <v>510</v>
      </c>
      <c r="M21" s="101">
        <v>512</v>
      </c>
      <c r="N21" s="102">
        <v>0</v>
      </c>
      <c r="O21" s="98">
        <v>0</v>
      </c>
      <c r="P21" s="99">
        <v>0</v>
      </c>
      <c r="Q21" s="100">
        <v>0</v>
      </c>
      <c r="R21" s="98">
        <v>6</v>
      </c>
      <c r="S21" s="98">
        <v>4</v>
      </c>
      <c r="T21" s="98">
        <v>1</v>
      </c>
      <c r="U21" s="98">
        <v>1</v>
      </c>
      <c r="V21" s="98">
        <v>0</v>
      </c>
      <c r="W21" s="99">
        <v>12</v>
      </c>
      <c r="X21" s="101">
        <v>12</v>
      </c>
      <c r="Y21" s="102">
        <v>1</v>
      </c>
      <c r="Z21" s="98">
        <v>1</v>
      </c>
      <c r="AA21" s="99">
        <v>2</v>
      </c>
      <c r="AB21" s="100">
        <v>0</v>
      </c>
      <c r="AC21" s="98">
        <v>234</v>
      </c>
      <c r="AD21" s="98">
        <v>126</v>
      </c>
      <c r="AE21" s="98">
        <v>101</v>
      </c>
      <c r="AF21" s="98">
        <v>39</v>
      </c>
      <c r="AG21" s="98">
        <v>22</v>
      </c>
      <c r="AH21" s="99">
        <v>522</v>
      </c>
      <c r="AI21" s="101">
        <v>524</v>
      </c>
    </row>
    <row r="22" spans="2:35" ht="21" customHeight="1" x14ac:dyDescent="0.2">
      <c r="B22" s="18" t="s">
        <v>21</v>
      </c>
      <c r="C22" s="97">
        <v>0</v>
      </c>
      <c r="D22" s="98">
        <v>0</v>
      </c>
      <c r="E22" s="99">
        <v>0</v>
      </c>
      <c r="F22" s="100">
        <v>0</v>
      </c>
      <c r="G22" s="98">
        <v>225</v>
      </c>
      <c r="H22" s="98">
        <v>237</v>
      </c>
      <c r="I22" s="98">
        <v>130</v>
      </c>
      <c r="J22" s="98">
        <v>54</v>
      </c>
      <c r="K22" s="98">
        <v>29</v>
      </c>
      <c r="L22" s="99">
        <v>675</v>
      </c>
      <c r="M22" s="101">
        <v>675</v>
      </c>
      <c r="N22" s="102">
        <v>0</v>
      </c>
      <c r="O22" s="98">
        <v>0</v>
      </c>
      <c r="P22" s="99">
        <v>0</v>
      </c>
      <c r="Q22" s="100">
        <v>0</v>
      </c>
      <c r="R22" s="98">
        <v>2</v>
      </c>
      <c r="S22" s="98">
        <v>5</v>
      </c>
      <c r="T22" s="98">
        <v>4</v>
      </c>
      <c r="U22" s="98">
        <v>2</v>
      </c>
      <c r="V22" s="98">
        <v>3</v>
      </c>
      <c r="W22" s="99">
        <v>16</v>
      </c>
      <c r="X22" s="101">
        <v>16</v>
      </c>
      <c r="Y22" s="102">
        <v>0</v>
      </c>
      <c r="Z22" s="98">
        <v>0</v>
      </c>
      <c r="AA22" s="99">
        <v>0</v>
      </c>
      <c r="AB22" s="100">
        <v>0</v>
      </c>
      <c r="AC22" s="98">
        <v>227</v>
      </c>
      <c r="AD22" s="98">
        <v>242</v>
      </c>
      <c r="AE22" s="98">
        <v>134</v>
      </c>
      <c r="AF22" s="98">
        <v>56</v>
      </c>
      <c r="AG22" s="98">
        <v>32</v>
      </c>
      <c r="AH22" s="99">
        <v>691</v>
      </c>
      <c r="AI22" s="101">
        <v>691</v>
      </c>
    </row>
    <row r="23" spans="2:35" ht="21" customHeight="1" x14ac:dyDescent="0.2">
      <c r="B23" s="18" t="s">
        <v>22</v>
      </c>
      <c r="C23" s="97">
        <v>2</v>
      </c>
      <c r="D23" s="98">
        <v>4</v>
      </c>
      <c r="E23" s="99">
        <v>6</v>
      </c>
      <c r="F23" s="100">
        <v>0</v>
      </c>
      <c r="G23" s="98">
        <v>166</v>
      </c>
      <c r="H23" s="98">
        <v>135</v>
      </c>
      <c r="I23" s="98">
        <v>70</v>
      </c>
      <c r="J23" s="98">
        <v>65</v>
      </c>
      <c r="K23" s="98">
        <v>21</v>
      </c>
      <c r="L23" s="99">
        <v>457</v>
      </c>
      <c r="M23" s="101">
        <v>463</v>
      </c>
      <c r="N23" s="102">
        <v>0</v>
      </c>
      <c r="O23" s="98">
        <v>0</v>
      </c>
      <c r="P23" s="99">
        <v>0</v>
      </c>
      <c r="Q23" s="100">
        <v>0</v>
      </c>
      <c r="R23" s="98">
        <v>3</v>
      </c>
      <c r="S23" s="98">
        <v>0</v>
      </c>
      <c r="T23" s="98">
        <v>2</v>
      </c>
      <c r="U23" s="98">
        <v>1</v>
      </c>
      <c r="V23" s="98">
        <v>0</v>
      </c>
      <c r="W23" s="99">
        <v>6</v>
      </c>
      <c r="X23" s="101">
        <v>6</v>
      </c>
      <c r="Y23" s="102">
        <v>2</v>
      </c>
      <c r="Z23" s="98">
        <v>4</v>
      </c>
      <c r="AA23" s="99">
        <v>6</v>
      </c>
      <c r="AB23" s="100">
        <v>0</v>
      </c>
      <c r="AC23" s="98">
        <v>169</v>
      </c>
      <c r="AD23" s="98">
        <v>135</v>
      </c>
      <c r="AE23" s="98">
        <v>72</v>
      </c>
      <c r="AF23" s="98">
        <v>66</v>
      </c>
      <c r="AG23" s="98">
        <v>21</v>
      </c>
      <c r="AH23" s="99">
        <v>463</v>
      </c>
      <c r="AI23" s="101">
        <v>469</v>
      </c>
    </row>
    <row r="24" spans="2:35" ht="21" customHeight="1" x14ac:dyDescent="0.2">
      <c r="B24" s="18" t="s">
        <v>23</v>
      </c>
      <c r="C24" s="97">
        <v>0</v>
      </c>
      <c r="D24" s="98">
        <v>0</v>
      </c>
      <c r="E24" s="99">
        <v>0</v>
      </c>
      <c r="F24" s="100">
        <v>0</v>
      </c>
      <c r="G24" s="98">
        <v>97</v>
      </c>
      <c r="H24" s="98">
        <v>60</v>
      </c>
      <c r="I24" s="98">
        <v>47</v>
      </c>
      <c r="J24" s="98">
        <v>26</v>
      </c>
      <c r="K24" s="98">
        <v>18</v>
      </c>
      <c r="L24" s="99">
        <v>248</v>
      </c>
      <c r="M24" s="101">
        <v>248</v>
      </c>
      <c r="N24" s="102">
        <v>0</v>
      </c>
      <c r="O24" s="98">
        <v>0</v>
      </c>
      <c r="P24" s="99">
        <v>0</v>
      </c>
      <c r="Q24" s="100">
        <v>0</v>
      </c>
      <c r="R24" s="98">
        <v>0</v>
      </c>
      <c r="S24" s="98">
        <v>1</v>
      </c>
      <c r="T24" s="98">
        <v>1</v>
      </c>
      <c r="U24" s="98">
        <v>0</v>
      </c>
      <c r="V24" s="98">
        <v>0</v>
      </c>
      <c r="W24" s="99">
        <v>2</v>
      </c>
      <c r="X24" s="101">
        <v>2</v>
      </c>
      <c r="Y24" s="102">
        <v>0</v>
      </c>
      <c r="Z24" s="98">
        <v>0</v>
      </c>
      <c r="AA24" s="99">
        <v>0</v>
      </c>
      <c r="AB24" s="100">
        <v>0</v>
      </c>
      <c r="AC24" s="98">
        <v>97</v>
      </c>
      <c r="AD24" s="98">
        <v>61</v>
      </c>
      <c r="AE24" s="98">
        <v>48</v>
      </c>
      <c r="AF24" s="98">
        <v>26</v>
      </c>
      <c r="AG24" s="98">
        <v>18</v>
      </c>
      <c r="AH24" s="99">
        <v>250</v>
      </c>
      <c r="AI24" s="101">
        <v>250</v>
      </c>
    </row>
    <row r="25" spans="2:35" ht="21" customHeight="1" x14ac:dyDescent="0.2">
      <c r="B25" s="18" t="s">
        <v>24</v>
      </c>
      <c r="C25" s="97">
        <v>2</v>
      </c>
      <c r="D25" s="98">
        <v>3</v>
      </c>
      <c r="E25" s="99">
        <v>5</v>
      </c>
      <c r="F25" s="100">
        <v>0</v>
      </c>
      <c r="G25" s="98">
        <v>56</v>
      </c>
      <c r="H25" s="98">
        <v>31</v>
      </c>
      <c r="I25" s="98">
        <v>37</v>
      </c>
      <c r="J25" s="98">
        <v>18</v>
      </c>
      <c r="K25" s="98">
        <v>10</v>
      </c>
      <c r="L25" s="99">
        <v>152</v>
      </c>
      <c r="M25" s="101">
        <v>157</v>
      </c>
      <c r="N25" s="102">
        <v>0</v>
      </c>
      <c r="O25" s="98">
        <v>0</v>
      </c>
      <c r="P25" s="99">
        <v>0</v>
      </c>
      <c r="Q25" s="100">
        <v>0</v>
      </c>
      <c r="R25" s="98">
        <v>0</v>
      </c>
      <c r="S25" s="98">
        <v>1</v>
      </c>
      <c r="T25" s="98">
        <v>0</v>
      </c>
      <c r="U25" s="98">
        <v>0</v>
      </c>
      <c r="V25" s="98">
        <v>0</v>
      </c>
      <c r="W25" s="99">
        <v>1</v>
      </c>
      <c r="X25" s="101">
        <v>1</v>
      </c>
      <c r="Y25" s="102">
        <v>2</v>
      </c>
      <c r="Z25" s="98">
        <v>3</v>
      </c>
      <c r="AA25" s="99">
        <v>5</v>
      </c>
      <c r="AB25" s="100">
        <v>0</v>
      </c>
      <c r="AC25" s="98">
        <v>56</v>
      </c>
      <c r="AD25" s="98">
        <v>32</v>
      </c>
      <c r="AE25" s="98">
        <v>37</v>
      </c>
      <c r="AF25" s="98">
        <v>18</v>
      </c>
      <c r="AG25" s="98">
        <v>10</v>
      </c>
      <c r="AH25" s="99">
        <v>153</v>
      </c>
      <c r="AI25" s="101">
        <v>158</v>
      </c>
    </row>
    <row r="26" spans="2:35" ht="21" customHeight="1" x14ac:dyDescent="0.2">
      <c r="B26" s="18" t="s">
        <v>25</v>
      </c>
      <c r="C26" s="97">
        <v>2</v>
      </c>
      <c r="D26" s="98">
        <v>0</v>
      </c>
      <c r="E26" s="99">
        <v>2</v>
      </c>
      <c r="F26" s="100">
        <v>0</v>
      </c>
      <c r="G26" s="98">
        <v>84</v>
      </c>
      <c r="H26" s="98">
        <v>52</v>
      </c>
      <c r="I26" s="98">
        <v>26</v>
      </c>
      <c r="J26" s="98">
        <v>10</v>
      </c>
      <c r="K26" s="98">
        <v>2</v>
      </c>
      <c r="L26" s="99">
        <v>174</v>
      </c>
      <c r="M26" s="101">
        <v>176</v>
      </c>
      <c r="N26" s="102">
        <v>0</v>
      </c>
      <c r="O26" s="98">
        <v>0</v>
      </c>
      <c r="P26" s="99">
        <v>0</v>
      </c>
      <c r="Q26" s="100">
        <v>0</v>
      </c>
      <c r="R26" s="98">
        <v>1</v>
      </c>
      <c r="S26" s="98">
        <v>1</v>
      </c>
      <c r="T26" s="98">
        <v>1</v>
      </c>
      <c r="U26" s="98">
        <v>0</v>
      </c>
      <c r="V26" s="98">
        <v>0</v>
      </c>
      <c r="W26" s="99">
        <v>3</v>
      </c>
      <c r="X26" s="101">
        <v>3</v>
      </c>
      <c r="Y26" s="102">
        <v>2</v>
      </c>
      <c r="Z26" s="98">
        <v>0</v>
      </c>
      <c r="AA26" s="99">
        <v>2</v>
      </c>
      <c r="AB26" s="100">
        <v>0</v>
      </c>
      <c r="AC26" s="98">
        <v>85</v>
      </c>
      <c r="AD26" s="98">
        <v>53</v>
      </c>
      <c r="AE26" s="98">
        <v>27</v>
      </c>
      <c r="AF26" s="98">
        <v>10</v>
      </c>
      <c r="AG26" s="98">
        <v>2</v>
      </c>
      <c r="AH26" s="99">
        <v>177</v>
      </c>
      <c r="AI26" s="101">
        <v>179</v>
      </c>
    </row>
    <row r="27" spans="2:35" ht="21" customHeight="1" x14ac:dyDescent="0.2">
      <c r="B27" s="18" t="s">
        <v>26</v>
      </c>
      <c r="C27" s="97">
        <v>1</v>
      </c>
      <c r="D27" s="98">
        <v>0</v>
      </c>
      <c r="E27" s="99">
        <v>1</v>
      </c>
      <c r="F27" s="100">
        <v>0</v>
      </c>
      <c r="G27" s="98">
        <v>63</v>
      </c>
      <c r="H27" s="98">
        <v>64</v>
      </c>
      <c r="I27" s="98">
        <v>50</v>
      </c>
      <c r="J27" s="98">
        <v>18</v>
      </c>
      <c r="K27" s="98">
        <v>9</v>
      </c>
      <c r="L27" s="99">
        <v>204</v>
      </c>
      <c r="M27" s="101">
        <v>205</v>
      </c>
      <c r="N27" s="102">
        <v>0</v>
      </c>
      <c r="O27" s="98">
        <v>0</v>
      </c>
      <c r="P27" s="99">
        <v>0</v>
      </c>
      <c r="Q27" s="100">
        <v>0</v>
      </c>
      <c r="R27" s="98">
        <v>0</v>
      </c>
      <c r="S27" s="98">
        <v>0</v>
      </c>
      <c r="T27" s="98">
        <v>0</v>
      </c>
      <c r="U27" s="98">
        <v>0</v>
      </c>
      <c r="V27" s="98">
        <v>1</v>
      </c>
      <c r="W27" s="99">
        <v>1</v>
      </c>
      <c r="X27" s="101">
        <v>1</v>
      </c>
      <c r="Y27" s="102">
        <v>1</v>
      </c>
      <c r="Z27" s="98">
        <v>0</v>
      </c>
      <c r="AA27" s="99">
        <v>1</v>
      </c>
      <c r="AB27" s="100">
        <v>0</v>
      </c>
      <c r="AC27" s="98">
        <v>63</v>
      </c>
      <c r="AD27" s="98">
        <v>64</v>
      </c>
      <c r="AE27" s="98">
        <v>50</v>
      </c>
      <c r="AF27" s="98">
        <v>18</v>
      </c>
      <c r="AG27" s="98">
        <v>10</v>
      </c>
      <c r="AH27" s="99">
        <v>205</v>
      </c>
      <c r="AI27" s="101">
        <v>206</v>
      </c>
    </row>
    <row r="28" spans="2:35" ht="21" customHeight="1" x14ac:dyDescent="0.2">
      <c r="B28" s="18" t="s">
        <v>27</v>
      </c>
      <c r="C28" s="97">
        <v>0</v>
      </c>
      <c r="D28" s="98">
        <v>0</v>
      </c>
      <c r="E28" s="99">
        <v>0</v>
      </c>
      <c r="F28" s="100">
        <v>0</v>
      </c>
      <c r="G28" s="98">
        <v>47</v>
      </c>
      <c r="H28" s="98">
        <v>21</v>
      </c>
      <c r="I28" s="98">
        <v>26</v>
      </c>
      <c r="J28" s="98">
        <v>22</v>
      </c>
      <c r="K28" s="98">
        <v>11</v>
      </c>
      <c r="L28" s="99">
        <v>127</v>
      </c>
      <c r="M28" s="101">
        <v>127</v>
      </c>
      <c r="N28" s="102">
        <v>0</v>
      </c>
      <c r="O28" s="98">
        <v>0</v>
      </c>
      <c r="P28" s="99">
        <v>0</v>
      </c>
      <c r="Q28" s="100">
        <v>0</v>
      </c>
      <c r="R28" s="98">
        <v>1</v>
      </c>
      <c r="S28" s="98">
        <v>0</v>
      </c>
      <c r="T28" s="98">
        <v>1</v>
      </c>
      <c r="U28" s="98">
        <v>0</v>
      </c>
      <c r="V28" s="98">
        <v>0</v>
      </c>
      <c r="W28" s="99">
        <v>2</v>
      </c>
      <c r="X28" s="101">
        <v>2</v>
      </c>
      <c r="Y28" s="102">
        <v>0</v>
      </c>
      <c r="Z28" s="98">
        <v>0</v>
      </c>
      <c r="AA28" s="99">
        <v>0</v>
      </c>
      <c r="AB28" s="100">
        <v>0</v>
      </c>
      <c r="AC28" s="98">
        <v>48</v>
      </c>
      <c r="AD28" s="98">
        <v>21</v>
      </c>
      <c r="AE28" s="98">
        <v>27</v>
      </c>
      <c r="AF28" s="98">
        <v>22</v>
      </c>
      <c r="AG28" s="98">
        <v>11</v>
      </c>
      <c r="AH28" s="99">
        <v>129</v>
      </c>
      <c r="AI28" s="101">
        <v>129</v>
      </c>
    </row>
    <row r="29" spans="2:35" ht="21" customHeight="1" x14ac:dyDescent="0.2">
      <c r="B29" s="18" t="s">
        <v>28</v>
      </c>
      <c r="C29" s="97">
        <v>0</v>
      </c>
      <c r="D29" s="98">
        <v>0</v>
      </c>
      <c r="E29" s="99">
        <v>0</v>
      </c>
      <c r="F29" s="100">
        <v>0</v>
      </c>
      <c r="G29" s="98">
        <v>24</v>
      </c>
      <c r="H29" s="98">
        <v>20</v>
      </c>
      <c r="I29" s="98">
        <v>8</v>
      </c>
      <c r="J29" s="98">
        <v>4</v>
      </c>
      <c r="K29" s="98">
        <v>4</v>
      </c>
      <c r="L29" s="99">
        <v>60</v>
      </c>
      <c r="M29" s="101">
        <v>60</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4</v>
      </c>
      <c r="AD29" s="98">
        <v>20</v>
      </c>
      <c r="AE29" s="98">
        <v>8</v>
      </c>
      <c r="AF29" s="98">
        <v>4</v>
      </c>
      <c r="AG29" s="98">
        <v>5</v>
      </c>
      <c r="AH29" s="99">
        <v>61</v>
      </c>
      <c r="AI29" s="101">
        <v>61</v>
      </c>
    </row>
    <row r="30" spans="2:35" ht="21" customHeight="1" x14ac:dyDescent="0.2">
      <c r="B30" s="18" t="s">
        <v>29</v>
      </c>
      <c r="C30" s="97">
        <v>0</v>
      </c>
      <c r="D30" s="98">
        <v>4</v>
      </c>
      <c r="E30" s="99">
        <v>4</v>
      </c>
      <c r="F30" s="100">
        <v>0</v>
      </c>
      <c r="G30" s="98">
        <v>33</v>
      </c>
      <c r="H30" s="98">
        <v>26</v>
      </c>
      <c r="I30" s="98">
        <v>25</v>
      </c>
      <c r="J30" s="98">
        <v>18</v>
      </c>
      <c r="K30" s="98">
        <v>10</v>
      </c>
      <c r="L30" s="99">
        <v>112</v>
      </c>
      <c r="M30" s="101">
        <v>116</v>
      </c>
      <c r="N30" s="102">
        <v>0</v>
      </c>
      <c r="O30" s="98">
        <v>0</v>
      </c>
      <c r="P30" s="99">
        <v>0</v>
      </c>
      <c r="Q30" s="100">
        <v>0</v>
      </c>
      <c r="R30" s="98">
        <v>0</v>
      </c>
      <c r="S30" s="98">
        <v>0</v>
      </c>
      <c r="T30" s="98">
        <v>0</v>
      </c>
      <c r="U30" s="98">
        <v>0</v>
      </c>
      <c r="V30" s="98">
        <v>0</v>
      </c>
      <c r="W30" s="99">
        <v>0</v>
      </c>
      <c r="X30" s="101">
        <v>0</v>
      </c>
      <c r="Y30" s="102">
        <v>0</v>
      </c>
      <c r="Z30" s="98">
        <v>4</v>
      </c>
      <c r="AA30" s="99">
        <v>4</v>
      </c>
      <c r="AB30" s="100">
        <v>0</v>
      </c>
      <c r="AC30" s="98">
        <v>33</v>
      </c>
      <c r="AD30" s="98">
        <v>26</v>
      </c>
      <c r="AE30" s="98">
        <v>25</v>
      </c>
      <c r="AF30" s="98">
        <v>18</v>
      </c>
      <c r="AG30" s="98">
        <v>10</v>
      </c>
      <c r="AH30" s="99">
        <v>112</v>
      </c>
      <c r="AI30" s="101">
        <v>116</v>
      </c>
    </row>
    <row r="31" spans="2:35" ht="21" customHeight="1" x14ac:dyDescent="0.2">
      <c r="B31" s="18" t="s">
        <v>30</v>
      </c>
      <c r="C31" s="97">
        <v>1</v>
      </c>
      <c r="D31" s="98">
        <v>0</v>
      </c>
      <c r="E31" s="99">
        <v>1</v>
      </c>
      <c r="F31" s="100">
        <v>0</v>
      </c>
      <c r="G31" s="98">
        <v>31</v>
      </c>
      <c r="H31" s="98">
        <v>15</v>
      </c>
      <c r="I31" s="98">
        <v>16</v>
      </c>
      <c r="J31" s="98">
        <v>9</v>
      </c>
      <c r="K31" s="98">
        <v>2</v>
      </c>
      <c r="L31" s="99">
        <v>73</v>
      </c>
      <c r="M31" s="101">
        <v>74</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2</v>
      </c>
      <c r="AD31" s="98">
        <v>15</v>
      </c>
      <c r="AE31" s="98">
        <v>16</v>
      </c>
      <c r="AF31" s="98">
        <v>9</v>
      </c>
      <c r="AG31" s="98">
        <v>2</v>
      </c>
      <c r="AH31" s="99">
        <v>74</v>
      </c>
      <c r="AI31" s="101">
        <v>75</v>
      </c>
    </row>
    <row r="32" spans="2:35" ht="21" customHeight="1" x14ac:dyDescent="0.2">
      <c r="B32" s="18" t="s">
        <v>31</v>
      </c>
      <c r="C32" s="97">
        <v>0</v>
      </c>
      <c r="D32" s="98">
        <v>2</v>
      </c>
      <c r="E32" s="99">
        <v>2</v>
      </c>
      <c r="F32" s="100">
        <v>0</v>
      </c>
      <c r="G32" s="98">
        <v>53</v>
      </c>
      <c r="H32" s="98">
        <v>32</v>
      </c>
      <c r="I32" s="98">
        <v>25</v>
      </c>
      <c r="J32" s="98">
        <v>17</v>
      </c>
      <c r="K32" s="98">
        <v>7</v>
      </c>
      <c r="L32" s="99">
        <v>134</v>
      </c>
      <c r="M32" s="101">
        <v>136</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3</v>
      </c>
      <c r="AD32" s="98">
        <v>32</v>
      </c>
      <c r="AE32" s="98">
        <v>25</v>
      </c>
      <c r="AF32" s="98">
        <v>17</v>
      </c>
      <c r="AG32" s="98">
        <v>7</v>
      </c>
      <c r="AH32" s="99">
        <v>134</v>
      </c>
      <c r="AI32" s="101">
        <v>136</v>
      </c>
    </row>
    <row r="33" spans="2:35" ht="21" customHeight="1" x14ac:dyDescent="0.2">
      <c r="B33" s="18" t="s">
        <v>32</v>
      </c>
      <c r="C33" s="97">
        <v>1</v>
      </c>
      <c r="D33" s="98">
        <v>4</v>
      </c>
      <c r="E33" s="99">
        <v>5</v>
      </c>
      <c r="F33" s="100">
        <v>0</v>
      </c>
      <c r="G33" s="98">
        <v>45</v>
      </c>
      <c r="H33" s="98">
        <v>40</v>
      </c>
      <c r="I33" s="98">
        <v>37</v>
      </c>
      <c r="J33" s="98">
        <v>24</v>
      </c>
      <c r="K33" s="98">
        <v>10</v>
      </c>
      <c r="L33" s="99">
        <v>156</v>
      </c>
      <c r="M33" s="101">
        <v>161</v>
      </c>
      <c r="N33" s="102">
        <v>0</v>
      </c>
      <c r="O33" s="98">
        <v>0</v>
      </c>
      <c r="P33" s="99">
        <v>0</v>
      </c>
      <c r="Q33" s="100">
        <v>0</v>
      </c>
      <c r="R33" s="98">
        <v>1</v>
      </c>
      <c r="S33" s="98">
        <v>1</v>
      </c>
      <c r="T33" s="98">
        <v>0</v>
      </c>
      <c r="U33" s="98">
        <v>1</v>
      </c>
      <c r="V33" s="98">
        <v>1</v>
      </c>
      <c r="W33" s="99">
        <v>4</v>
      </c>
      <c r="X33" s="101">
        <v>4</v>
      </c>
      <c r="Y33" s="102">
        <v>1</v>
      </c>
      <c r="Z33" s="98">
        <v>4</v>
      </c>
      <c r="AA33" s="99">
        <v>5</v>
      </c>
      <c r="AB33" s="100">
        <v>0</v>
      </c>
      <c r="AC33" s="98">
        <v>46</v>
      </c>
      <c r="AD33" s="98">
        <v>41</v>
      </c>
      <c r="AE33" s="98">
        <v>37</v>
      </c>
      <c r="AF33" s="98">
        <v>25</v>
      </c>
      <c r="AG33" s="98">
        <v>11</v>
      </c>
      <c r="AH33" s="99">
        <v>160</v>
      </c>
      <c r="AI33" s="101">
        <v>165</v>
      </c>
    </row>
    <row r="34" spans="2:35" ht="21" customHeight="1" x14ac:dyDescent="0.2">
      <c r="B34" s="18" t="s">
        <v>33</v>
      </c>
      <c r="C34" s="97">
        <v>0</v>
      </c>
      <c r="D34" s="98">
        <v>2</v>
      </c>
      <c r="E34" s="99">
        <v>2</v>
      </c>
      <c r="F34" s="100">
        <v>0</v>
      </c>
      <c r="G34" s="98">
        <v>33</v>
      </c>
      <c r="H34" s="98">
        <v>19</v>
      </c>
      <c r="I34" s="98">
        <v>21</v>
      </c>
      <c r="J34" s="98">
        <v>2</v>
      </c>
      <c r="K34" s="98">
        <v>8</v>
      </c>
      <c r="L34" s="99">
        <v>83</v>
      </c>
      <c r="M34" s="101">
        <v>85</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3</v>
      </c>
      <c r="AD34" s="98">
        <v>19</v>
      </c>
      <c r="AE34" s="98">
        <v>21</v>
      </c>
      <c r="AF34" s="98">
        <v>2</v>
      </c>
      <c r="AG34" s="98">
        <v>8</v>
      </c>
      <c r="AH34" s="99">
        <v>83</v>
      </c>
      <c r="AI34" s="101">
        <v>85</v>
      </c>
    </row>
    <row r="35" spans="2:35" ht="21" customHeight="1" x14ac:dyDescent="0.2">
      <c r="B35" s="18" t="s">
        <v>34</v>
      </c>
      <c r="C35" s="97">
        <v>2</v>
      </c>
      <c r="D35" s="98">
        <v>4</v>
      </c>
      <c r="E35" s="99">
        <v>6</v>
      </c>
      <c r="F35" s="100">
        <v>0</v>
      </c>
      <c r="G35" s="98">
        <v>30</v>
      </c>
      <c r="H35" s="98">
        <v>23</v>
      </c>
      <c r="I35" s="98">
        <v>11</v>
      </c>
      <c r="J35" s="98">
        <v>8</v>
      </c>
      <c r="K35" s="98">
        <v>8</v>
      </c>
      <c r="L35" s="99">
        <v>80</v>
      </c>
      <c r="M35" s="101">
        <v>86</v>
      </c>
      <c r="N35" s="102">
        <v>0</v>
      </c>
      <c r="O35" s="98">
        <v>0</v>
      </c>
      <c r="P35" s="99">
        <v>0</v>
      </c>
      <c r="Q35" s="100">
        <v>0</v>
      </c>
      <c r="R35" s="98">
        <v>0</v>
      </c>
      <c r="S35" s="98">
        <v>0</v>
      </c>
      <c r="T35" s="98">
        <v>0</v>
      </c>
      <c r="U35" s="98">
        <v>1</v>
      </c>
      <c r="V35" s="98">
        <v>0</v>
      </c>
      <c r="W35" s="99">
        <v>1</v>
      </c>
      <c r="X35" s="101">
        <v>1</v>
      </c>
      <c r="Y35" s="102">
        <v>2</v>
      </c>
      <c r="Z35" s="98">
        <v>4</v>
      </c>
      <c r="AA35" s="99">
        <v>6</v>
      </c>
      <c r="AB35" s="100">
        <v>0</v>
      </c>
      <c r="AC35" s="98">
        <v>30</v>
      </c>
      <c r="AD35" s="98">
        <v>23</v>
      </c>
      <c r="AE35" s="98">
        <v>11</v>
      </c>
      <c r="AF35" s="98">
        <v>9</v>
      </c>
      <c r="AG35" s="98">
        <v>8</v>
      </c>
      <c r="AH35" s="99">
        <v>81</v>
      </c>
      <c r="AI35" s="101">
        <v>87</v>
      </c>
    </row>
    <row r="36" spans="2:35" ht="21" customHeight="1" x14ac:dyDescent="0.2">
      <c r="B36" s="18" t="s">
        <v>35</v>
      </c>
      <c r="C36" s="97">
        <v>3</v>
      </c>
      <c r="D36" s="98">
        <v>2</v>
      </c>
      <c r="E36" s="99">
        <v>5</v>
      </c>
      <c r="F36" s="100">
        <v>0</v>
      </c>
      <c r="G36" s="98">
        <v>44</v>
      </c>
      <c r="H36" s="98">
        <v>40</v>
      </c>
      <c r="I36" s="98">
        <v>31</v>
      </c>
      <c r="J36" s="98">
        <v>28</v>
      </c>
      <c r="K36" s="98">
        <v>11</v>
      </c>
      <c r="L36" s="99">
        <v>154</v>
      </c>
      <c r="M36" s="101">
        <v>159</v>
      </c>
      <c r="N36" s="102">
        <v>0</v>
      </c>
      <c r="O36" s="98">
        <v>0</v>
      </c>
      <c r="P36" s="99">
        <v>0</v>
      </c>
      <c r="Q36" s="100">
        <v>0</v>
      </c>
      <c r="R36" s="98">
        <v>0</v>
      </c>
      <c r="S36" s="98">
        <v>1</v>
      </c>
      <c r="T36" s="98">
        <v>0</v>
      </c>
      <c r="U36" s="98">
        <v>0</v>
      </c>
      <c r="V36" s="98">
        <v>0</v>
      </c>
      <c r="W36" s="99">
        <v>1</v>
      </c>
      <c r="X36" s="101">
        <v>1</v>
      </c>
      <c r="Y36" s="102">
        <v>3</v>
      </c>
      <c r="Z36" s="98">
        <v>2</v>
      </c>
      <c r="AA36" s="99">
        <v>5</v>
      </c>
      <c r="AB36" s="100">
        <v>0</v>
      </c>
      <c r="AC36" s="98">
        <v>44</v>
      </c>
      <c r="AD36" s="98">
        <v>41</v>
      </c>
      <c r="AE36" s="98">
        <v>31</v>
      </c>
      <c r="AF36" s="98">
        <v>28</v>
      </c>
      <c r="AG36" s="98">
        <v>11</v>
      </c>
      <c r="AH36" s="99">
        <v>155</v>
      </c>
      <c r="AI36" s="101">
        <v>160</v>
      </c>
    </row>
    <row r="37" spans="2:35" ht="21" customHeight="1" x14ac:dyDescent="0.2">
      <c r="B37" s="18" t="s">
        <v>36</v>
      </c>
      <c r="C37" s="97">
        <v>3</v>
      </c>
      <c r="D37" s="98">
        <v>2</v>
      </c>
      <c r="E37" s="99">
        <v>5</v>
      </c>
      <c r="F37" s="100">
        <v>0</v>
      </c>
      <c r="G37" s="98">
        <v>87</v>
      </c>
      <c r="H37" s="98">
        <v>62</v>
      </c>
      <c r="I37" s="98">
        <v>47</v>
      </c>
      <c r="J37" s="98">
        <v>31</v>
      </c>
      <c r="K37" s="98">
        <v>18</v>
      </c>
      <c r="L37" s="99">
        <v>245</v>
      </c>
      <c r="M37" s="101">
        <v>250</v>
      </c>
      <c r="N37" s="102">
        <v>0</v>
      </c>
      <c r="O37" s="98">
        <v>0</v>
      </c>
      <c r="P37" s="99">
        <v>0</v>
      </c>
      <c r="Q37" s="100">
        <v>0</v>
      </c>
      <c r="R37" s="98">
        <v>1</v>
      </c>
      <c r="S37" s="98">
        <v>1</v>
      </c>
      <c r="T37" s="98">
        <v>2</v>
      </c>
      <c r="U37" s="98">
        <v>0</v>
      </c>
      <c r="V37" s="98">
        <v>1</v>
      </c>
      <c r="W37" s="99">
        <v>5</v>
      </c>
      <c r="X37" s="101">
        <v>5</v>
      </c>
      <c r="Y37" s="102">
        <v>3</v>
      </c>
      <c r="Z37" s="98">
        <v>2</v>
      </c>
      <c r="AA37" s="99">
        <v>5</v>
      </c>
      <c r="AB37" s="100">
        <v>0</v>
      </c>
      <c r="AC37" s="98">
        <v>88</v>
      </c>
      <c r="AD37" s="98">
        <v>63</v>
      </c>
      <c r="AE37" s="98">
        <v>49</v>
      </c>
      <c r="AF37" s="98">
        <v>31</v>
      </c>
      <c r="AG37" s="98">
        <v>19</v>
      </c>
      <c r="AH37" s="99">
        <v>250</v>
      </c>
      <c r="AI37" s="101">
        <v>255</v>
      </c>
    </row>
    <row r="38" spans="2:35" ht="21" customHeight="1" thickBot="1" x14ac:dyDescent="0.25">
      <c r="B38" s="19" t="s">
        <v>37</v>
      </c>
      <c r="C38" s="103">
        <v>0</v>
      </c>
      <c r="D38" s="104">
        <v>0</v>
      </c>
      <c r="E38" s="105">
        <v>0</v>
      </c>
      <c r="F38" s="106">
        <v>0</v>
      </c>
      <c r="G38" s="104">
        <v>13</v>
      </c>
      <c r="H38" s="104">
        <v>8</v>
      </c>
      <c r="I38" s="104">
        <v>13</v>
      </c>
      <c r="J38" s="104">
        <v>3</v>
      </c>
      <c r="K38" s="104">
        <v>3</v>
      </c>
      <c r="L38" s="105">
        <v>40</v>
      </c>
      <c r="M38" s="107">
        <v>40</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3</v>
      </c>
      <c r="AD38" s="104">
        <v>8</v>
      </c>
      <c r="AE38" s="104">
        <v>13</v>
      </c>
      <c r="AF38" s="104">
        <v>3</v>
      </c>
      <c r="AG38" s="104">
        <v>3</v>
      </c>
      <c r="AH38" s="105">
        <v>40</v>
      </c>
      <c r="AI38" s="107">
        <v>40</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5</v>
      </c>
      <c r="J1" s="524"/>
      <c r="K1" s="248">
        <f>第１表!G2</f>
        <v>5</v>
      </c>
      <c r="L1" s="529">
        <f>IF(K1&lt;3,K1+12-2,K1-2)</f>
        <v>3</v>
      </c>
      <c r="M1" s="529"/>
    </row>
    <row r="2" spans="1:101" s="291" customFormat="1" ht="24" customHeight="1" thickBot="1" x14ac:dyDescent="0.25">
      <c r="A2" s="44"/>
      <c r="B2" s="290" t="s">
        <v>133</v>
      </c>
    </row>
    <row r="3" spans="1:101" ht="21" customHeight="1" thickBot="1" x14ac:dyDescent="0.25">
      <c r="B3" s="537"/>
      <c r="C3" s="540" t="s">
        <v>114</v>
      </c>
      <c r="D3" s="541"/>
      <c r="E3" s="541"/>
      <c r="F3" s="541"/>
      <c r="G3" s="541"/>
      <c r="H3" s="541"/>
      <c r="I3" s="541"/>
      <c r="J3" s="541"/>
      <c r="K3" s="541"/>
      <c r="L3" s="541"/>
      <c r="M3" s="542"/>
      <c r="N3" s="540" t="s">
        <v>115</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263" t="s">
        <v>43</v>
      </c>
      <c r="D5" s="265" t="s">
        <v>44</v>
      </c>
      <c r="E5" s="266" t="s">
        <v>45</v>
      </c>
      <c r="F5" s="267" t="s">
        <v>83</v>
      </c>
      <c r="G5" s="259" t="s">
        <v>47</v>
      </c>
      <c r="H5" s="259" t="s">
        <v>48</v>
      </c>
      <c r="I5" s="259" t="s">
        <v>49</v>
      </c>
      <c r="J5" s="259" t="s">
        <v>50</v>
      </c>
      <c r="K5" s="259" t="s">
        <v>51</v>
      </c>
      <c r="L5" s="268" t="s">
        <v>45</v>
      </c>
      <c r="M5" s="531"/>
      <c r="N5" s="263" t="s">
        <v>43</v>
      </c>
      <c r="O5" s="259" t="s">
        <v>44</v>
      </c>
      <c r="P5" s="265" t="s">
        <v>45</v>
      </c>
      <c r="Q5" s="267" t="s">
        <v>83</v>
      </c>
      <c r="R5" s="259" t="s">
        <v>47</v>
      </c>
      <c r="S5" s="259" t="s">
        <v>48</v>
      </c>
      <c r="T5" s="259" t="s">
        <v>49</v>
      </c>
      <c r="U5" s="259" t="s">
        <v>50</v>
      </c>
      <c r="V5" s="259" t="s">
        <v>51</v>
      </c>
      <c r="W5" s="265" t="s">
        <v>45</v>
      </c>
      <c r="X5" s="531"/>
      <c r="Y5" s="263" t="s">
        <v>43</v>
      </c>
      <c r="Z5" s="259" t="s">
        <v>44</v>
      </c>
      <c r="AA5" s="265" t="s">
        <v>45</v>
      </c>
      <c r="AB5" s="267" t="s">
        <v>83</v>
      </c>
      <c r="AC5" s="259" t="s">
        <v>47</v>
      </c>
      <c r="AD5" s="259" t="s">
        <v>48</v>
      </c>
      <c r="AE5" s="259" t="s">
        <v>49</v>
      </c>
      <c r="AF5" s="259" t="s">
        <v>50</v>
      </c>
      <c r="AG5" s="259" t="s">
        <v>51</v>
      </c>
      <c r="AH5" s="265" t="s">
        <v>45</v>
      </c>
      <c r="AI5" s="531"/>
      <c r="AJ5" s="338" t="s">
        <v>43</v>
      </c>
      <c r="AK5" s="259" t="s">
        <v>44</v>
      </c>
      <c r="AL5" s="265" t="s">
        <v>45</v>
      </c>
      <c r="AM5" s="267" t="s">
        <v>83</v>
      </c>
      <c r="AN5" s="259" t="s">
        <v>47</v>
      </c>
      <c r="AO5" s="259" t="s">
        <v>48</v>
      </c>
      <c r="AP5" s="259" t="s">
        <v>49</v>
      </c>
      <c r="AQ5" s="259" t="s">
        <v>50</v>
      </c>
      <c r="AR5" s="259" t="s">
        <v>51</v>
      </c>
      <c r="AS5" s="265" t="s">
        <v>45</v>
      </c>
      <c r="AT5" s="531"/>
      <c r="AU5" s="338" t="s">
        <v>43</v>
      </c>
      <c r="AV5" s="259" t="s">
        <v>44</v>
      </c>
      <c r="AW5" s="265" t="s">
        <v>45</v>
      </c>
      <c r="AX5" s="267" t="s">
        <v>83</v>
      </c>
      <c r="AY5" s="259" t="s">
        <v>47</v>
      </c>
      <c r="AZ5" s="259" t="s">
        <v>48</v>
      </c>
      <c r="BA5" s="259" t="s">
        <v>49</v>
      </c>
      <c r="BB5" s="259" t="s">
        <v>50</v>
      </c>
      <c r="BC5" s="259" t="s">
        <v>51</v>
      </c>
      <c r="BD5" s="265" t="s">
        <v>45</v>
      </c>
      <c r="BE5" s="564"/>
      <c r="BF5" s="338" t="s">
        <v>43</v>
      </c>
      <c r="BG5" s="259" t="s">
        <v>44</v>
      </c>
      <c r="BH5" s="265" t="s">
        <v>45</v>
      </c>
      <c r="BI5" s="267" t="s">
        <v>83</v>
      </c>
      <c r="BJ5" s="259" t="s">
        <v>47</v>
      </c>
      <c r="BK5" s="259" t="s">
        <v>48</v>
      </c>
      <c r="BL5" s="259" t="s">
        <v>49</v>
      </c>
      <c r="BM5" s="259" t="s">
        <v>50</v>
      </c>
      <c r="BN5" s="259" t="s">
        <v>51</v>
      </c>
      <c r="BO5" s="265" t="s">
        <v>45</v>
      </c>
      <c r="BP5" s="564"/>
      <c r="BQ5" s="338" t="s">
        <v>43</v>
      </c>
      <c r="BR5" s="259" t="s">
        <v>44</v>
      </c>
      <c r="BS5" s="265" t="s">
        <v>45</v>
      </c>
      <c r="BT5" s="267" t="s">
        <v>83</v>
      </c>
      <c r="BU5" s="259" t="s">
        <v>47</v>
      </c>
      <c r="BV5" s="259" t="s">
        <v>48</v>
      </c>
      <c r="BW5" s="259" t="s">
        <v>49</v>
      </c>
      <c r="BX5" s="259" t="s">
        <v>50</v>
      </c>
      <c r="BY5" s="259" t="s">
        <v>51</v>
      </c>
      <c r="BZ5" s="265" t="s">
        <v>45</v>
      </c>
      <c r="CA5" s="564"/>
      <c r="CB5" s="338" t="s">
        <v>43</v>
      </c>
      <c r="CC5" s="259" t="s">
        <v>44</v>
      </c>
      <c r="CD5" s="265" t="s">
        <v>45</v>
      </c>
      <c r="CE5" s="267" t="s">
        <v>83</v>
      </c>
      <c r="CF5" s="259" t="s">
        <v>47</v>
      </c>
      <c r="CG5" s="259" t="s">
        <v>48</v>
      </c>
      <c r="CH5" s="259" t="s">
        <v>49</v>
      </c>
      <c r="CI5" s="259" t="s">
        <v>50</v>
      </c>
      <c r="CJ5" s="259" t="s">
        <v>51</v>
      </c>
      <c r="CK5" s="265" t="s">
        <v>45</v>
      </c>
      <c r="CL5" s="564"/>
      <c r="CM5" s="338"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321</v>
      </c>
      <c r="H6" s="273">
        <v>378</v>
      </c>
      <c r="I6" s="273">
        <v>373</v>
      </c>
      <c r="J6" s="273">
        <v>383</v>
      </c>
      <c r="K6" s="273">
        <v>375</v>
      </c>
      <c r="L6" s="274">
        <v>1830</v>
      </c>
      <c r="M6" s="275">
        <v>1830</v>
      </c>
      <c r="N6" s="269">
        <v>0</v>
      </c>
      <c r="O6" s="273">
        <v>0</v>
      </c>
      <c r="P6" s="270">
        <v>0</v>
      </c>
      <c r="Q6" s="272">
        <v>0</v>
      </c>
      <c r="R6" s="273">
        <v>188</v>
      </c>
      <c r="S6" s="273">
        <v>540</v>
      </c>
      <c r="T6" s="273">
        <v>482</v>
      </c>
      <c r="U6" s="273">
        <v>458</v>
      </c>
      <c r="V6" s="273">
        <v>420</v>
      </c>
      <c r="W6" s="270">
        <v>2088</v>
      </c>
      <c r="X6" s="275">
        <v>2088</v>
      </c>
      <c r="Y6" s="269">
        <v>0</v>
      </c>
      <c r="Z6" s="273">
        <v>0</v>
      </c>
      <c r="AA6" s="270">
        <v>0</v>
      </c>
      <c r="AB6" s="272">
        <v>0</v>
      </c>
      <c r="AC6" s="273">
        <v>13479</v>
      </c>
      <c r="AD6" s="273">
        <v>12310</v>
      </c>
      <c r="AE6" s="273">
        <v>5922</v>
      </c>
      <c r="AF6" s="273">
        <v>2962</v>
      </c>
      <c r="AG6" s="273">
        <v>1320</v>
      </c>
      <c r="AH6" s="270">
        <v>35993</v>
      </c>
      <c r="AI6" s="275">
        <v>35993</v>
      </c>
      <c r="AJ6" s="269">
        <v>8</v>
      </c>
      <c r="AK6" s="273">
        <v>7</v>
      </c>
      <c r="AL6" s="270">
        <v>15</v>
      </c>
      <c r="AM6" s="272">
        <v>0</v>
      </c>
      <c r="AN6" s="273">
        <v>808</v>
      </c>
      <c r="AO6" s="273">
        <v>962</v>
      </c>
      <c r="AP6" s="273">
        <v>1057</v>
      </c>
      <c r="AQ6" s="273">
        <v>603</v>
      </c>
      <c r="AR6" s="273">
        <v>454</v>
      </c>
      <c r="AS6" s="270">
        <v>3884</v>
      </c>
      <c r="AT6" s="275">
        <v>3899</v>
      </c>
      <c r="AU6" s="269">
        <v>176</v>
      </c>
      <c r="AV6" s="273">
        <v>262</v>
      </c>
      <c r="AW6" s="270">
        <v>438</v>
      </c>
      <c r="AX6" s="272">
        <v>0</v>
      </c>
      <c r="AY6" s="273">
        <v>1369</v>
      </c>
      <c r="AZ6" s="273">
        <v>1525</v>
      </c>
      <c r="BA6" s="273">
        <v>1369</v>
      </c>
      <c r="BB6" s="273">
        <v>960</v>
      </c>
      <c r="BC6" s="273">
        <v>521</v>
      </c>
      <c r="BD6" s="270">
        <v>5744</v>
      </c>
      <c r="BE6" s="275">
        <v>6182</v>
      </c>
      <c r="BF6" s="269">
        <v>0</v>
      </c>
      <c r="BG6" s="273">
        <v>38</v>
      </c>
      <c r="BH6" s="270">
        <v>38</v>
      </c>
      <c r="BI6" s="272">
        <v>0</v>
      </c>
      <c r="BJ6" s="273">
        <v>2514</v>
      </c>
      <c r="BK6" s="273">
        <v>3157</v>
      </c>
      <c r="BL6" s="273">
        <v>3501</v>
      </c>
      <c r="BM6" s="273">
        <v>2330</v>
      </c>
      <c r="BN6" s="273">
        <v>1649</v>
      </c>
      <c r="BO6" s="274">
        <v>13151</v>
      </c>
      <c r="BP6" s="275">
        <v>13189</v>
      </c>
      <c r="BQ6" s="269">
        <v>0</v>
      </c>
      <c r="BR6" s="273">
        <v>0</v>
      </c>
      <c r="BS6" s="270">
        <v>0</v>
      </c>
      <c r="BT6" s="272">
        <v>0</v>
      </c>
      <c r="BU6" s="273">
        <v>40</v>
      </c>
      <c r="BV6" s="273">
        <v>46</v>
      </c>
      <c r="BW6" s="273">
        <v>67</v>
      </c>
      <c r="BX6" s="273">
        <v>64</v>
      </c>
      <c r="BY6" s="273">
        <v>50</v>
      </c>
      <c r="BZ6" s="270">
        <v>267</v>
      </c>
      <c r="CA6" s="275">
        <v>267</v>
      </c>
      <c r="CB6" s="269">
        <v>0</v>
      </c>
      <c r="CC6" s="273">
        <v>0</v>
      </c>
      <c r="CD6" s="270">
        <v>0</v>
      </c>
      <c r="CE6" s="272">
        <v>0</v>
      </c>
      <c r="CF6" s="273">
        <v>11</v>
      </c>
      <c r="CG6" s="273">
        <v>31</v>
      </c>
      <c r="CH6" s="273">
        <v>232</v>
      </c>
      <c r="CI6" s="273">
        <v>333</v>
      </c>
      <c r="CJ6" s="273">
        <v>224</v>
      </c>
      <c r="CK6" s="270">
        <v>831</v>
      </c>
      <c r="CL6" s="275">
        <v>831</v>
      </c>
      <c r="CM6" s="269">
        <v>0</v>
      </c>
      <c r="CN6" s="273">
        <v>0</v>
      </c>
      <c r="CO6" s="270">
        <v>0</v>
      </c>
      <c r="CP6" s="272">
        <v>0</v>
      </c>
      <c r="CQ6" s="273">
        <v>178</v>
      </c>
      <c r="CR6" s="273">
        <v>292</v>
      </c>
      <c r="CS6" s="273">
        <v>294</v>
      </c>
      <c r="CT6" s="273">
        <v>351</v>
      </c>
      <c r="CU6" s="273">
        <v>434</v>
      </c>
      <c r="CV6" s="270">
        <v>1549</v>
      </c>
      <c r="CW6" s="275">
        <v>1549</v>
      </c>
    </row>
    <row r="7" spans="1:101" ht="21" customHeight="1" x14ac:dyDescent="0.2">
      <c r="B7" s="261" t="s">
        <v>5</v>
      </c>
      <c r="C7" s="276">
        <v>0</v>
      </c>
      <c r="D7" s="277">
        <v>0</v>
      </c>
      <c r="E7" s="278">
        <v>0</v>
      </c>
      <c r="F7" s="279">
        <v>0</v>
      </c>
      <c r="G7" s="280">
        <v>116</v>
      </c>
      <c r="H7" s="280">
        <v>162</v>
      </c>
      <c r="I7" s="280">
        <v>181</v>
      </c>
      <c r="J7" s="280">
        <v>178</v>
      </c>
      <c r="K7" s="280">
        <v>184</v>
      </c>
      <c r="L7" s="281">
        <v>821</v>
      </c>
      <c r="M7" s="282">
        <v>821</v>
      </c>
      <c r="N7" s="276">
        <v>0</v>
      </c>
      <c r="O7" s="280">
        <v>0</v>
      </c>
      <c r="P7" s="277">
        <v>0</v>
      </c>
      <c r="Q7" s="279">
        <v>0</v>
      </c>
      <c r="R7" s="280">
        <v>92</v>
      </c>
      <c r="S7" s="280">
        <v>400</v>
      </c>
      <c r="T7" s="280">
        <v>362</v>
      </c>
      <c r="U7" s="280">
        <v>330</v>
      </c>
      <c r="V7" s="280">
        <v>305</v>
      </c>
      <c r="W7" s="277">
        <v>1489</v>
      </c>
      <c r="X7" s="282">
        <v>1489</v>
      </c>
      <c r="Y7" s="276">
        <v>0</v>
      </c>
      <c r="Z7" s="280">
        <v>0</v>
      </c>
      <c r="AA7" s="277">
        <v>0</v>
      </c>
      <c r="AB7" s="279">
        <v>0</v>
      </c>
      <c r="AC7" s="280">
        <v>4722</v>
      </c>
      <c r="AD7" s="280">
        <v>5897</v>
      </c>
      <c r="AE7" s="280">
        <v>2695</v>
      </c>
      <c r="AF7" s="280">
        <v>1365</v>
      </c>
      <c r="AG7" s="280">
        <v>583</v>
      </c>
      <c r="AH7" s="277">
        <v>15262</v>
      </c>
      <c r="AI7" s="282">
        <v>15262</v>
      </c>
      <c r="AJ7" s="276">
        <v>3</v>
      </c>
      <c r="AK7" s="280">
        <v>2</v>
      </c>
      <c r="AL7" s="277">
        <v>5</v>
      </c>
      <c r="AM7" s="279">
        <v>0</v>
      </c>
      <c r="AN7" s="280">
        <v>390</v>
      </c>
      <c r="AO7" s="280">
        <v>516</v>
      </c>
      <c r="AP7" s="280">
        <v>540</v>
      </c>
      <c r="AQ7" s="280">
        <v>336</v>
      </c>
      <c r="AR7" s="280">
        <v>254</v>
      </c>
      <c r="AS7" s="277">
        <v>2036</v>
      </c>
      <c r="AT7" s="282">
        <v>2041</v>
      </c>
      <c r="AU7" s="276">
        <v>72</v>
      </c>
      <c r="AV7" s="280">
        <v>96</v>
      </c>
      <c r="AW7" s="277">
        <v>168</v>
      </c>
      <c r="AX7" s="279">
        <v>0</v>
      </c>
      <c r="AY7" s="280">
        <v>496</v>
      </c>
      <c r="AZ7" s="280">
        <v>675</v>
      </c>
      <c r="BA7" s="280">
        <v>583</v>
      </c>
      <c r="BB7" s="280">
        <v>416</v>
      </c>
      <c r="BC7" s="280">
        <v>263</v>
      </c>
      <c r="BD7" s="277">
        <v>2433</v>
      </c>
      <c r="BE7" s="282">
        <v>2601</v>
      </c>
      <c r="BF7" s="276">
        <v>0</v>
      </c>
      <c r="BG7" s="280">
        <v>12</v>
      </c>
      <c r="BH7" s="277">
        <v>12</v>
      </c>
      <c r="BI7" s="279">
        <v>0</v>
      </c>
      <c r="BJ7" s="280">
        <v>1101</v>
      </c>
      <c r="BK7" s="280">
        <v>1386</v>
      </c>
      <c r="BL7" s="280">
        <v>1477</v>
      </c>
      <c r="BM7" s="280">
        <v>992</v>
      </c>
      <c r="BN7" s="280">
        <v>755</v>
      </c>
      <c r="BO7" s="281">
        <v>5711</v>
      </c>
      <c r="BP7" s="282">
        <v>5723</v>
      </c>
      <c r="BQ7" s="276">
        <v>0</v>
      </c>
      <c r="BR7" s="280">
        <v>0</v>
      </c>
      <c r="BS7" s="277">
        <v>0</v>
      </c>
      <c r="BT7" s="279">
        <v>0</v>
      </c>
      <c r="BU7" s="280">
        <v>0</v>
      </c>
      <c r="BV7" s="280">
        <v>1</v>
      </c>
      <c r="BW7" s="280">
        <v>6</v>
      </c>
      <c r="BX7" s="280">
        <v>1</v>
      </c>
      <c r="BY7" s="280">
        <v>5</v>
      </c>
      <c r="BZ7" s="277">
        <v>13</v>
      </c>
      <c r="CA7" s="282">
        <v>13</v>
      </c>
      <c r="CB7" s="276">
        <v>0</v>
      </c>
      <c r="CC7" s="280">
        <v>0</v>
      </c>
      <c r="CD7" s="277">
        <v>0</v>
      </c>
      <c r="CE7" s="279">
        <v>0</v>
      </c>
      <c r="CF7" s="280">
        <v>6</v>
      </c>
      <c r="CG7" s="280">
        <v>11</v>
      </c>
      <c r="CH7" s="280">
        <v>30</v>
      </c>
      <c r="CI7" s="280">
        <v>41</v>
      </c>
      <c r="CJ7" s="280">
        <v>29</v>
      </c>
      <c r="CK7" s="277">
        <v>117</v>
      </c>
      <c r="CL7" s="282">
        <v>117</v>
      </c>
      <c r="CM7" s="276">
        <v>0</v>
      </c>
      <c r="CN7" s="280">
        <v>0</v>
      </c>
      <c r="CO7" s="277">
        <v>0</v>
      </c>
      <c r="CP7" s="279">
        <v>0</v>
      </c>
      <c r="CQ7" s="280">
        <v>30</v>
      </c>
      <c r="CR7" s="280">
        <v>63</v>
      </c>
      <c r="CS7" s="280">
        <v>71</v>
      </c>
      <c r="CT7" s="280">
        <v>101</v>
      </c>
      <c r="CU7" s="280">
        <v>166</v>
      </c>
      <c r="CV7" s="277">
        <v>431</v>
      </c>
      <c r="CW7" s="282">
        <v>431</v>
      </c>
    </row>
    <row r="8" spans="1:101" ht="21" customHeight="1" x14ac:dyDescent="0.2">
      <c r="B8" s="261" t="s">
        <v>6</v>
      </c>
      <c r="C8" s="276">
        <v>0</v>
      </c>
      <c r="D8" s="277">
        <v>0</v>
      </c>
      <c r="E8" s="278">
        <v>0</v>
      </c>
      <c r="F8" s="279">
        <v>0</v>
      </c>
      <c r="G8" s="280">
        <v>82</v>
      </c>
      <c r="H8" s="280">
        <v>79</v>
      </c>
      <c r="I8" s="280">
        <v>77</v>
      </c>
      <c r="J8" s="280">
        <v>94</v>
      </c>
      <c r="K8" s="280">
        <v>101</v>
      </c>
      <c r="L8" s="281">
        <v>433</v>
      </c>
      <c r="M8" s="282">
        <v>433</v>
      </c>
      <c r="N8" s="276">
        <v>0</v>
      </c>
      <c r="O8" s="280">
        <v>0</v>
      </c>
      <c r="P8" s="277">
        <v>0</v>
      </c>
      <c r="Q8" s="279">
        <v>0</v>
      </c>
      <c r="R8" s="280">
        <v>71</v>
      </c>
      <c r="S8" s="280">
        <v>108</v>
      </c>
      <c r="T8" s="280">
        <v>94</v>
      </c>
      <c r="U8" s="280">
        <v>95</v>
      </c>
      <c r="V8" s="280">
        <v>95</v>
      </c>
      <c r="W8" s="277">
        <v>463</v>
      </c>
      <c r="X8" s="282">
        <v>463</v>
      </c>
      <c r="Y8" s="276">
        <v>0</v>
      </c>
      <c r="Z8" s="280">
        <v>0</v>
      </c>
      <c r="AA8" s="277">
        <v>0</v>
      </c>
      <c r="AB8" s="279">
        <v>0</v>
      </c>
      <c r="AC8" s="280">
        <v>1971</v>
      </c>
      <c r="AD8" s="280">
        <v>1273</v>
      </c>
      <c r="AE8" s="280">
        <v>729</v>
      </c>
      <c r="AF8" s="280">
        <v>424</v>
      </c>
      <c r="AG8" s="280">
        <v>214</v>
      </c>
      <c r="AH8" s="277">
        <v>4611</v>
      </c>
      <c r="AI8" s="282">
        <v>4611</v>
      </c>
      <c r="AJ8" s="276">
        <v>1</v>
      </c>
      <c r="AK8" s="280">
        <v>1</v>
      </c>
      <c r="AL8" s="277">
        <v>2</v>
      </c>
      <c r="AM8" s="279">
        <v>0</v>
      </c>
      <c r="AN8" s="280">
        <v>192</v>
      </c>
      <c r="AO8" s="280">
        <v>197</v>
      </c>
      <c r="AP8" s="280">
        <v>221</v>
      </c>
      <c r="AQ8" s="280">
        <v>123</v>
      </c>
      <c r="AR8" s="280">
        <v>92</v>
      </c>
      <c r="AS8" s="277">
        <v>825</v>
      </c>
      <c r="AT8" s="282">
        <v>827</v>
      </c>
      <c r="AU8" s="276">
        <v>25</v>
      </c>
      <c r="AV8" s="280">
        <v>28</v>
      </c>
      <c r="AW8" s="277">
        <v>53</v>
      </c>
      <c r="AX8" s="279">
        <v>0</v>
      </c>
      <c r="AY8" s="280">
        <v>220</v>
      </c>
      <c r="AZ8" s="280">
        <v>196</v>
      </c>
      <c r="BA8" s="280">
        <v>181</v>
      </c>
      <c r="BB8" s="280">
        <v>149</v>
      </c>
      <c r="BC8" s="280">
        <v>75</v>
      </c>
      <c r="BD8" s="277">
        <v>821</v>
      </c>
      <c r="BE8" s="282">
        <v>874</v>
      </c>
      <c r="BF8" s="276">
        <v>0</v>
      </c>
      <c r="BG8" s="280">
        <v>5</v>
      </c>
      <c r="BH8" s="277">
        <v>5</v>
      </c>
      <c r="BI8" s="279">
        <v>0</v>
      </c>
      <c r="BJ8" s="280">
        <v>460</v>
      </c>
      <c r="BK8" s="280">
        <v>550</v>
      </c>
      <c r="BL8" s="280">
        <v>559</v>
      </c>
      <c r="BM8" s="280">
        <v>375</v>
      </c>
      <c r="BN8" s="280">
        <v>256</v>
      </c>
      <c r="BO8" s="281">
        <v>2200</v>
      </c>
      <c r="BP8" s="282">
        <v>2205</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4</v>
      </c>
      <c r="CG8" s="280">
        <v>5</v>
      </c>
      <c r="CH8" s="280">
        <v>74</v>
      </c>
      <c r="CI8" s="280">
        <v>87</v>
      </c>
      <c r="CJ8" s="280">
        <v>73</v>
      </c>
      <c r="CK8" s="277">
        <v>243</v>
      </c>
      <c r="CL8" s="282">
        <v>243</v>
      </c>
      <c r="CM8" s="276">
        <v>0</v>
      </c>
      <c r="CN8" s="280">
        <v>0</v>
      </c>
      <c r="CO8" s="277">
        <v>0</v>
      </c>
      <c r="CP8" s="279">
        <v>0</v>
      </c>
      <c r="CQ8" s="280">
        <v>51</v>
      </c>
      <c r="CR8" s="280">
        <v>92</v>
      </c>
      <c r="CS8" s="280">
        <v>76</v>
      </c>
      <c r="CT8" s="280">
        <v>95</v>
      </c>
      <c r="CU8" s="280">
        <v>91</v>
      </c>
      <c r="CV8" s="277">
        <v>405</v>
      </c>
      <c r="CW8" s="282">
        <v>405</v>
      </c>
    </row>
    <row r="9" spans="1:101" ht="21" customHeight="1" x14ac:dyDescent="0.2">
      <c r="B9" s="261" t="s">
        <v>14</v>
      </c>
      <c r="C9" s="276">
        <v>0</v>
      </c>
      <c r="D9" s="277">
        <v>0</v>
      </c>
      <c r="E9" s="278">
        <v>0</v>
      </c>
      <c r="F9" s="279">
        <v>0</v>
      </c>
      <c r="G9" s="280">
        <v>26</v>
      </c>
      <c r="H9" s="280">
        <v>28</v>
      </c>
      <c r="I9" s="280">
        <v>30</v>
      </c>
      <c r="J9" s="280">
        <v>27</v>
      </c>
      <c r="K9" s="280">
        <v>27</v>
      </c>
      <c r="L9" s="281">
        <v>138</v>
      </c>
      <c r="M9" s="282">
        <v>138</v>
      </c>
      <c r="N9" s="276">
        <v>0</v>
      </c>
      <c r="O9" s="280">
        <v>0</v>
      </c>
      <c r="P9" s="277">
        <v>0</v>
      </c>
      <c r="Q9" s="279">
        <v>0</v>
      </c>
      <c r="R9" s="280">
        <v>1</v>
      </c>
      <c r="S9" s="280">
        <v>1</v>
      </c>
      <c r="T9" s="280">
        <v>1</v>
      </c>
      <c r="U9" s="280">
        <v>3</v>
      </c>
      <c r="V9" s="280">
        <v>1</v>
      </c>
      <c r="W9" s="277">
        <v>7</v>
      </c>
      <c r="X9" s="282">
        <v>7</v>
      </c>
      <c r="Y9" s="276">
        <v>0</v>
      </c>
      <c r="Z9" s="280">
        <v>0</v>
      </c>
      <c r="AA9" s="277">
        <v>0</v>
      </c>
      <c r="AB9" s="279">
        <v>0</v>
      </c>
      <c r="AC9" s="280">
        <v>1007</v>
      </c>
      <c r="AD9" s="280">
        <v>1117</v>
      </c>
      <c r="AE9" s="280">
        <v>536</v>
      </c>
      <c r="AF9" s="280">
        <v>239</v>
      </c>
      <c r="AG9" s="280">
        <v>124</v>
      </c>
      <c r="AH9" s="277">
        <v>3023</v>
      </c>
      <c r="AI9" s="282">
        <v>3023</v>
      </c>
      <c r="AJ9" s="276">
        <v>2</v>
      </c>
      <c r="AK9" s="280">
        <v>0</v>
      </c>
      <c r="AL9" s="277">
        <v>2</v>
      </c>
      <c r="AM9" s="279">
        <v>0</v>
      </c>
      <c r="AN9" s="280">
        <v>16</v>
      </c>
      <c r="AO9" s="280">
        <v>21</v>
      </c>
      <c r="AP9" s="280">
        <v>37</v>
      </c>
      <c r="AQ9" s="280">
        <v>19</v>
      </c>
      <c r="AR9" s="280">
        <v>22</v>
      </c>
      <c r="AS9" s="277">
        <v>115</v>
      </c>
      <c r="AT9" s="282">
        <v>117</v>
      </c>
      <c r="AU9" s="276">
        <v>19</v>
      </c>
      <c r="AV9" s="280">
        <v>27</v>
      </c>
      <c r="AW9" s="277">
        <v>46</v>
      </c>
      <c r="AX9" s="279">
        <v>0</v>
      </c>
      <c r="AY9" s="280">
        <v>110</v>
      </c>
      <c r="AZ9" s="280">
        <v>135</v>
      </c>
      <c r="BA9" s="280">
        <v>125</v>
      </c>
      <c r="BB9" s="280">
        <v>78</v>
      </c>
      <c r="BC9" s="280">
        <v>22</v>
      </c>
      <c r="BD9" s="277">
        <v>470</v>
      </c>
      <c r="BE9" s="282">
        <v>516</v>
      </c>
      <c r="BF9" s="276">
        <v>0</v>
      </c>
      <c r="BG9" s="280">
        <v>3</v>
      </c>
      <c r="BH9" s="277">
        <v>3</v>
      </c>
      <c r="BI9" s="279">
        <v>0</v>
      </c>
      <c r="BJ9" s="280">
        <v>212</v>
      </c>
      <c r="BK9" s="280">
        <v>288</v>
      </c>
      <c r="BL9" s="280">
        <v>361</v>
      </c>
      <c r="BM9" s="280">
        <v>208</v>
      </c>
      <c r="BN9" s="280">
        <v>139</v>
      </c>
      <c r="BO9" s="281">
        <v>1208</v>
      </c>
      <c r="BP9" s="282">
        <v>1211</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2</v>
      </c>
      <c r="CH9" s="280">
        <v>16</v>
      </c>
      <c r="CI9" s="280">
        <v>28</v>
      </c>
      <c r="CJ9" s="280">
        <v>9</v>
      </c>
      <c r="CK9" s="277">
        <v>55</v>
      </c>
      <c r="CL9" s="282">
        <v>55</v>
      </c>
      <c r="CM9" s="276">
        <v>0</v>
      </c>
      <c r="CN9" s="280">
        <v>0</v>
      </c>
      <c r="CO9" s="277">
        <v>0</v>
      </c>
      <c r="CP9" s="279">
        <v>0</v>
      </c>
      <c r="CQ9" s="280">
        <v>13</v>
      </c>
      <c r="CR9" s="280">
        <v>20</v>
      </c>
      <c r="CS9" s="280">
        <v>26</v>
      </c>
      <c r="CT9" s="280">
        <v>28</v>
      </c>
      <c r="CU9" s="280">
        <v>23</v>
      </c>
      <c r="CV9" s="277">
        <v>110</v>
      </c>
      <c r="CW9" s="282">
        <v>110</v>
      </c>
    </row>
    <row r="10" spans="1:101" ht="21" customHeight="1" x14ac:dyDescent="0.2">
      <c r="B10" s="261" t="s">
        <v>7</v>
      </c>
      <c r="C10" s="276">
        <v>0</v>
      </c>
      <c r="D10" s="277">
        <v>0</v>
      </c>
      <c r="E10" s="278">
        <v>0</v>
      </c>
      <c r="F10" s="279">
        <v>0</v>
      </c>
      <c r="G10" s="280">
        <v>6</v>
      </c>
      <c r="H10" s="280">
        <v>7</v>
      </c>
      <c r="I10" s="280">
        <v>9</v>
      </c>
      <c r="J10" s="280">
        <v>11</v>
      </c>
      <c r="K10" s="280">
        <v>7</v>
      </c>
      <c r="L10" s="281">
        <v>40</v>
      </c>
      <c r="M10" s="282">
        <v>40</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1109</v>
      </c>
      <c r="AD10" s="280">
        <v>648</v>
      </c>
      <c r="AE10" s="280">
        <v>301</v>
      </c>
      <c r="AF10" s="280">
        <v>134</v>
      </c>
      <c r="AG10" s="280">
        <v>46</v>
      </c>
      <c r="AH10" s="277">
        <v>2238</v>
      </c>
      <c r="AI10" s="282">
        <v>2238</v>
      </c>
      <c r="AJ10" s="276">
        <v>0</v>
      </c>
      <c r="AK10" s="280">
        <v>0</v>
      </c>
      <c r="AL10" s="277">
        <v>0</v>
      </c>
      <c r="AM10" s="279">
        <v>0</v>
      </c>
      <c r="AN10" s="280">
        <v>86</v>
      </c>
      <c r="AO10" s="280">
        <v>101</v>
      </c>
      <c r="AP10" s="280">
        <v>96</v>
      </c>
      <c r="AQ10" s="280">
        <v>47</v>
      </c>
      <c r="AR10" s="280">
        <v>18</v>
      </c>
      <c r="AS10" s="277">
        <v>348</v>
      </c>
      <c r="AT10" s="282">
        <v>348</v>
      </c>
      <c r="AU10" s="276">
        <v>3</v>
      </c>
      <c r="AV10" s="280">
        <v>8</v>
      </c>
      <c r="AW10" s="277">
        <v>11</v>
      </c>
      <c r="AX10" s="279">
        <v>0</v>
      </c>
      <c r="AY10" s="280">
        <v>45</v>
      </c>
      <c r="AZ10" s="280">
        <v>33</v>
      </c>
      <c r="BA10" s="280">
        <v>42</v>
      </c>
      <c r="BB10" s="280">
        <v>21</v>
      </c>
      <c r="BC10" s="280">
        <v>5</v>
      </c>
      <c r="BD10" s="277">
        <v>146</v>
      </c>
      <c r="BE10" s="282">
        <v>157</v>
      </c>
      <c r="BF10" s="276">
        <v>0</v>
      </c>
      <c r="BG10" s="280">
        <v>0</v>
      </c>
      <c r="BH10" s="277">
        <v>0</v>
      </c>
      <c r="BI10" s="279">
        <v>0</v>
      </c>
      <c r="BJ10" s="280">
        <v>128</v>
      </c>
      <c r="BK10" s="280">
        <v>144</v>
      </c>
      <c r="BL10" s="280">
        <v>171</v>
      </c>
      <c r="BM10" s="280">
        <v>138</v>
      </c>
      <c r="BN10" s="280">
        <v>72</v>
      </c>
      <c r="BO10" s="281">
        <v>653</v>
      </c>
      <c r="BP10" s="282">
        <v>653</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0</v>
      </c>
      <c r="CR10" s="280">
        <v>8</v>
      </c>
      <c r="CS10" s="280">
        <v>14</v>
      </c>
      <c r="CT10" s="280">
        <v>12</v>
      </c>
      <c r="CU10" s="280">
        <v>21</v>
      </c>
      <c r="CV10" s="277">
        <v>65</v>
      </c>
      <c r="CW10" s="282">
        <v>65</v>
      </c>
    </row>
    <row r="11" spans="1:101" ht="21" customHeight="1" x14ac:dyDescent="0.2">
      <c r="B11" s="261" t="s">
        <v>8</v>
      </c>
      <c r="C11" s="276">
        <v>0</v>
      </c>
      <c r="D11" s="277">
        <v>0</v>
      </c>
      <c r="E11" s="278">
        <v>0</v>
      </c>
      <c r="F11" s="279">
        <v>0</v>
      </c>
      <c r="G11" s="280">
        <v>5</v>
      </c>
      <c r="H11" s="280">
        <v>7</v>
      </c>
      <c r="I11" s="280">
        <v>1</v>
      </c>
      <c r="J11" s="280">
        <v>7</v>
      </c>
      <c r="K11" s="280">
        <v>2</v>
      </c>
      <c r="L11" s="281">
        <v>22</v>
      </c>
      <c r="M11" s="282">
        <v>22</v>
      </c>
      <c r="N11" s="276">
        <v>0</v>
      </c>
      <c r="O11" s="280">
        <v>0</v>
      </c>
      <c r="P11" s="277">
        <v>0</v>
      </c>
      <c r="Q11" s="279">
        <v>0</v>
      </c>
      <c r="R11" s="280">
        <v>2</v>
      </c>
      <c r="S11" s="280">
        <v>2</v>
      </c>
      <c r="T11" s="280">
        <v>1</v>
      </c>
      <c r="U11" s="280">
        <v>1</v>
      </c>
      <c r="V11" s="280">
        <v>4</v>
      </c>
      <c r="W11" s="277">
        <v>10</v>
      </c>
      <c r="X11" s="282">
        <v>10</v>
      </c>
      <c r="Y11" s="276">
        <v>0</v>
      </c>
      <c r="Z11" s="280">
        <v>0</v>
      </c>
      <c r="AA11" s="277">
        <v>0</v>
      </c>
      <c r="AB11" s="279">
        <v>0</v>
      </c>
      <c r="AC11" s="280">
        <v>625</v>
      </c>
      <c r="AD11" s="280">
        <v>523</v>
      </c>
      <c r="AE11" s="280">
        <v>242</v>
      </c>
      <c r="AF11" s="280">
        <v>96</v>
      </c>
      <c r="AG11" s="280">
        <v>55</v>
      </c>
      <c r="AH11" s="277">
        <v>1541</v>
      </c>
      <c r="AI11" s="282">
        <v>1541</v>
      </c>
      <c r="AJ11" s="276">
        <v>0</v>
      </c>
      <c r="AK11" s="280">
        <v>0</v>
      </c>
      <c r="AL11" s="277">
        <v>0</v>
      </c>
      <c r="AM11" s="279">
        <v>0</v>
      </c>
      <c r="AN11" s="280">
        <v>8</v>
      </c>
      <c r="AO11" s="280">
        <v>9</v>
      </c>
      <c r="AP11" s="280">
        <v>10</v>
      </c>
      <c r="AQ11" s="280">
        <v>8</v>
      </c>
      <c r="AR11" s="280">
        <v>7</v>
      </c>
      <c r="AS11" s="277">
        <v>42</v>
      </c>
      <c r="AT11" s="282">
        <v>42</v>
      </c>
      <c r="AU11" s="276">
        <v>10</v>
      </c>
      <c r="AV11" s="280">
        <v>10</v>
      </c>
      <c r="AW11" s="277">
        <v>20</v>
      </c>
      <c r="AX11" s="279">
        <v>0</v>
      </c>
      <c r="AY11" s="280">
        <v>66</v>
      </c>
      <c r="AZ11" s="280">
        <v>50</v>
      </c>
      <c r="BA11" s="280">
        <v>51</v>
      </c>
      <c r="BB11" s="280">
        <v>24</v>
      </c>
      <c r="BC11" s="280">
        <v>12</v>
      </c>
      <c r="BD11" s="277">
        <v>203</v>
      </c>
      <c r="BE11" s="282">
        <v>223</v>
      </c>
      <c r="BF11" s="276">
        <v>0</v>
      </c>
      <c r="BG11" s="280">
        <v>0</v>
      </c>
      <c r="BH11" s="277">
        <v>0</v>
      </c>
      <c r="BI11" s="279">
        <v>0</v>
      </c>
      <c r="BJ11" s="280">
        <v>65</v>
      </c>
      <c r="BK11" s="280">
        <v>72</v>
      </c>
      <c r="BL11" s="280">
        <v>79</v>
      </c>
      <c r="BM11" s="280">
        <v>57</v>
      </c>
      <c r="BN11" s="280">
        <v>34</v>
      </c>
      <c r="BO11" s="281">
        <v>307</v>
      </c>
      <c r="BP11" s="282">
        <v>307</v>
      </c>
      <c r="BQ11" s="276">
        <v>0</v>
      </c>
      <c r="BR11" s="280">
        <v>0</v>
      </c>
      <c r="BS11" s="277">
        <v>0</v>
      </c>
      <c r="BT11" s="279">
        <v>0</v>
      </c>
      <c r="BU11" s="280">
        <v>4</v>
      </c>
      <c r="BV11" s="280">
        <v>9</v>
      </c>
      <c r="BW11" s="280">
        <v>12</v>
      </c>
      <c r="BX11" s="280">
        <v>12</v>
      </c>
      <c r="BY11" s="280">
        <v>4</v>
      </c>
      <c r="BZ11" s="277">
        <v>41</v>
      </c>
      <c r="CA11" s="282">
        <v>41</v>
      </c>
      <c r="CB11" s="276">
        <v>0</v>
      </c>
      <c r="CC11" s="280">
        <v>0</v>
      </c>
      <c r="CD11" s="277">
        <v>0</v>
      </c>
      <c r="CE11" s="279">
        <v>0</v>
      </c>
      <c r="CF11" s="280">
        <v>0</v>
      </c>
      <c r="CG11" s="280">
        <v>1</v>
      </c>
      <c r="CH11" s="280">
        <v>12</v>
      </c>
      <c r="CI11" s="280">
        <v>18</v>
      </c>
      <c r="CJ11" s="280">
        <v>10</v>
      </c>
      <c r="CK11" s="277">
        <v>41</v>
      </c>
      <c r="CL11" s="282">
        <v>41</v>
      </c>
      <c r="CM11" s="276">
        <v>0</v>
      </c>
      <c r="CN11" s="280">
        <v>0</v>
      </c>
      <c r="CO11" s="277">
        <v>0</v>
      </c>
      <c r="CP11" s="279">
        <v>0</v>
      </c>
      <c r="CQ11" s="280">
        <v>12</v>
      </c>
      <c r="CR11" s="280">
        <v>12</v>
      </c>
      <c r="CS11" s="280">
        <v>14</v>
      </c>
      <c r="CT11" s="280">
        <v>12</v>
      </c>
      <c r="CU11" s="280">
        <v>5</v>
      </c>
      <c r="CV11" s="277">
        <v>55</v>
      </c>
      <c r="CW11" s="282">
        <v>55</v>
      </c>
    </row>
    <row r="12" spans="1:101" ht="21" customHeight="1" x14ac:dyDescent="0.2">
      <c r="B12" s="261" t="s">
        <v>9</v>
      </c>
      <c r="C12" s="276">
        <v>0</v>
      </c>
      <c r="D12" s="277">
        <v>0</v>
      </c>
      <c r="E12" s="278">
        <v>0</v>
      </c>
      <c r="F12" s="279">
        <v>0</v>
      </c>
      <c r="G12" s="280">
        <v>2</v>
      </c>
      <c r="H12" s="280">
        <v>6</v>
      </c>
      <c r="I12" s="280">
        <v>4</v>
      </c>
      <c r="J12" s="280">
        <v>9</v>
      </c>
      <c r="K12" s="280">
        <v>5</v>
      </c>
      <c r="L12" s="281">
        <v>26</v>
      </c>
      <c r="M12" s="282">
        <v>26</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43</v>
      </c>
      <c r="AD12" s="280">
        <v>278</v>
      </c>
      <c r="AE12" s="280">
        <v>171</v>
      </c>
      <c r="AF12" s="280">
        <v>91</v>
      </c>
      <c r="AG12" s="280">
        <v>30</v>
      </c>
      <c r="AH12" s="277">
        <v>1013</v>
      </c>
      <c r="AI12" s="282">
        <v>1013</v>
      </c>
      <c r="AJ12" s="276">
        <v>0</v>
      </c>
      <c r="AK12" s="280">
        <v>0</v>
      </c>
      <c r="AL12" s="277">
        <v>0</v>
      </c>
      <c r="AM12" s="279">
        <v>0</v>
      </c>
      <c r="AN12" s="280">
        <v>4</v>
      </c>
      <c r="AO12" s="280">
        <v>6</v>
      </c>
      <c r="AP12" s="280">
        <v>11</v>
      </c>
      <c r="AQ12" s="280">
        <v>4</v>
      </c>
      <c r="AR12" s="280">
        <v>6</v>
      </c>
      <c r="AS12" s="277">
        <v>31</v>
      </c>
      <c r="AT12" s="282">
        <v>31</v>
      </c>
      <c r="AU12" s="276">
        <v>5</v>
      </c>
      <c r="AV12" s="280">
        <v>7</v>
      </c>
      <c r="AW12" s="277">
        <v>12</v>
      </c>
      <c r="AX12" s="279">
        <v>0</v>
      </c>
      <c r="AY12" s="280">
        <v>30</v>
      </c>
      <c r="AZ12" s="280">
        <v>37</v>
      </c>
      <c r="BA12" s="280">
        <v>20</v>
      </c>
      <c r="BB12" s="280">
        <v>20</v>
      </c>
      <c r="BC12" s="280">
        <v>7</v>
      </c>
      <c r="BD12" s="277">
        <v>114</v>
      </c>
      <c r="BE12" s="282">
        <v>126</v>
      </c>
      <c r="BF12" s="276">
        <v>0</v>
      </c>
      <c r="BG12" s="280">
        <v>2</v>
      </c>
      <c r="BH12" s="277">
        <v>2</v>
      </c>
      <c r="BI12" s="279">
        <v>0</v>
      </c>
      <c r="BJ12" s="280">
        <v>36</v>
      </c>
      <c r="BK12" s="280">
        <v>55</v>
      </c>
      <c r="BL12" s="280">
        <v>85</v>
      </c>
      <c r="BM12" s="280">
        <v>48</v>
      </c>
      <c r="BN12" s="280">
        <v>35</v>
      </c>
      <c r="BO12" s="281">
        <v>259</v>
      </c>
      <c r="BP12" s="282">
        <v>261</v>
      </c>
      <c r="BQ12" s="276">
        <v>0</v>
      </c>
      <c r="BR12" s="280">
        <v>0</v>
      </c>
      <c r="BS12" s="277">
        <v>0</v>
      </c>
      <c r="BT12" s="279">
        <v>0</v>
      </c>
      <c r="BU12" s="280">
        <v>4</v>
      </c>
      <c r="BV12" s="280">
        <v>5</v>
      </c>
      <c r="BW12" s="280">
        <v>5</v>
      </c>
      <c r="BX12" s="280">
        <v>7</v>
      </c>
      <c r="BY12" s="280">
        <v>5</v>
      </c>
      <c r="BZ12" s="277">
        <v>26</v>
      </c>
      <c r="CA12" s="282">
        <v>26</v>
      </c>
      <c r="CB12" s="276">
        <v>0</v>
      </c>
      <c r="CC12" s="280">
        <v>0</v>
      </c>
      <c r="CD12" s="277">
        <v>0</v>
      </c>
      <c r="CE12" s="279">
        <v>0</v>
      </c>
      <c r="CF12" s="280">
        <v>0</v>
      </c>
      <c r="CG12" s="280">
        <v>0</v>
      </c>
      <c r="CH12" s="280">
        <v>0</v>
      </c>
      <c r="CI12" s="280">
        <v>1</v>
      </c>
      <c r="CJ12" s="280">
        <v>0</v>
      </c>
      <c r="CK12" s="277">
        <v>1</v>
      </c>
      <c r="CL12" s="282">
        <v>1</v>
      </c>
      <c r="CM12" s="276">
        <v>0</v>
      </c>
      <c r="CN12" s="280">
        <v>0</v>
      </c>
      <c r="CO12" s="277">
        <v>0</v>
      </c>
      <c r="CP12" s="279">
        <v>0</v>
      </c>
      <c r="CQ12" s="280">
        <v>6</v>
      </c>
      <c r="CR12" s="280">
        <v>5</v>
      </c>
      <c r="CS12" s="280">
        <v>11</v>
      </c>
      <c r="CT12" s="280">
        <v>9</v>
      </c>
      <c r="CU12" s="280">
        <v>12</v>
      </c>
      <c r="CV12" s="277">
        <v>43</v>
      </c>
      <c r="CW12" s="282">
        <v>43</v>
      </c>
    </row>
    <row r="13" spans="1:101" ht="21" customHeight="1" x14ac:dyDescent="0.2">
      <c r="B13" s="261" t="s">
        <v>10</v>
      </c>
      <c r="C13" s="276">
        <v>0</v>
      </c>
      <c r="D13" s="277">
        <v>0</v>
      </c>
      <c r="E13" s="278">
        <v>0</v>
      </c>
      <c r="F13" s="279">
        <v>0</v>
      </c>
      <c r="G13" s="280">
        <v>19</v>
      </c>
      <c r="H13" s="280">
        <v>14</v>
      </c>
      <c r="I13" s="280">
        <v>17</v>
      </c>
      <c r="J13" s="280">
        <v>17</v>
      </c>
      <c r="K13" s="280">
        <v>14</v>
      </c>
      <c r="L13" s="281">
        <v>81</v>
      </c>
      <c r="M13" s="282">
        <v>81</v>
      </c>
      <c r="N13" s="276">
        <v>0</v>
      </c>
      <c r="O13" s="280">
        <v>0</v>
      </c>
      <c r="P13" s="277">
        <v>0</v>
      </c>
      <c r="Q13" s="279">
        <v>0</v>
      </c>
      <c r="R13" s="280">
        <v>10</v>
      </c>
      <c r="S13" s="280">
        <v>10</v>
      </c>
      <c r="T13" s="280">
        <v>9</v>
      </c>
      <c r="U13" s="280">
        <v>10</v>
      </c>
      <c r="V13" s="280">
        <v>7</v>
      </c>
      <c r="W13" s="277">
        <v>46</v>
      </c>
      <c r="X13" s="282">
        <v>46</v>
      </c>
      <c r="Y13" s="276">
        <v>0</v>
      </c>
      <c r="Z13" s="280">
        <v>0</v>
      </c>
      <c r="AA13" s="277">
        <v>0</v>
      </c>
      <c r="AB13" s="279">
        <v>0</v>
      </c>
      <c r="AC13" s="280">
        <v>560</v>
      </c>
      <c r="AD13" s="280">
        <v>255</v>
      </c>
      <c r="AE13" s="280">
        <v>128</v>
      </c>
      <c r="AF13" s="280">
        <v>68</v>
      </c>
      <c r="AG13" s="280">
        <v>26</v>
      </c>
      <c r="AH13" s="277">
        <v>1037</v>
      </c>
      <c r="AI13" s="282">
        <v>1037</v>
      </c>
      <c r="AJ13" s="276">
        <v>0</v>
      </c>
      <c r="AK13" s="280">
        <v>1</v>
      </c>
      <c r="AL13" s="277">
        <v>1</v>
      </c>
      <c r="AM13" s="279">
        <v>0</v>
      </c>
      <c r="AN13" s="280">
        <v>15</v>
      </c>
      <c r="AO13" s="280">
        <v>13</v>
      </c>
      <c r="AP13" s="280">
        <v>26</v>
      </c>
      <c r="AQ13" s="280">
        <v>11</v>
      </c>
      <c r="AR13" s="280">
        <v>10</v>
      </c>
      <c r="AS13" s="277">
        <v>75</v>
      </c>
      <c r="AT13" s="282">
        <v>76</v>
      </c>
      <c r="AU13" s="276">
        <v>10</v>
      </c>
      <c r="AV13" s="280">
        <v>21</v>
      </c>
      <c r="AW13" s="277">
        <v>31</v>
      </c>
      <c r="AX13" s="279">
        <v>0</v>
      </c>
      <c r="AY13" s="280">
        <v>87</v>
      </c>
      <c r="AZ13" s="280">
        <v>73</v>
      </c>
      <c r="BA13" s="280">
        <v>70</v>
      </c>
      <c r="BB13" s="280">
        <v>50</v>
      </c>
      <c r="BC13" s="280">
        <v>40</v>
      </c>
      <c r="BD13" s="277">
        <v>320</v>
      </c>
      <c r="BE13" s="282">
        <v>351</v>
      </c>
      <c r="BF13" s="276">
        <v>0</v>
      </c>
      <c r="BG13" s="280">
        <v>2</v>
      </c>
      <c r="BH13" s="277">
        <v>2</v>
      </c>
      <c r="BI13" s="279">
        <v>0</v>
      </c>
      <c r="BJ13" s="280">
        <v>101</v>
      </c>
      <c r="BK13" s="280">
        <v>124</v>
      </c>
      <c r="BL13" s="280">
        <v>113</v>
      </c>
      <c r="BM13" s="280">
        <v>86</v>
      </c>
      <c r="BN13" s="280">
        <v>89</v>
      </c>
      <c r="BO13" s="281">
        <v>513</v>
      </c>
      <c r="BP13" s="282">
        <v>515</v>
      </c>
      <c r="BQ13" s="276">
        <v>0</v>
      </c>
      <c r="BR13" s="280">
        <v>0</v>
      </c>
      <c r="BS13" s="277">
        <v>0</v>
      </c>
      <c r="BT13" s="279">
        <v>0</v>
      </c>
      <c r="BU13" s="280">
        <v>31</v>
      </c>
      <c r="BV13" s="280">
        <v>25</v>
      </c>
      <c r="BW13" s="280">
        <v>38</v>
      </c>
      <c r="BX13" s="280">
        <v>28</v>
      </c>
      <c r="BY13" s="280">
        <v>29</v>
      </c>
      <c r="BZ13" s="277">
        <v>151</v>
      </c>
      <c r="CA13" s="282">
        <v>151</v>
      </c>
      <c r="CB13" s="276">
        <v>0</v>
      </c>
      <c r="CC13" s="280">
        <v>0</v>
      </c>
      <c r="CD13" s="277">
        <v>0</v>
      </c>
      <c r="CE13" s="279">
        <v>0</v>
      </c>
      <c r="CF13" s="280">
        <v>0</v>
      </c>
      <c r="CG13" s="280">
        <v>1</v>
      </c>
      <c r="CH13" s="280">
        <v>3</v>
      </c>
      <c r="CI13" s="280">
        <v>23</v>
      </c>
      <c r="CJ13" s="280">
        <v>17</v>
      </c>
      <c r="CK13" s="277">
        <v>44</v>
      </c>
      <c r="CL13" s="282">
        <v>44</v>
      </c>
      <c r="CM13" s="276">
        <v>0</v>
      </c>
      <c r="CN13" s="280">
        <v>0</v>
      </c>
      <c r="CO13" s="277">
        <v>0</v>
      </c>
      <c r="CP13" s="279">
        <v>0</v>
      </c>
      <c r="CQ13" s="280">
        <v>20</v>
      </c>
      <c r="CR13" s="280">
        <v>30</v>
      </c>
      <c r="CS13" s="280">
        <v>27</v>
      </c>
      <c r="CT13" s="280">
        <v>33</v>
      </c>
      <c r="CU13" s="280">
        <v>28</v>
      </c>
      <c r="CV13" s="277">
        <v>138</v>
      </c>
      <c r="CW13" s="282">
        <v>138</v>
      </c>
    </row>
    <row r="14" spans="1:101" ht="21" customHeight="1" x14ac:dyDescent="0.2">
      <c r="B14" s="261" t="s">
        <v>11</v>
      </c>
      <c r="C14" s="276">
        <v>0</v>
      </c>
      <c r="D14" s="277">
        <v>0</v>
      </c>
      <c r="E14" s="278">
        <v>0</v>
      </c>
      <c r="F14" s="279">
        <v>0</v>
      </c>
      <c r="G14" s="280">
        <v>11</v>
      </c>
      <c r="H14" s="280">
        <v>10</v>
      </c>
      <c r="I14" s="280">
        <v>6</v>
      </c>
      <c r="J14" s="280">
        <v>5</v>
      </c>
      <c r="K14" s="280">
        <v>5</v>
      </c>
      <c r="L14" s="281">
        <v>37</v>
      </c>
      <c r="M14" s="282">
        <v>37</v>
      </c>
      <c r="N14" s="276">
        <v>0</v>
      </c>
      <c r="O14" s="280">
        <v>0</v>
      </c>
      <c r="P14" s="277">
        <v>0</v>
      </c>
      <c r="Q14" s="279">
        <v>0</v>
      </c>
      <c r="R14" s="280">
        <v>10</v>
      </c>
      <c r="S14" s="280">
        <v>14</v>
      </c>
      <c r="T14" s="280">
        <v>11</v>
      </c>
      <c r="U14" s="280">
        <v>13</v>
      </c>
      <c r="V14" s="280">
        <v>4</v>
      </c>
      <c r="W14" s="277">
        <v>52</v>
      </c>
      <c r="X14" s="282">
        <v>52</v>
      </c>
      <c r="Y14" s="276">
        <v>0</v>
      </c>
      <c r="Z14" s="280">
        <v>0</v>
      </c>
      <c r="AA14" s="277">
        <v>0</v>
      </c>
      <c r="AB14" s="279">
        <v>0</v>
      </c>
      <c r="AC14" s="280">
        <v>506</v>
      </c>
      <c r="AD14" s="280">
        <v>273</v>
      </c>
      <c r="AE14" s="280">
        <v>132</v>
      </c>
      <c r="AF14" s="280">
        <v>71</v>
      </c>
      <c r="AG14" s="280">
        <v>28</v>
      </c>
      <c r="AH14" s="277">
        <v>1010</v>
      </c>
      <c r="AI14" s="282">
        <v>1010</v>
      </c>
      <c r="AJ14" s="276">
        <v>0</v>
      </c>
      <c r="AK14" s="280">
        <v>1</v>
      </c>
      <c r="AL14" s="277">
        <v>1</v>
      </c>
      <c r="AM14" s="279">
        <v>0</v>
      </c>
      <c r="AN14" s="280">
        <v>13</v>
      </c>
      <c r="AO14" s="280">
        <v>17</v>
      </c>
      <c r="AP14" s="280">
        <v>15</v>
      </c>
      <c r="AQ14" s="280">
        <v>1</v>
      </c>
      <c r="AR14" s="280">
        <v>2</v>
      </c>
      <c r="AS14" s="277">
        <v>48</v>
      </c>
      <c r="AT14" s="282">
        <v>49</v>
      </c>
      <c r="AU14" s="276">
        <v>0</v>
      </c>
      <c r="AV14" s="280">
        <v>6</v>
      </c>
      <c r="AW14" s="277">
        <v>6</v>
      </c>
      <c r="AX14" s="279">
        <v>0</v>
      </c>
      <c r="AY14" s="280">
        <v>39</v>
      </c>
      <c r="AZ14" s="280">
        <v>34</v>
      </c>
      <c r="BA14" s="280">
        <v>33</v>
      </c>
      <c r="BB14" s="280">
        <v>21</v>
      </c>
      <c r="BC14" s="280">
        <v>8</v>
      </c>
      <c r="BD14" s="277">
        <v>135</v>
      </c>
      <c r="BE14" s="282">
        <v>141</v>
      </c>
      <c r="BF14" s="276">
        <v>0</v>
      </c>
      <c r="BG14" s="280">
        <v>4</v>
      </c>
      <c r="BH14" s="277">
        <v>4</v>
      </c>
      <c r="BI14" s="279">
        <v>0</v>
      </c>
      <c r="BJ14" s="280">
        <v>51</v>
      </c>
      <c r="BK14" s="280">
        <v>69</v>
      </c>
      <c r="BL14" s="280">
        <v>85</v>
      </c>
      <c r="BM14" s="280">
        <v>55</v>
      </c>
      <c r="BN14" s="280">
        <v>23</v>
      </c>
      <c r="BO14" s="281">
        <v>283</v>
      </c>
      <c r="BP14" s="282">
        <v>287</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1</v>
      </c>
      <c r="CH14" s="280">
        <v>0</v>
      </c>
      <c r="CI14" s="280">
        <v>0</v>
      </c>
      <c r="CJ14" s="280">
        <v>0</v>
      </c>
      <c r="CK14" s="277">
        <v>1</v>
      </c>
      <c r="CL14" s="282">
        <v>1</v>
      </c>
      <c r="CM14" s="276">
        <v>0</v>
      </c>
      <c r="CN14" s="280">
        <v>0</v>
      </c>
      <c r="CO14" s="277">
        <v>0</v>
      </c>
      <c r="CP14" s="279">
        <v>0</v>
      </c>
      <c r="CQ14" s="280">
        <v>6</v>
      </c>
      <c r="CR14" s="280">
        <v>5</v>
      </c>
      <c r="CS14" s="280">
        <v>4</v>
      </c>
      <c r="CT14" s="280">
        <v>8</v>
      </c>
      <c r="CU14" s="280">
        <v>3</v>
      </c>
      <c r="CV14" s="277">
        <v>26</v>
      </c>
      <c r="CW14" s="282">
        <v>26</v>
      </c>
    </row>
    <row r="15" spans="1:101" ht="21" customHeight="1" x14ac:dyDescent="0.2">
      <c r="B15" s="261" t="s">
        <v>12</v>
      </c>
      <c r="C15" s="276">
        <v>0</v>
      </c>
      <c r="D15" s="277">
        <v>0</v>
      </c>
      <c r="E15" s="278">
        <v>0</v>
      </c>
      <c r="F15" s="279">
        <v>0</v>
      </c>
      <c r="G15" s="280">
        <v>7</v>
      </c>
      <c r="H15" s="280">
        <v>6</v>
      </c>
      <c r="I15" s="280">
        <v>5</v>
      </c>
      <c r="J15" s="280">
        <v>3</v>
      </c>
      <c r="K15" s="280">
        <v>6</v>
      </c>
      <c r="L15" s="281">
        <v>27</v>
      </c>
      <c r="M15" s="282">
        <v>27</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66</v>
      </c>
      <c r="AD15" s="280">
        <v>254</v>
      </c>
      <c r="AE15" s="280">
        <v>153</v>
      </c>
      <c r="AF15" s="280">
        <v>75</v>
      </c>
      <c r="AG15" s="280">
        <v>32</v>
      </c>
      <c r="AH15" s="277">
        <v>880</v>
      </c>
      <c r="AI15" s="282">
        <v>880</v>
      </c>
      <c r="AJ15" s="276">
        <v>0</v>
      </c>
      <c r="AK15" s="280">
        <v>0</v>
      </c>
      <c r="AL15" s="277">
        <v>0</v>
      </c>
      <c r="AM15" s="279">
        <v>0</v>
      </c>
      <c r="AN15" s="280">
        <v>3</v>
      </c>
      <c r="AO15" s="280">
        <v>3</v>
      </c>
      <c r="AP15" s="280">
        <v>1</v>
      </c>
      <c r="AQ15" s="280">
        <v>1</v>
      </c>
      <c r="AR15" s="280">
        <v>1</v>
      </c>
      <c r="AS15" s="277">
        <v>9</v>
      </c>
      <c r="AT15" s="282">
        <v>9</v>
      </c>
      <c r="AU15" s="276">
        <v>1</v>
      </c>
      <c r="AV15" s="280">
        <v>1</v>
      </c>
      <c r="AW15" s="277">
        <v>2</v>
      </c>
      <c r="AX15" s="279">
        <v>0</v>
      </c>
      <c r="AY15" s="280">
        <v>18</v>
      </c>
      <c r="AZ15" s="280">
        <v>31</v>
      </c>
      <c r="BA15" s="280">
        <v>43</v>
      </c>
      <c r="BB15" s="280">
        <v>47</v>
      </c>
      <c r="BC15" s="280">
        <v>26</v>
      </c>
      <c r="BD15" s="277">
        <v>165</v>
      </c>
      <c r="BE15" s="282">
        <v>167</v>
      </c>
      <c r="BF15" s="276">
        <v>0</v>
      </c>
      <c r="BG15" s="280">
        <v>0</v>
      </c>
      <c r="BH15" s="277">
        <v>0</v>
      </c>
      <c r="BI15" s="279">
        <v>0</v>
      </c>
      <c r="BJ15" s="280">
        <v>39</v>
      </c>
      <c r="BK15" s="280">
        <v>48</v>
      </c>
      <c r="BL15" s="280">
        <v>43</v>
      </c>
      <c r="BM15" s="280">
        <v>35</v>
      </c>
      <c r="BN15" s="280">
        <v>37</v>
      </c>
      <c r="BO15" s="281">
        <v>202</v>
      </c>
      <c r="BP15" s="282">
        <v>202</v>
      </c>
      <c r="BQ15" s="276">
        <v>0</v>
      </c>
      <c r="BR15" s="280">
        <v>0</v>
      </c>
      <c r="BS15" s="277">
        <v>0</v>
      </c>
      <c r="BT15" s="279">
        <v>0</v>
      </c>
      <c r="BU15" s="280">
        <v>0</v>
      </c>
      <c r="BV15" s="280">
        <v>6</v>
      </c>
      <c r="BW15" s="280">
        <v>5</v>
      </c>
      <c r="BX15" s="280">
        <v>10</v>
      </c>
      <c r="BY15" s="280">
        <v>5</v>
      </c>
      <c r="BZ15" s="277">
        <v>26</v>
      </c>
      <c r="CA15" s="282">
        <v>26</v>
      </c>
      <c r="CB15" s="276">
        <v>0</v>
      </c>
      <c r="CC15" s="280">
        <v>0</v>
      </c>
      <c r="CD15" s="277">
        <v>0</v>
      </c>
      <c r="CE15" s="279">
        <v>0</v>
      </c>
      <c r="CF15" s="280">
        <v>0</v>
      </c>
      <c r="CG15" s="280">
        <v>1</v>
      </c>
      <c r="CH15" s="280">
        <v>11</v>
      </c>
      <c r="CI15" s="280">
        <v>10</v>
      </c>
      <c r="CJ15" s="280">
        <v>7</v>
      </c>
      <c r="CK15" s="277">
        <v>29</v>
      </c>
      <c r="CL15" s="282">
        <v>29</v>
      </c>
      <c r="CM15" s="276">
        <v>0</v>
      </c>
      <c r="CN15" s="280">
        <v>0</v>
      </c>
      <c r="CO15" s="277">
        <v>0</v>
      </c>
      <c r="CP15" s="279">
        <v>0</v>
      </c>
      <c r="CQ15" s="280">
        <v>6</v>
      </c>
      <c r="CR15" s="280">
        <v>14</v>
      </c>
      <c r="CS15" s="280">
        <v>18</v>
      </c>
      <c r="CT15" s="280">
        <v>19</v>
      </c>
      <c r="CU15" s="280">
        <v>20</v>
      </c>
      <c r="CV15" s="277">
        <v>77</v>
      </c>
      <c r="CW15" s="282">
        <v>77</v>
      </c>
    </row>
    <row r="16" spans="1:101" ht="21" customHeight="1" x14ac:dyDescent="0.2">
      <c r="B16" s="261" t="s">
        <v>13</v>
      </c>
      <c r="C16" s="276">
        <v>0</v>
      </c>
      <c r="D16" s="277">
        <v>0</v>
      </c>
      <c r="E16" s="278">
        <v>0</v>
      </c>
      <c r="F16" s="279">
        <v>0</v>
      </c>
      <c r="G16" s="280">
        <v>1</v>
      </c>
      <c r="H16" s="280">
        <v>1</v>
      </c>
      <c r="I16" s="280">
        <v>2</v>
      </c>
      <c r="J16" s="280">
        <v>1</v>
      </c>
      <c r="K16" s="280">
        <v>1</v>
      </c>
      <c r="L16" s="281">
        <v>6</v>
      </c>
      <c r="M16" s="282">
        <v>6</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40</v>
      </c>
      <c r="AD16" s="280">
        <v>122</v>
      </c>
      <c r="AE16" s="280">
        <v>67</v>
      </c>
      <c r="AF16" s="280">
        <v>40</v>
      </c>
      <c r="AG16" s="280">
        <v>12</v>
      </c>
      <c r="AH16" s="277">
        <v>381</v>
      </c>
      <c r="AI16" s="282">
        <v>381</v>
      </c>
      <c r="AJ16" s="276">
        <v>0</v>
      </c>
      <c r="AK16" s="280">
        <v>0</v>
      </c>
      <c r="AL16" s="277">
        <v>0</v>
      </c>
      <c r="AM16" s="279">
        <v>0</v>
      </c>
      <c r="AN16" s="280">
        <v>1</v>
      </c>
      <c r="AO16" s="280">
        <v>7</v>
      </c>
      <c r="AP16" s="280">
        <v>6</v>
      </c>
      <c r="AQ16" s="280">
        <v>5</v>
      </c>
      <c r="AR16" s="280">
        <v>2</v>
      </c>
      <c r="AS16" s="277">
        <v>21</v>
      </c>
      <c r="AT16" s="282">
        <v>21</v>
      </c>
      <c r="AU16" s="276">
        <v>1</v>
      </c>
      <c r="AV16" s="280">
        <v>3</v>
      </c>
      <c r="AW16" s="277">
        <v>4</v>
      </c>
      <c r="AX16" s="279">
        <v>0</v>
      </c>
      <c r="AY16" s="280">
        <v>13</v>
      </c>
      <c r="AZ16" s="280">
        <v>10</v>
      </c>
      <c r="BA16" s="280">
        <v>6</v>
      </c>
      <c r="BB16" s="280">
        <v>2</v>
      </c>
      <c r="BC16" s="280">
        <v>0</v>
      </c>
      <c r="BD16" s="277">
        <v>31</v>
      </c>
      <c r="BE16" s="282">
        <v>35</v>
      </c>
      <c r="BF16" s="276">
        <v>0</v>
      </c>
      <c r="BG16" s="280">
        <v>0</v>
      </c>
      <c r="BH16" s="277">
        <v>0</v>
      </c>
      <c r="BI16" s="279">
        <v>0</v>
      </c>
      <c r="BJ16" s="280">
        <v>10</v>
      </c>
      <c r="BK16" s="280">
        <v>15</v>
      </c>
      <c r="BL16" s="280">
        <v>26</v>
      </c>
      <c r="BM16" s="280">
        <v>14</v>
      </c>
      <c r="BN16" s="280">
        <v>12</v>
      </c>
      <c r="BO16" s="281">
        <v>77</v>
      </c>
      <c r="BP16" s="282">
        <v>77</v>
      </c>
      <c r="BQ16" s="276">
        <v>0</v>
      </c>
      <c r="BR16" s="280">
        <v>0</v>
      </c>
      <c r="BS16" s="277">
        <v>0</v>
      </c>
      <c r="BT16" s="279">
        <v>0</v>
      </c>
      <c r="BU16" s="280">
        <v>1</v>
      </c>
      <c r="BV16" s="280">
        <v>0</v>
      </c>
      <c r="BW16" s="280">
        <v>1</v>
      </c>
      <c r="BX16" s="280">
        <v>6</v>
      </c>
      <c r="BY16" s="280">
        <v>2</v>
      </c>
      <c r="BZ16" s="277">
        <v>10</v>
      </c>
      <c r="CA16" s="282">
        <v>10</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2</v>
      </c>
      <c r="H17" s="280">
        <v>2</v>
      </c>
      <c r="I17" s="280">
        <v>4</v>
      </c>
      <c r="J17" s="280">
        <v>3</v>
      </c>
      <c r="K17" s="280">
        <v>4</v>
      </c>
      <c r="L17" s="281">
        <v>15</v>
      </c>
      <c r="M17" s="282">
        <v>15</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159</v>
      </c>
      <c r="AD17" s="280">
        <v>183</v>
      </c>
      <c r="AE17" s="280">
        <v>80</v>
      </c>
      <c r="AF17" s="280">
        <v>41</v>
      </c>
      <c r="AG17" s="280">
        <v>16</v>
      </c>
      <c r="AH17" s="277">
        <v>479</v>
      </c>
      <c r="AI17" s="282">
        <v>479</v>
      </c>
      <c r="AJ17" s="276">
        <v>0</v>
      </c>
      <c r="AK17" s="280">
        <v>0</v>
      </c>
      <c r="AL17" s="277">
        <v>0</v>
      </c>
      <c r="AM17" s="279">
        <v>0</v>
      </c>
      <c r="AN17" s="280">
        <v>3</v>
      </c>
      <c r="AO17" s="280">
        <v>5</v>
      </c>
      <c r="AP17" s="280">
        <v>4</v>
      </c>
      <c r="AQ17" s="280">
        <v>2</v>
      </c>
      <c r="AR17" s="280">
        <v>3</v>
      </c>
      <c r="AS17" s="277">
        <v>17</v>
      </c>
      <c r="AT17" s="282">
        <v>17</v>
      </c>
      <c r="AU17" s="276">
        <v>3</v>
      </c>
      <c r="AV17" s="280">
        <v>12</v>
      </c>
      <c r="AW17" s="277">
        <v>15</v>
      </c>
      <c r="AX17" s="279">
        <v>0</v>
      </c>
      <c r="AY17" s="280">
        <v>19</v>
      </c>
      <c r="AZ17" s="280">
        <v>19</v>
      </c>
      <c r="BA17" s="280">
        <v>10</v>
      </c>
      <c r="BB17" s="280">
        <v>7</v>
      </c>
      <c r="BC17" s="280">
        <v>4</v>
      </c>
      <c r="BD17" s="277">
        <v>59</v>
      </c>
      <c r="BE17" s="282">
        <v>74</v>
      </c>
      <c r="BF17" s="276">
        <v>0</v>
      </c>
      <c r="BG17" s="280">
        <v>4</v>
      </c>
      <c r="BH17" s="277">
        <v>4</v>
      </c>
      <c r="BI17" s="279">
        <v>0</v>
      </c>
      <c r="BJ17" s="280">
        <v>35</v>
      </c>
      <c r="BK17" s="280">
        <v>33</v>
      </c>
      <c r="BL17" s="280">
        <v>43</v>
      </c>
      <c r="BM17" s="280">
        <v>22</v>
      </c>
      <c r="BN17" s="280">
        <v>13</v>
      </c>
      <c r="BO17" s="281">
        <v>146</v>
      </c>
      <c r="BP17" s="282">
        <v>150</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7</v>
      </c>
      <c r="CI17" s="280">
        <v>12</v>
      </c>
      <c r="CJ17" s="280">
        <v>8</v>
      </c>
      <c r="CK17" s="277">
        <v>27</v>
      </c>
      <c r="CL17" s="282">
        <v>27</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13</v>
      </c>
      <c r="H18" s="280">
        <v>15</v>
      </c>
      <c r="I18" s="280">
        <v>15</v>
      </c>
      <c r="J18" s="280">
        <v>8</v>
      </c>
      <c r="K18" s="280">
        <v>9</v>
      </c>
      <c r="L18" s="281">
        <v>60</v>
      </c>
      <c r="M18" s="282">
        <v>60</v>
      </c>
      <c r="N18" s="276">
        <v>0</v>
      </c>
      <c r="O18" s="280">
        <v>0</v>
      </c>
      <c r="P18" s="277">
        <v>0</v>
      </c>
      <c r="Q18" s="279">
        <v>0</v>
      </c>
      <c r="R18" s="280">
        <v>1</v>
      </c>
      <c r="S18" s="280">
        <v>1</v>
      </c>
      <c r="T18" s="280">
        <v>3</v>
      </c>
      <c r="U18" s="280">
        <v>3</v>
      </c>
      <c r="V18" s="280">
        <v>3</v>
      </c>
      <c r="W18" s="277">
        <v>11</v>
      </c>
      <c r="X18" s="282">
        <v>11</v>
      </c>
      <c r="Y18" s="276">
        <v>0</v>
      </c>
      <c r="Z18" s="280">
        <v>0</v>
      </c>
      <c r="AA18" s="277">
        <v>0</v>
      </c>
      <c r="AB18" s="279">
        <v>0</v>
      </c>
      <c r="AC18" s="280">
        <v>162</v>
      </c>
      <c r="AD18" s="280">
        <v>167</v>
      </c>
      <c r="AE18" s="280">
        <v>88</v>
      </c>
      <c r="AF18" s="280">
        <v>39</v>
      </c>
      <c r="AG18" s="280">
        <v>21</v>
      </c>
      <c r="AH18" s="277">
        <v>477</v>
      </c>
      <c r="AI18" s="282">
        <v>477</v>
      </c>
      <c r="AJ18" s="276">
        <v>0</v>
      </c>
      <c r="AK18" s="280">
        <v>0</v>
      </c>
      <c r="AL18" s="277">
        <v>0</v>
      </c>
      <c r="AM18" s="279">
        <v>0</v>
      </c>
      <c r="AN18" s="280">
        <v>3</v>
      </c>
      <c r="AO18" s="280">
        <v>9</v>
      </c>
      <c r="AP18" s="280">
        <v>7</v>
      </c>
      <c r="AQ18" s="280">
        <v>3</v>
      </c>
      <c r="AR18" s="280">
        <v>3</v>
      </c>
      <c r="AS18" s="277">
        <v>25</v>
      </c>
      <c r="AT18" s="282">
        <v>25</v>
      </c>
      <c r="AU18" s="276">
        <v>1</v>
      </c>
      <c r="AV18" s="280">
        <v>1</v>
      </c>
      <c r="AW18" s="277">
        <v>2</v>
      </c>
      <c r="AX18" s="279">
        <v>0</v>
      </c>
      <c r="AY18" s="280">
        <v>12</v>
      </c>
      <c r="AZ18" s="280">
        <v>28</v>
      </c>
      <c r="BA18" s="280">
        <v>13</v>
      </c>
      <c r="BB18" s="280">
        <v>18</v>
      </c>
      <c r="BC18" s="280">
        <v>6</v>
      </c>
      <c r="BD18" s="277">
        <v>77</v>
      </c>
      <c r="BE18" s="282">
        <v>79</v>
      </c>
      <c r="BF18" s="276">
        <v>0</v>
      </c>
      <c r="BG18" s="280">
        <v>0</v>
      </c>
      <c r="BH18" s="277">
        <v>0</v>
      </c>
      <c r="BI18" s="279">
        <v>0</v>
      </c>
      <c r="BJ18" s="280">
        <v>17</v>
      </c>
      <c r="BK18" s="280">
        <v>40</v>
      </c>
      <c r="BL18" s="280">
        <v>59</v>
      </c>
      <c r="BM18" s="280">
        <v>35</v>
      </c>
      <c r="BN18" s="280">
        <v>36</v>
      </c>
      <c r="BO18" s="281">
        <v>187</v>
      </c>
      <c r="BP18" s="282">
        <v>187</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3</v>
      </c>
      <c r="CH18" s="280">
        <v>10</v>
      </c>
      <c r="CI18" s="280">
        <v>7</v>
      </c>
      <c r="CJ18" s="280">
        <v>10</v>
      </c>
      <c r="CK18" s="277">
        <v>30</v>
      </c>
      <c r="CL18" s="282">
        <v>30</v>
      </c>
      <c r="CM18" s="276">
        <v>0</v>
      </c>
      <c r="CN18" s="280">
        <v>0</v>
      </c>
      <c r="CO18" s="277">
        <v>0</v>
      </c>
      <c r="CP18" s="279">
        <v>0</v>
      </c>
      <c r="CQ18" s="280">
        <v>1</v>
      </c>
      <c r="CR18" s="280">
        <v>6</v>
      </c>
      <c r="CS18" s="280">
        <v>5</v>
      </c>
      <c r="CT18" s="280">
        <v>3</v>
      </c>
      <c r="CU18" s="280">
        <v>5</v>
      </c>
      <c r="CV18" s="277">
        <v>20</v>
      </c>
      <c r="CW18" s="282">
        <v>20</v>
      </c>
    </row>
    <row r="19" spans="2:101" ht="21" customHeight="1" x14ac:dyDescent="0.2">
      <c r="B19" s="261" t="s">
        <v>17</v>
      </c>
      <c r="C19" s="276">
        <v>0</v>
      </c>
      <c r="D19" s="277">
        <v>0</v>
      </c>
      <c r="E19" s="278">
        <v>0</v>
      </c>
      <c r="F19" s="279">
        <v>0</v>
      </c>
      <c r="G19" s="280">
        <v>3</v>
      </c>
      <c r="H19" s="280">
        <v>4</v>
      </c>
      <c r="I19" s="280">
        <v>3</v>
      </c>
      <c r="J19" s="280">
        <v>4</v>
      </c>
      <c r="K19" s="280">
        <v>1</v>
      </c>
      <c r="L19" s="281">
        <v>15</v>
      </c>
      <c r="M19" s="282">
        <v>15</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41</v>
      </c>
      <c r="AD19" s="280">
        <v>313</v>
      </c>
      <c r="AE19" s="280">
        <v>135</v>
      </c>
      <c r="AF19" s="280">
        <v>86</v>
      </c>
      <c r="AG19" s="280">
        <v>50</v>
      </c>
      <c r="AH19" s="277">
        <v>825</v>
      </c>
      <c r="AI19" s="282">
        <v>825</v>
      </c>
      <c r="AJ19" s="276">
        <v>1</v>
      </c>
      <c r="AK19" s="280">
        <v>2</v>
      </c>
      <c r="AL19" s="277">
        <v>3</v>
      </c>
      <c r="AM19" s="279">
        <v>0</v>
      </c>
      <c r="AN19" s="280">
        <v>20</v>
      </c>
      <c r="AO19" s="280">
        <v>18</v>
      </c>
      <c r="AP19" s="280">
        <v>16</v>
      </c>
      <c r="AQ19" s="280">
        <v>16</v>
      </c>
      <c r="AR19" s="280">
        <v>4</v>
      </c>
      <c r="AS19" s="277">
        <v>74</v>
      </c>
      <c r="AT19" s="282">
        <v>77</v>
      </c>
      <c r="AU19" s="276">
        <v>0</v>
      </c>
      <c r="AV19" s="280">
        <v>1</v>
      </c>
      <c r="AW19" s="277">
        <v>1</v>
      </c>
      <c r="AX19" s="279">
        <v>0</v>
      </c>
      <c r="AY19" s="280">
        <v>19</v>
      </c>
      <c r="AZ19" s="280">
        <v>27</v>
      </c>
      <c r="BA19" s="280">
        <v>32</v>
      </c>
      <c r="BB19" s="280">
        <v>22</v>
      </c>
      <c r="BC19" s="280">
        <v>12</v>
      </c>
      <c r="BD19" s="277">
        <v>112</v>
      </c>
      <c r="BE19" s="282">
        <v>113</v>
      </c>
      <c r="BF19" s="276">
        <v>0</v>
      </c>
      <c r="BG19" s="280">
        <v>0</v>
      </c>
      <c r="BH19" s="277">
        <v>0</v>
      </c>
      <c r="BI19" s="279">
        <v>0</v>
      </c>
      <c r="BJ19" s="280">
        <v>39</v>
      </c>
      <c r="BK19" s="280">
        <v>58</v>
      </c>
      <c r="BL19" s="280">
        <v>58</v>
      </c>
      <c r="BM19" s="280">
        <v>49</v>
      </c>
      <c r="BN19" s="280">
        <v>22</v>
      </c>
      <c r="BO19" s="281">
        <v>226</v>
      </c>
      <c r="BP19" s="282">
        <v>226</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2</v>
      </c>
      <c r="CH19" s="280">
        <v>27</v>
      </c>
      <c r="CI19" s="280">
        <v>38</v>
      </c>
      <c r="CJ19" s="280">
        <v>39</v>
      </c>
      <c r="CK19" s="277">
        <v>106</v>
      </c>
      <c r="CL19" s="282">
        <v>106</v>
      </c>
      <c r="CM19" s="276">
        <v>0</v>
      </c>
      <c r="CN19" s="280">
        <v>0</v>
      </c>
      <c r="CO19" s="277">
        <v>0</v>
      </c>
      <c r="CP19" s="279">
        <v>0</v>
      </c>
      <c r="CQ19" s="280">
        <v>1</v>
      </c>
      <c r="CR19" s="280">
        <v>3</v>
      </c>
      <c r="CS19" s="280">
        <v>3</v>
      </c>
      <c r="CT19" s="280">
        <v>4</v>
      </c>
      <c r="CU19" s="280">
        <v>9</v>
      </c>
      <c r="CV19" s="277">
        <v>20</v>
      </c>
      <c r="CW19" s="282">
        <v>20</v>
      </c>
    </row>
    <row r="20" spans="2:101" ht="21" customHeight="1" x14ac:dyDescent="0.2">
      <c r="B20" s="261" t="s">
        <v>18</v>
      </c>
      <c r="C20" s="276">
        <v>0</v>
      </c>
      <c r="D20" s="277">
        <v>0</v>
      </c>
      <c r="E20" s="278">
        <v>0</v>
      </c>
      <c r="F20" s="279">
        <v>0</v>
      </c>
      <c r="G20" s="280">
        <v>2</v>
      </c>
      <c r="H20" s="280">
        <v>4</v>
      </c>
      <c r="I20" s="280">
        <v>1</v>
      </c>
      <c r="J20" s="280">
        <v>1</v>
      </c>
      <c r="K20" s="280">
        <v>1</v>
      </c>
      <c r="L20" s="281">
        <v>9</v>
      </c>
      <c r="M20" s="282">
        <v>9</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91</v>
      </c>
      <c r="AD20" s="280">
        <v>206</v>
      </c>
      <c r="AE20" s="280">
        <v>86</v>
      </c>
      <c r="AF20" s="280">
        <v>37</v>
      </c>
      <c r="AG20" s="280">
        <v>8</v>
      </c>
      <c r="AH20" s="277">
        <v>628</v>
      </c>
      <c r="AI20" s="282">
        <v>628</v>
      </c>
      <c r="AJ20" s="276">
        <v>0</v>
      </c>
      <c r="AK20" s="280">
        <v>0</v>
      </c>
      <c r="AL20" s="277">
        <v>0</v>
      </c>
      <c r="AM20" s="279">
        <v>0</v>
      </c>
      <c r="AN20" s="280">
        <v>12</v>
      </c>
      <c r="AO20" s="280">
        <v>4</v>
      </c>
      <c r="AP20" s="280">
        <v>25</v>
      </c>
      <c r="AQ20" s="280">
        <v>11</v>
      </c>
      <c r="AR20" s="280">
        <v>14</v>
      </c>
      <c r="AS20" s="277">
        <v>66</v>
      </c>
      <c r="AT20" s="282">
        <v>66</v>
      </c>
      <c r="AU20" s="276">
        <v>9</v>
      </c>
      <c r="AV20" s="280">
        <v>14</v>
      </c>
      <c r="AW20" s="277">
        <v>23</v>
      </c>
      <c r="AX20" s="279">
        <v>0</v>
      </c>
      <c r="AY20" s="280">
        <v>36</v>
      </c>
      <c r="AZ20" s="280">
        <v>52</v>
      </c>
      <c r="BA20" s="280">
        <v>38</v>
      </c>
      <c r="BB20" s="280">
        <v>22</v>
      </c>
      <c r="BC20" s="280">
        <v>11</v>
      </c>
      <c r="BD20" s="277">
        <v>159</v>
      </c>
      <c r="BE20" s="282">
        <v>182</v>
      </c>
      <c r="BF20" s="276">
        <v>0</v>
      </c>
      <c r="BG20" s="280">
        <v>4</v>
      </c>
      <c r="BH20" s="277">
        <v>4</v>
      </c>
      <c r="BI20" s="279">
        <v>0</v>
      </c>
      <c r="BJ20" s="280">
        <v>54</v>
      </c>
      <c r="BK20" s="280">
        <v>72</v>
      </c>
      <c r="BL20" s="280">
        <v>94</v>
      </c>
      <c r="BM20" s="280">
        <v>60</v>
      </c>
      <c r="BN20" s="280">
        <v>30</v>
      </c>
      <c r="BO20" s="281">
        <v>310</v>
      </c>
      <c r="BP20" s="282">
        <v>314</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2</v>
      </c>
      <c r="CH20" s="280">
        <v>6</v>
      </c>
      <c r="CI20" s="280">
        <v>18</v>
      </c>
      <c r="CJ20" s="280">
        <v>3</v>
      </c>
      <c r="CK20" s="277">
        <v>29</v>
      </c>
      <c r="CL20" s="282">
        <v>29</v>
      </c>
      <c r="CM20" s="276">
        <v>0</v>
      </c>
      <c r="CN20" s="280">
        <v>0</v>
      </c>
      <c r="CO20" s="277">
        <v>0</v>
      </c>
      <c r="CP20" s="279">
        <v>0</v>
      </c>
      <c r="CQ20" s="280">
        <v>7</v>
      </c>
      <c r="CR20" s="280">
        <v>15</v>
      </c>
      <c r="CS20" s="280">
        <v>14</v>
      </c>
      <c r="CT20" s="280">
        <v>16</v>
      </c>
      <c r="CU20" s="280">
        <v>26</v>
      </c>
      <c r="CV20" s="277">
        <v>78</v>
      </c>
      <c r="CW20" s="282">
        <v>78</v>
      </c>
    </row>
    <row r="21" spans="2:101" ht="21" customHeight="1" x14ac:dyDescent="0.2">
      <c r="B21" s="261" t="s">
        <v>19</v>
      </c>
      <c r="C21" s="276">
        <v>0</v>
      </c>
      <c r="D21" s="277">
        <v>0</v>
      </c>
      <c r="E21" s="278">
        <v>0</v>
      </c>
      <c r="F21" s="279">
        <v>0</v>
      </c>
      <c r="G21" s="280">
        <v>13</v>
      </c>
      <c r="H21" s="280">
        <v>12</v>
      </c>
      <c r="I21" s="280">
        <v>4</v>
      </c>
      <c r="J21" s="280">
        <v>3</v>
      </c>
      <c r="K21" s="280">
        <v>5</v>
      </c>
      <c r="L21" s="281">
        <v>37</v>
      </c>
      <c r="M21" s="282">
        <v>37</v>
      </c>
      <c r="N21" s="276">
        <v>0</v>
      </c>
      <c r="O21" s="280">
        <v>0</v>
      </c>
      <c r="P21" s="277">
        <v>0</v>
      </c>
      <c r="Q21" s="279">
        <v>0</v>
      </c>
      <c r="R21" s="280">
        <v>1</v>
      </c>
      <c r="S21" s="280">
        <v>4</v>
      </c>
      <c r="T21" s="280">
        <v>1</v>
      </c>
      <c r="U21" s="280">
        <v>3</v>
      </c>
      <c r="V21" s="280">
        <v>1</v>
      </c>
      <c r="W21" s="277">
        <v>10</v>
      </c>
      <c r="X21" s="282">
        <v>10</v>
      </c>
      <c r="Y21" s="276">
        <v>0</v>
      </c>
      <c r="Z21" s="280">
        <v>0</v>
      </c>
      <c r="AA21" s="277">
        <v>0</v>
      </c>
      <c r="AB21" s="279">
        <v>0</v>
      </c>
      <c r="AC21" s="280">
        <v>137</v>
      </c>
      <c r="AD21" s="280">
        <v>103</v>
      </c>
      <c r="AE21" s="280">
        <v>42</v>
      </c>
      <c r="AF21" s="280">
        <v>26</v>
      </c>
      <c r="AG21" s="280">
        <v>14</v>
      </c>
      <c r="AH21" s="277">
        <v>322</v>
      </c>
      <c r="AI21" s="282">
        <v>322</v>
      </c>
      <c r="AJ21" s="276">
        <v>0</v>
      </c>
      <c r="AK21" s="280">
        <v>0</v>
      </c>
      <c r="AL21" s="277">
        <v>0</v>
      </c>
      <c r="AM21" s="279">
        <v>0</v>
      </c>
      <c r="AN21" s="280">
        <v>14</v>
      </c>
      <c r="AO21" s="280">
        <v>19</v>
      </c>
      <c r="AP21" s="280">
        <v>18</v>
      </c>
      <c r="AQ21" s="280">
        <v>1</v>
      </c>
      <c r="AR21" s="280">
        <v>2</v>
      </c>
      <c r="AS21" s="277">
        <v>54</v>
      </c>
      <c r="AT21" s="282">
        <v>54</v>
      </c>
      <c r="AU21" s="276">
        <v>0</v>
      </c>
      <c r="AV21" s="280">
        <v>2</v>
      </c>
      <c r="AW21" s="277">
        <v>2</v>
      </c>
      <c r="AX21" s="279">
        <v>0</v>
      </c>
      <c r="AY21" s="280">
        <v>25</v>
      </c>
      <c r="AZ21" s="280">
        <v>32</v>
      </c>
      <c r="BA21" s="280">
        <v>27</v>
      </c>
      <c r="BB21" s="280">
        <v>16</v>
      </c>
      <c r="BC21" s="280">
        <v>10</v>
      </c>
      <c r="BD21" s="277">
        <v>110</v>
      </c>
      <c r="BE21" s="282">
        <v>112</v>
      </c>
      <c r="BF21" s="276">
        <v>0</v>
      </c>
      <c r="BG21" s="280">
        <v>0</v>
      </c>
      <c r="BH21" s="277">
        <v>0</v>
      </c>
      <c r="BI21" s="279">
        <v>0</v>
      </c>
      <c r="BJ21" s="280">
        <v>13</v>
      </c>
      <c r="BK21" s="280">
        <v>22</v>
      </c>
      <c r="BL21" s="280">
        <v>32</v>
      </c>
      <c r="BM21" s="280">
        <v>17</v>
      </c>
      <c r="BN21" s="280">
        <v>15</v>
      </c>
      <c r="BO21" s="281">
        <v>99</v>
      </c>
      <c r="BP21" s="282">
        <v>99</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2</v>
      </c>
      <c r="CR21" s="280">
        <v>2</v>
      </c>
      <c r="CS21" s="280">
        <v>4</v>
      </c>
      <c r="CT21" s="280">
        <v>1</v>
      </c>
      <c r="CU21" s="280">
        <v>10</v>
      </c>
      <c r="CV21" s="277">
        <v>19</v>
      </c>
      <c r="CW21" s="282">
        <v>19</v>
      </c>
    </row>
    <row r="22" spans="2:101" ht="21" customHeight="1" x14ac:dyDescent="0.2">
      <c r="B22" s="261" t="s">
        <v>20</v>
      </c>
      <c r="C22" s="276">
        <v>0</v>
      </c>
      <c r="D22" s="277">
        <v>0</v>
      </c>
      <c r="E22" s="278">
        <v>0</v>
      </c>
      <c r="F22" s="279">
        <v>0</v>
      </c>
      <c r="G22" s="280">
        <v>1</v>
      </c>
      <c r="H22" s="280">
        <v>1</v>
      </c>
      <c r="I22" s="280">
        <v>0</v>
      </c>
      <c r="J22" s="280">
        <v>0</v>
      </c>
      <c r="K22" s="280">
        <v>1</v>
      </c>
      <c r="L22" s="281">
        <v>3</v>
      </c>
      <c r="M22" s="282">
        <v>3</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99</v>
      </c>
      <c r="AD22" s="280">
        <v>91</v>
      </c>
      <c r="AE22" s="280">
        <v>56</v>
      </c>
      <c r="AF22" s="280">
        <v>18</v>
      </c>
      <c r="AG22" s="280">
        <v>3</v>
      </c>
      <c r="AH22" s="277">
        <v>367</v>
      </c>
      <c r="AI22" s="282">
        <v>367</v>
      </c>
      <c r="AJ22" s="276">
        <v>0</v>
      </c>
      <c r="AK22" s="280">
        <v>0</v>
      </c>
      <c r="AL22" s="277">
        <v>0</v>
      </c>
      <c r="AM22" s="279">
        <v>0</v>
      </c>
      <c r="AN22" s="280">
        <v>0</v>
      </c>
      <c r="AO22" s="280">
        <v>2</v>
      </c>
      <c r="AP22" s="280">
        <v>3</v>
      </c>
      <c r="AQ22" s="280">
        <v>0</v>
      </c>
      <c r="AR22" s="280">
        <v>3</v>
      </c>
      <c r="AS22" s="277">
        <v>8</v>
      </c>
      <c r="AT22" s="282">
        <v>8</v>
      </c>
      <c r="AU22" s="276">
        <v>1</v>
      </c>
      <c r="AV22" s="280">
        <v>1</v>
      </c>
      <c r="AW22" s="277">
        <v>2</v>
      </c>
      <c r="AX22" s="279">
        <v>0</v>
      </c>
      <c r="AY22" s="280">
        <v>17</v>
      </c>
      <c r="AZ22" s="280">
        <v>12</v>
      </c>
      <c r="BA22" s="280">
        <v>10</v>
      </c>
      <c r="BB22" s="280">
        <v>5</v>
      </c>
      <c r="BC22" s="280">
        <v>1</v>
      </c>
      <c r="BD22" s="277">
        <v>45</v>
      </c>
      <c r="BE22" s="282">
        <v>47</v>
      </c>
      <c r="BF22" s="276">
        <v>0</v>
      </c>
      <c r="BG22" s="280">
        <v>0</v>
      </c>
      <c r="BH22" s="277">
        <v>0</v>
      </c>
      <c r="BI22" s="279">
        <v>0</v>
      </c>
      <c r="BJ22" s="280">
        <v>17</v>
      </c>
      <c r="BK22" s="280">
        <v>21</v>
      </c>
      <c r="BL22" s="280">
        <v>32</v>
      </c>
      <c r="BM22" s="280">
        <v>16</v>
      </c>
      <c r="BN22" s="280">
        <v>14</v>
      </c>
      <c r="BO22" s="281">
        <v>100</v>
      </c>
      <c r="BP22" s="282">
        <v>100</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4</v>
      </c>
      <c r="H23" s="280">
        <v>7</v>
      </c>
      <c r="I23" s="280">
        <v>2</v>
      </c>
      <c r="J23" s="280">
        <v>4</v>
      </c>
      <c r="K23" s="280">
        <v>0</v>
      </c>
      <c r="L23" s="281">
        <v>17</v>
      </c>
      <c r="M23" s="282">
        <v>17</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95</v>
      </c>
      <c r="AD23" s="280">
        <v>185</v>
      </c>
      <c r="AE23" s="280">
        <v>74</v>
      </c>
      <c r="AF23" s="280">
        <v>28</v>
      </c>
      <c r="AG23" s="280">
        <v>12</v>
      </c>
      <c r="AH23" s="277">
        <v>494</v>
      </c>
      <c r="AI23" s="282">
        <v>494</v>
      </c>
      <c r="AJ23" s="276">
        <v>0</v>
      </c>
      <c r="AK23" s="280">
        <v>0</v>
      </c>
      <c r="AL23" s="277">
        <v>0</v>
      </c>
      <c r="AM23" s="279">
        <v>0</v>
      </c>
      <c r="AN23" s="280">
        <v>0</v>
      </c>
      <c r="AO23" s="280">
        <v>0</v>
      </c>
      <c r="AP23" s="280">
        <v>1</v>
      </c>
      <c r="AQ23" s="280">
        <v>0</v>
      </c>
      <c r="AR23" s="280">
        <v>1</v>
      </c>
      <c r="AS23" s="277">
        <v>2</v>
      </c>
      <c r="AT23" s="282">
        <v>2</v>
      </c>
      <c r="AU23" s="276">
        <v>0</v>
      </c>
      <c r="AV23" s="280">
        <v>0</v>
      </c>
      <c r="AW23" s="277">
        <v>0</v>
      </c>
      <c r="AX23" s="279">
        <v>0</v>
      </c>
      <c r="AY23" s="280">
        <v>9</v>
      </c>
      <c r="AZ23" s="280">
        <v>7</v>
      </c>
      <c r="BA23" s="280">
        <v>16</v>
      </c>
      <c r="BB23" s="280">
        <v>7</v>
      </c>
      <c r="BC23" s="280">
        <v>3</v>
      </c>
      <c r="BD23" s="277">
        <v>42</v>
      </c>
      <c r="BE23" s="282">
        <v>42</v>
      </c>
      <c r="BF23" s="276">
        <v>0</v>
      </c>
      <c r="BG23" s="280">
        <v>0</v>
      </c>
      <c r="BH23" s="277">
        <v>0</v>
      </c>
      <c r="BI23" s="279">
        <v>0</v>
      </c>
      <c r="BJ23" s="280">
        <v>19</v>
      </c>
      <c r="BK23" s="280">
        <v>39</v>
      </c>
      <c r="BL23" s="280">
        <v>37</v>
      </c>
      <c r="BM23" s="280">
        <v>16</v>
      </c>
      <c r="BN23" s="280">
        <v>10</v>
      </c>
      <c r="BO23" s="281">
        <v>121</v>
      </c>
      <c r="BP23" s="282">
        <v>121</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2</v>
      </c>
      <c r="CR23" s="280">
        <v>3</v>
      </c>
      <c r="CS23" s="280">
        <v>0</v>
      </c>
      <c r="CT23" s="280">
        <v>2</v>
      </c>
      <c r="CU23" s="280">
        <v>6</v>
      </c>
      <c r="CV23" s="277">
        <v>13</v>
      </c>
      <c r="CW23" s="282">
        <v>13</v>
      </c>
    </row>
    <row r="24" spans="2:101" ht="21" customHeight="1" x14ac:dyDescent="0.2">
      <c r="B24" s="261" t="s">
        <v>22</v>
      </c>
      <c r="C24" s="276">
        <v>0</v>
      </c>
      <c r="D24" s="277">
        <v>0</v>
      </c>
      <c r="E24" s="278">
        <v>0</v>
      </c>
      <c r="F24" s="279">
        <v>0</v>
      </c>
      <c r="G24" s="280">
        <v>2</v>
      </c>
      <c r="H24" s="280">
        <v>5</v>
      </c>
      <c r="I24" s="280">
        <v>5</v>
      </c>
      <c r="J24" s="280">
        <v>2</v>
      </c>
      <c r="K24" s="280">
        <v>0</v>
      </c>
      <c r="L24" s="281">
        <v>14</v>
      </c>
      <c r="M24" s="282">
        <v>1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28</v>
      </c>
      <c r="AD24" s="280">
        <v>91</v>
      </c>
      <c r="AE24" s="280">
        <v>33</v>
      </c>
      <c r="AF24" s="280">
        <v>18</v>
      </c>
      <c r="AG24" s="280">
        <v>6</v>
      </c>
      <c r="AH24" s="277">
        <v>276</v>
      </c>
      <c r="AI24" s="282">
        <v>276</v>
      </c>
      <c r="AJ24" s="276">
        <v>0</v>
      </c>
      <c r="AK24" s="280">
        <v>0</v>
      </c>
      <c r="AL24" s="277">
        <v>0</v>
      </c>
      <c r="AM24" s="279">
        <v>0</v>
      </c>
      <c r="AN24" s="280">
        <v>4</v>
      </c>
      <c r="AO24" s="280">
        <v>5</v>
      </c>
      <c r="AP24" s="280">
        <v>2</v>
      </c>
      <c r="AQ24" s="280">
        <v>4</v>
      </c>
      <c r="AR24" s="280">
        <v>1</v>
      </c>
      <c r="AS24" s="277">
        <v>16</v>
      </c>
      <c r="AT24" s="282">
        <v>16</v>
      </c>
      <c r="AU24" s="276">
        <v>2</v>
      </c>
      <c r="AV24" s="280">
        <v>4</v>
      </c>
      <c r="AW24" s="277">
        <v>6</v>
      </c>
      <c r="AX24" s="279">
        <v>0</v>
      </c>
      <c r="AY24" s="280">
        <v>18</v>
      </c>
      <c r="AZ24" s="280">
        <v>19</v>
      </c>
      <c r="BA24" s="280">
        <v>16</v>
      </c>
      <c r="BB24" s="280">
        <v>11</v>
      </c>
      <c r="BC24" s="280">
        <v>3</v>
      </c>
      <c r="BD24" s="277">
        <v>67</v>
      </c>
      <c r="BE24" s="282">
        <v>73</v>
      </c>
      <c r="BF24" s="276">
        <v>0</v>
      </c>
      <c r="BG24" s="280">
        <v>0</v>
      </c>
      <c r="BH24" s="277">
        <v>0</v>
      </c>
      <c r="BI24" s="279">
        <v>0</v>
      </c>
      <c r="BJ24" s="280">
        <v>15</v>
      </c>
      <c r="BK24" s="280">
        <v>18</v>
      </c>
      <c r="BL24" s="280">
        <v>12</v>
      </c>
      <c r="BM24" s="280">
        <v>8</v>
      </c>
      <c r="BN24" s="280">
        <v>4</v>
      </c>
      <c r="BO24" s="281">
        <v>57</v>
      </c>
      <c r="BP24" s="282">
        <v>57</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2</v>
      </c>
      <c r="CI24" s="280">
        <v>21</v>
      </c>
      <c r="CJ24" s="280">
        <v>7</v>
      </c>
      <c r="CK24" s="277">
        <v>30</v>
      </c>
      <c r="CL24" s="282">
        <v>30</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1</v>
      </c>
      <c r="I25" s="280">
        <v>0</v>
      </c>
      <c r="J25" s="280">
        <v>0</v>
      </c>
      <c r="K25" s="280">
        <v>2</v>
      </c>
      <c r="L25" s="281">
        <v>3</v>
      </c>
      <c r="M25" s="282">
        <v>3</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62</v>
      </c>
      <c r="AD25" s="280">
        <v>40</v>
      </c>
      <c r="AE25" s="280">
        <v>22</v>
      </c>
      <c r="AF25" s="280">
        <v>10</v>
      </c>
      <c r="AG25" s="280">
        <v>6</v>
      </c>
      <c r="AH25" s="277">
        <v>140</v>
      </c>
      <c r="AI25" s="282">
        <v>140</v>
      </c>
      <c r="AJ25" s="276">
        <v>0</v>
      </c>
      <c r="AK25" s="280">
        <v>0</v>
      </c>
      <c r="AL25" s="277">
        <v>0</v>
      </c>
      <c r="AM25" s="279">
        <v>0</v>
      </c>
      <c r="AN25" s="280">
        <v>0</v>
      </c>
      <c r="AO25" s="280">
        <v>0</v>
      </c>
      <c r="AP25" s="280">
        <v>2</v>
      </c>
      <c r="AQ25" s="280">
        <v>1</v>
      </c>
      <c r="AR25" s="280">
        <v>1</v>
      </c>
      <c r="AS25" s="277">
        <v>4</v>
      </c>
      <c r="AT25" s="282">
        <v>4</v>
      </c>
      <c r="AU25" s="276">
        <v>0</v>
      </c>
      <c r="AV25" s="280">
        <v>0</v>
      </c>
      <c r="AW25" s="277">
        <v>0</v>
      </c>
      <c r="AX25" s="279">
        <v>0</v>
      </c>
      <c r="AY25" s="280">
        <v>6</v>
      </c>
      <c r="AZ25" s="280">
        <v>5</v>
      </c>
      <c r="BA25" s="280">
        <v>3</v>
      </c>
      <c r="BB25" s="280">
        <v>1</v>
      </c>
      <c r="BC25" s="280">
        <v>2</v>
      </c>
      <c r="BD25" s="277">
        <v>17</v>
      </c>
      <c r="BE25" s="282">
        <v>17</v>
      </c>
      <c r="BF25" s="276">
        <v>0</v>
      </c>
      <c r="BG25" s="280">
        <v>0</v>
      </c>
      <c r="BH25" s="277">
        <v>0</v>
      </c>
      <c r="BI25" s="279">
        <v>0</v>
      </c>
      <c r="BJ25" s="280">
        <v>29</v>
      </c>
      <c r="BK25" s="280">
        <v>15</v>
      </c>
      <c r="BL25" s="280">
        <v>22</v>
      </c>
      <c r="BM25" s="280">
        <v>13</v>
      </c>
      <c r="BN25" s="280">
        <v>8</v>
      </c>
      <c r="BO25" s="281">
        <v>87</v>
      </c>
      <c r="BP25" s="282">
        <v>87</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1</v>
      </c>
      <c r="CU25" s="280">
        <v>0</v>
      </c>
      <c r="CV25" s="277">
        <v>1</v>
      </c>
      <c r="CW25" s="282">
        <v>1</v>
      </c>
    </row>
    <row r="26" spans="2:101" ht="21" customHeight="1" x14ac:dyDescent="0.2">
      <c r="B26" s="261" t="s">
        <v>24</v>
      </c>
      <c r="C26" s="276">
        <v>0</v>
      </c>
      <c r="D26" s="277">
        <v>0</v>
      </c>
      <c r="E26" s="278">
        <v>0</v>
      </c>
      <c r="F26" s="279">
        <v>0</v>
      </c>
      <c r="G26" s="280">
        <v>2</v>
      </c>
      <c r="H26" s="280">
        <v>3</v>
      </c>
      <c r="I26" s="280">
        <v>2</v>
      </c>
      <c r="J26" s="280">
        <v>1</v>
      </c>
      <c r="K26" s="280">
        <v>0</v>
      </c>
      <c r="L26" s="281">
        <v>8</v>
      </c>
      <c r="M26" s="282">
        <v>8</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7</v>
      </c>
      <c r="AD26" s="280">
        <v>16</v>
      </c>
      <c r="AE26" s="280">
        <v>16</v>
      </c>
      <c r="AF26" s="280">
        <v>4</v>
      </c>
      <c r="AG26" s="280">
        <v>2</v>
      </c>
      <c r="AH26" s="277">
        <v>65</v>
      </c>
      <c r="AI26" s="282">
        <v>65</v>
      </c>
      <c r="AJ26" s="276">
        <v>0</v>
      </c>
      <c r="AK26" s="280">
        <v>0</v>
      </c>
      <c r="AL26" s="277">
        <v>0</v>
      </c>
      <c r="AM26" s="279">
        <v>0</v>
      </c>
      <c r="AN26" s="280">
        <v>9</v>
      </c>
      <c r="AO26" s="280">
        <v>3</v>
      </c>
      <c r="AP26" s="280">
        <v>5</v>
      </c>
      <c r="AQ26" s="280">
        <v>2</v>
      </c>
      <c r="AR26" s="280">
        <v>1</v>
      </c>
      <c r="AS26" s="277">
        <v>20</v>
      </c>
      <c r="AT26" s="282">
        <v>20</v>
      </c>
      <c r="AU26" s="276">
        <v>2</v>
      </c>
      <c r="AV26" s="280">
        <v>3</v>
      </c>
      <c r="AW26" s="277">
        <v>5</v>
      </c>
      <c r="AX26" s="279">
        <v>0</v>
      </c>
      <c r="AY26" s="280">
        <v>19</v>
      </c>
      <c r="AZ26" s="280">
        <v>9</v>
      </c>
      <c r="BA26" s="280">
        <v>8</v>
      </c>
      <c r="BB26" s="280">
        <v>4</v>
      </c>
      <c r="BC26" s="280">
        <v>2</v>
      </c>
      <c r="BD26" s="277">
        <v>42</v>
      </c>
      <c r="BE26" s="282">
        <v>47</v>
      </c>
      <c r="BF26" s="276">
        <v>0</v>
      </c>
      <c r="BG26" s="280">
        <v>0</v>
      </c>
      <c r="BH26" s="277">
        <v>0</v>
      </c>
      <c r="BI26" s="279">
        <v>0</v>
      </c>
      <c r="BJ26" s="280">
        <v>2</v>
      </c>
      <c r="BK26" s="280">
        <v>4</v>
      </c>
      <c r="BL26" s="280">
        <v>8</v>
      </c>
      <c r="BM26" s="280">
        <v>8</v>
      </c>
      <c r="BN26" s="280">
        <v>5</v>
      </c>
      <c r="BO26" s="281">
        <v>27</v>
      </c>
      <c r="BP26" s="282">
        <v>27</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81</v>
      </c>
      <c r="AD27" s="280">
        <v>34</v>
      </c>
      <c r="AE27" s="280">
        <v>19</v>
      </c>
      <c r="AF27" s="280">
        <v>3</v>
      </c>
      <c r="AG27" s="280">
        <v>1</v>
      </c>
      <c r="AH27" s="277">
        <v>138</v>
      </c>
      <c r="AI27" s="282">
        <v>138</v>
      </c>
      <c r="AJ27" s="276">
        <v>0</v>
      </c>
      <c r="AK27" s="280">
        <v>0</v>
      </c>
      <c r="AL27" s="277">
        <v>0</v>
      </c>
      <c r="AM27" s="279">
        <v>0</v>
      </c>
      <c r="AN27" s="280">
        <v>0</v>
      </c>
      <c r="AO27" s="280">
        <v>0</v>
      </c>
      <c r="AP27" s="280">
        <v>0</v>
      </c>
      <c r="AQ27" s="280">
        <v>0</v>
      </c>
      <c r="AR27" s="280">
        <v>0</v>
      </c>
      <c r="AS27" s="277">
        <v>0</v>
      </c>
      <c r="AT27" s="282">
        <v>0</v>
      </c>
      <c r="AU27" s="276">
        <v>2</v>
      </c>
      <c r="AV27" s="280">
        <v>0</v>
      </c>
      <c r="AW27" s="277">
        <v>2</v>
      </c>
      <c r="AX27" s="279">
        <v>0</v>
      </c>
      <c r="AY27" s="280">
        <v>3</v>
      </c>
      <c r="AZ27" s="280">
        <v>8</v>
      </c>
      <c r="BA27" s="280">
        <v>1</v>
      </c>
      <c r="BB27" s="280">
        <v>0</v>
      </c>
      <c r="BC27" s="280">
        <v>0</v>
      </c>
      <c r="BD27" s="277">
        <v>12</v>
      </c>
      <c r="BE27" s="282">
        <v>14</v>
      </c>
      <c r="BF27" s="276">
        <v>0</v>
      </c>
      <c r="BG27" s="280">
        <v>0</v>
      </c>
      <c r="BH27" s="277">
        <v>0</v>
      </c>
      <c r="BI27" s="279">
        <v>0</v>
      </c>
      <c r="BJ27" s="280">
        <v>6</v>
      </c>
      <c r="BK27" s="280">
        <v>10</v>
      </c>
      <c r="BL27" s="280">
        <v>8</v>
      </c>
      <c r="BM27" s="280">
        <v>6</v>
      </c>
      <c r="BN27" s="280">
        <v>0</v>
      </c>
      <c r="BO27" s="281">
        <v>30</v>
      </c>
      <c r="BP27" s="282">
        <v>3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3</v>
      </c>
      <c r="AD28" s="280">
        <v>45</v>
      </c>
      <c r="AE28" s="280">
        <v>25</v>
      </c>
      <c r="AF28" s="280">
        <v>5</v>
      </c>
      <c r="AG28" s="280">
        <v>7</v>
      </c>
      <c r="AH28" s="277">
        <v>125</v>
      </c>
      <c r="AI28" s="282">
        <v>125</v>
      </c>
      <c r="AJ28" s="276">
        <v>0</v>
      </c>
      <c r="AK28" s="280">
        <v>0</v>
      </c>
      <c r="AL28" s="277">
        <v>0</v>
      </c>
      <c r="AM28" s="279">
        <v>0</v>
      </c>
      <c r="AN28" s="280">
        <v>2</v>
      </c>
      <c r="AO28" s="280">
        <v>2</v>
      </c>
      <c r="AP28" s="280">
        <v>3</v>
      </c>
      <c r="AQ28" s="280">
        <v>3</v>
      </c>
      <c r="AR28" s="280">
        <v>1</v>
      </c>
      <c r="AS28" s="277">
        <v>11</v>
      </c>
      <c r="AT28" s="282">
        <v>11</v>
      </c>
      <c r="AU28" s="276">
        <v>1</v>
      </c>
      <c r="AV28" s="280">
        <v>0</v>
      </c>
      <c r="AW28" s="277">
        <v>1</v>
      </c>
      <c r="AX28" s="279">
        <v>0</v>
      </c>
      <c r="AY28" s="280">
        <v>7</v>
      </c>
      <c r="AZ28" s="280">
        <v>4</v>
      </c>
      <c r="BA28" s="280">
        <v>4</v>
      </c>
      <c r="BB28" s="280">
        <v>0</v>
      </c>
      <c r="BC28" s="280">
        <v>2</v>
      </c>
      <c r="BD28" s="277">
        <v>17</v>
      </c>
      <c r="BE28" s="282">
        <v>18</v>
      </c>
      <c r="BF28" s="276">
        <v>0</v>
      </c>
      <c r="BG28" s="280">
        <v>0</v>
      </c>
      <c r="BH28" s="277">
        <v>0</v>
      </c>
      <c r="BI28" s="279">
        <v>0</v>
      </c>
      <c r="BJ28" s="280">
        <v>11</v>
      </c>
      <c r="BK28" s="280">
        <v>14</v>
      </c>
      <c r="BL28" s="280">
        <v>18</v>
      </c>
      <c r="BM28" s="280">
        <v>10</v>
      </c>
      <c r="BN28" s="280">
        <v>0</v>
      </c>
      <c r="BO28" s="281">
        <v>53</v>
      </c>
      <c r="BP28" s="282">
        <v>53</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33</v>
      </c>
      <c r="AD29" s="280">
        <v>16</v>
      </c>
      <c r="AE29" s="280">
        <v>7</v>
      </c>
      <c r="AF29" s="280">
        <v>3</v>
      </c>
      <c r="AG29" s="280">
        <v>0</v>
      </c>
      <c r="AH29" s="277">
        <v>59</v>
      </c>
      <c r="AI29" s="282">
        <v>59</v>
      </c>
      <c r="AJ29" s="276">
        <v>0</v>
      </c>
      <c r="AK29" s="280">
        <v>0</v>
      </c>
      <c r="AL29" s="277">
        <v>0</v>
      </c>
      <c r="AM29" s="279">
        <v>0</v>
      </c>
      <c r="AN29" s="280">
        <v>4</v>
      </c>
      <c r="AO29" s="280">
        <v>0</v>
      </c>
      <c r="AP29" s="280">
        <v>2</v>
      </c>
      <c r="AQ29" s="280">
        <v>2</v>
      </c>
      <c r="AR29" s="280">
        <v>1</v>
      </c>
      <c r="AS29" s="277">
        <v>9</v>
      </c>
      <c r="AT29" s="282">
        <v>9</v>
      </c>
      <c r="AU29" s="276">
        <v>0</v>
      </c>
      <c r="AV29" s="280">
        <v>0</v>
      </c>
      <c r="AW29" s="277">
        <v>0</v>
      </c>
      <c r="AX29" s="279">
        <v>0</v>
      </c>
      <c r="AY29" s="280">
        <v>0</v>
      </c>
      <c r="AZ29" s="280">
        <v>0</v>
      </c>
      <c r="BA29" s="280">
        <v>1</v>
      </c>
      <c r="BB29" s="280">
        <v>0</v>
      </c>
      <c r="BC29" s="280">
        <v>0</v>
      </c>
      <c r="BD29" s="277">
        <v>1</v>
      </c>
      <c r="BE29" s="282">
        <v>1</v>
      </c>
      <c r="BF29" s="276">
        <v>0</v>
      </c>
      <c r="BG29" s="280">
        <v>0</v>
      </c>
      <c r="BH29" s="277">
        <v>0</v>
      </c>
      <c r="BI29" s="279">
        <v>0</v>
      </c>
      <c r="BJ29" s="280">
        <v>10</v>
      </c>
      <c r="BK29" s="280">
        <v>5</v>
      </c>
      <c r="BL29" s="280">
        <v>8</v>
      </c>
      <c r="BM29" s="280">
        <v>5</v>
      </c>
      <c r="BN29" s="280">
        <v>5</v>
      </c>
      <c r="BO29" s="281">
        <v>33</v>
      </c>
      <c r="BP29" s="282">
        <v>33</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9</v>
      </c>
      <c r="CI29" s="280">
        <v>11</v>
      </c>
      <c r="CJ29" s="280">
        <v>5</v>
      </c>
      <c r="CK29" s="277">
        <v>25</v>
      </c>
      <c r="CL29" s="282">
        <v>25</v>
      </c>
      <c r="CM29" s="276">
        <v>0</v>
      </c>
      <c r="CN29" s="280">
        <v>0</v>
      </c>
      <c r="CO29" s="277">
        <v>0</v>
      </c>
      <c r="CP29" s="279">
        <v>0</v>
      </c>
      <c r="CQ29" s="280">
        <v>0</v>
      </c>
      <c r="CR29" s="280">
        <v>0</v>
      </c>
      <c r="CS29" s="280">
        <v>0</v>
      </c>
      <c r="CT29" s="280">
        <v>1</v>
      </c>
      <c r="CU29" s="280">
        <v>0</v>
      </c>
      <c r="CV29" s="277">
        <v>1</v>
      </c>
      <c r="CW29" s="282">
        <v>1</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2</v>
      </c>
      <c r="AD30" s="280">
        <v>14</v>
      </c>
      <c r="AE30" s="280">
        <v>2</v>
      </c>
      <c r="AF30" s="280">
        <v>1</v>
      </c>
      <c r="AG30" s="280">
        <v>1</v>
      </c>
      <c r="AH30" s="277">
        <v>40</v>
      </c>
      <c r="AI30" s="282">
        <v>40</v>
      </c>
      <c r="AJ30" s="276">
        <v>0</v>
      </c>
      <c r="AK30" s="280">
        <v>0</v>
      </c>
      <c r="AL30" s="277">
        <v>0</v>
      </c>
      <c r="AM30" s="279">
        <v>0</v>
      </c>
      <c r="AN30" s="280">
        <v>2</v>
      </c>
      <c r="AO30" s="280">
        <v>2</v>
      </c>
      <c r="AP30" s="280">
        <v>1</v>
      </c>
      <c r="AQ30" s="280">
        <v>0</v>
      </c>
      <c r="AR30" s="280">
        <v>1</v>
      </c>
      <c r="AS30" s="277">
        <v>6</v>
      </c>
      <c r="AT30" s="282">
        <v>6</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1</v>
      </c>
      <c r="BK30" s="280">
        <v>4</v>
      </c>
      <c r="BL30" s="280">
        <v>4</v>
      </c>
      <c r="BM30" s="280">
        <v>3</v>
      </c>
      <c r="BN30" s="280">
        <v>4</v>
      </c>
      <c r="BO30" s="281">
        <v>16</v>
      </c>
      <c r="BP30" s="282">
        <v>16</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1</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2</v>
      </c>
      <c r="H31" s="280">
        <v>0</v>
      </c>
      <c r="I31" s="280">
        <v>1</v>
      </c>
      <c r="J31" s="280">
        <v>0</v>
      </c>
      <c r="K31" s="280">
        <v>0</v>
      </c>
      <c r="L31" s="281">
        <v>3</v>
      </c>
      <c r="M31" s="282">
        <v>3</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8</v>
      </c>
      <c r="AD31" s="280">
        <v>18</v>
      </c>
      <c r="AE31" s="280">
        <v>3</v>
      </c>
      <c r="AF31" s="280">
        <v>4</v>
      </c>
      <c r="AG31" s="280">
        <v>0</v>
      </c>
      <c r="AH31" s="277">
        <v>43</v>
      </c>
      <c r="AI31" s="282">
        <v>43</v>
      </c>
      <c r="AJ31" s="276">
        <v>0</v>
      </c>
      <c r="AK31" s="280">
        <v>0</v>
      </c>
      <c r="AL31" s="277">
        <v>0</v>
      </c>
      <c r="AM31" s="279">
        <v>0</v>
      </c>
      <c r="AN31" s="280">
        <v>1</v>
      </c>
      <c r="AO31" s="280">
        <v>0</v>
      </c>
      <c r="AP31" s="280">
        <v>1</v>
      </c>
      <c r="AQ31" s="280">
        <v>1</v>
      </c>
      <c r="AR31" s="280">
        <v>0</v>
      </c>
      <c r="AS31" s="277">
        <v>3</v>
      </c>
      <c r="AT31" s="282">
        <v>3</v>
      </c>
      <c r="AU31" s="276">
        <v>0</v>
      </c>
      <c r="AV31" s="280">
        <v>4</v>
      </c>
      <c r="AW31" s="277">
        <v>4</v>
      </c>
      <c r="AX31" s="279">
        <v>0</v>
      </c>
      <c r="AY31" s="280">
        <v>8</v>
      </c>
      <c r="AZ31" s="280">
        <v>3</v>
      </c>
      <c r="BA31" s="280">
        <v>7</v>
      </c>
      <c r="BB31" s="280">
        <v>5</v>
      </c>
      <c r="BC31" s="280">
        <v>1</v>
      </c>
      <c r="BD31" s="277">
        <v>24</v>
      </c>
      <c r="BE31" s="282">
        <v>28</v>
      </c>
      <c r="BF31" s="276">
        <v>0</v>
      </c>
      <c r="BG31" s="280">
        <v>0</v>
      </c>
      <c r="BH31" s="277">
        <v>0</v>
      </c>
      <c r="BI31" s="279">
        <v>0</v>
      </c>
      <c r="BJ31" s="280">
        <v>4</v>
      </c>
      <c r="BK31" s="280">
        <v>4</v>
      </c>
      <c r="BL31" s="280">
        <v>4</v>
      </c>
      <c r="BM31" s="280">
        <v>0</v>
      </c>
      <c r="BN31" s="280">
        <v>3</v>
      </c>
      <c r="BO31" s="281">
        <v>15</v>
      </c>
      <c r="BP31" s="282">
        <v>15</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10</v>
      </c>
      <c r="CI31" s="280">
        <v>9</v>
      </c>
      <c r="CJ31" s="280">
        <v>6</v>
      </c>
      <c r="CK31" s="277">
        <v>25</v>
      </c>
      <c r="CL31" s="282">
        <v>25</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1</v>
      </c>
      <c r="I32" s="280">
        <v>1</v>
      </c>
      <c r="J32" s="280">
        <v>0</v>
      </c>
      <c r="K32" s="280">
        <v>0</v>
      </c>
      <c r="L32" s="281">
        <v>2</v>
      </c>
      <c r="M32" s="282">
        <v>2</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4</v>
      </c>
      <c r="AD32" s="280">
        <v>9</v>
      </c>
      <c r="AE32" s="280">
        <v>10</v>
      </c>
      <c r="AF32" s="280">
        <v>3</v>
      </c>
      <c r="AG32" s="280">
        <v>0</v>
      </c>
      <c r="AH32" s="277">
        <v>46</v>
      </c>
      <c r="AI32" s="282">
        <v>46</v>
      </c>
      <c r="AJ32" s="276">
        <v>1</v>
      </c>
      <c r="AK32" s="280">
        <v>0</v>
      </c>
      <c r="AL32" s="277">
        <v>1</v>
      </c>
      <c r="AM32" s="279">
        <v>0</v>
      </c>
      <c r="AN32" s="280">
        <v>2</v>
      </c>
      <c r="AO32" s="280">
        <v>2</v>
      </c>
      <c r="AP32" s="280">
        <v>1</v>
      </c>
      <c r="AQ32" s="280">
        <v>0</v>
      </c>
      <c r="AR32" s="280">
        <v>0</v>
      </c>
      <c r="AS32" s="277">
        <v>5</v>
      </c>
      <c r="AT32" s="282">
        <v>6</v>
      </c>
      <c r="AU32" s="276">
        <v>0</v>
      </c>
      <c r="AV32" s="280">
        <v>0</v>
      </c>
      <c r="AW32" s="277">
        <v>0</v>
      </c>
      <c r="AX32" s="279">
        <v>0</v>
      </c>
      <c r="AY32" s="280">
        <v>0</v>
      </c>
      <c r="AZ32" s="280">
        <v>0</v>
      </c>
      <c r="BA32" s="280">
        <v>0</v>
      </c>
      <c r="BB32" s="280">
        <v>1</v>
      </c>
      <c r="BC32" s="280">
        <v>1</v>
      </c>
      <c r="BD32" s="277">
        <v>2</v>
      </c>
      <c r="BE32" s="282">
        <v>2</v>
      </c>
      <c r="BF32" s="276">
        <v>0</v>
      </c>
      <c r="BG32" s="280">
        <v>0</v>
      </c>
      <c r="BH32" s="277">
        <v>0</v>
      </c>
      <c r="BI32" s="279">
        <v>0</v>
      </c>
      <c r="BJ32" s="280">
        <v>6</v>
      </c>
      <c r="BK32" s="280">
        <v>3</v>
      </c>
      <c r="BL32" s="280">
        <v>4</v>
      </c>
      <c r="BM32" s="280">
        <v>5</v>
      </c>
      <c r="BN32" s="280">
        <v>1</v>
      </c>
      <c r="BO32" s="281">
        <v>19</v>
      </c>
      <c r="BP32" s="282">
        <v>19</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2</v>
      </c>
      <c r="I33" s="280">
        <v>0</v>
      </c>
      <c r="J33" s="280">
        <v>0</v>
      </c>
      <c r="K33" s="280">
        <v>0</v>
      </c>
      <c r="L33" s="281">
        <v>2</v>
      </c>
      <c r="M33" s="282">
        <v>2</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37</v>
      </c>
      <c r="AD33" s="280">
        <v>17</v>
      </c>
      <c r="AE33" s="280">
        <v>8</v>
      </c>
      <c r="AF33" s="280">
        <v>2</v>
      </c>
      <c r="AG33" s="280">
        <v>0</v>
      </c>
      <c r="AH33" s="277">
        <v>64</v>
      </c>
      <c r="AI33" s="282">
        <v>64</v>
      </c>
      <c r="AJ33" s="276">
        <v>0</v>
      </c>
      <c r="AK33" s="280">
        <v>0</v>
      </c>
      <c r="AL33" s="277">
        <v>0</v>
      </c>
      <c r="AM33" s="279">
        <v>0</v>
      </c>
      <c r="AN33" s="280">
        <v>0</v>
      </c>
      <c r="AO33" s="280">
        <v>0</v>
      </c>
      <c r="AP33" s="280">
        <v>0</v>
      </c>
      <c r="AQ33" s="280">
        <v>1</v>
      </c>
      <c r="AR33" s="280">
        <v>1</v>
      </c>
      <c r="AS33" s="277">
        <v>2</v>
      </c>
      <c r="AT33" s="282">
        <v>2</v>
      </c>
      <c r="AU33" s="276">
        <v>0</v>
      </c>
      <c r="AV33" s="280">
        <v>2</v>
      </c>
      <c r="AW33" s="277">
        <v>2</v>
      </c>
      <c r="AX33" s="279">
        <v>0</v>
      </c>
      <c r="AY33" s="280">
        <v>10</v>
      </c>
      <c r="AZ33" s="280">
        <v>5</v>
      </c>
      <c r="BA33" s="280">
        <v>5</v>
      </c>
      <c r="BB33" s="280">
        <v>3</v>
      </c>
      <c r="BC33" s="280">
        <v>1</v>
      </c>
      <c r="BD33" s="277">
        <v>24</v>
      </c>
      <c r="BE33" s="282">
        <v>26</v>
      </c>
      <c r="BF33" s="276">
        <v>0</v>
      </c>
      <c r="BG33" s="280">
        <v>0</v>
      </c>
      <c r="BH33" s="277">
        <v>0</v>
      </c>
      <c r="BI33" s="279">
        <v>0</v>
      </c>
      <c r="BJ33" s="280">
        <v>6</v>
      </c>
      <c r="BK33" s="280">
        <v>8</v>
      </c>
      <c r="BL33" s="280">
        <v>12</v>
      </c>
      <c r="BM33" s="280">
        <v>11</v>
      </c>
      <c r="BN33" s="280">
        <v>5</v>
      </c>
      <c r="BO33" s="281">
        <v>42</v>
      </c>
      <c r="BP33" s="282">
        <v>42</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2</v>
      </c>
      <c r="H34" s="280">
        <v>1</v>
      </c>
      <c r="I34" s="280">
        <v>0</v>
      </c>
      <c r="J34" s="280">
        <v>3</v>
      </c>
      <c r="K34" s="280">
        <v>0</v>
      </c>
      <c r="L34" s="281">
        <v>6</v>
      </c>
      <c r="M34" s="282">
        <v>6</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35</v>
      </c>
      <c r="AD34" s="280">
        <v>31</v>
      </c>
      <c r="AE34" s="280">
        <v>8</v>
      </c>
      <c r="AF34" s="280">
        <v>2</v>
      </c>
      <c r="AG34" s="280">
        <v>3</v>
      </c>
      <c r="AH34" s="277">
        <v>79</v>
      </c>
      <c r="AI34" s="282">
        <v>79</v>
      </c>
      <c r="AJ34" s="276">
        <v>0</v>
      </c>
      <c r="AK34" s="280">
        <v>0</v>
      </c>
      <c r="AL34" s="277">
        <v>0</v>
      </c>
      <c r="AM34" s="279">
        <v>0</v>
      </c>
      <c r="AN34" s="280">
        <v>3</v>
      </c>
      <c r="AO34" s="280">
        <v>1</v>
      </c>
      <c r="AP34" s="280">
        <v>2</v>
      </c>
      <c r="AQ34" s="280">
        <v>0</v>
      </c>
      <c r="AR34" s="280">
        <v>1</v>
      </c>
      <c r="AS34" s="277">
        <v>7</v>
      </c>
      <c r="AT34" s="282">
        <v>7</v>
      </c>
      <c r="AU34" s="276">
        <v>1</v>
      </c>
      <c r="AV34" s="280">
        <v>4</v>
      </c>
      <c r="AW34" s="277">
        <v>5</v>
      </c>
      <c r="AX34" s="279">
        <v>0</v>
      </c>
      <c r="AY34" s="280">
        <v>3</v>
      </c>
      <c r="AZ34" s="280">
        <v>1</v>
      </c>
      <c r="BA34" s="280">
        <v>2</v>
      </c>
      <c r="BB34" s="280">
        <v>2</v>
      </c>
      <c r="BC34" s="280">
        <v>0</v>
      </c>
      <c r="BD34" s="277">
        <v>8</v>
      </c>
      <c r="BE34" s="282">
        <v>13</v>
      </c>
      <c r="BF34" s="276">
        <v>0</v>
      </c>
      <c r="BG34" s="280">
        <v>0</v>
      </c>
      <c r="BH34" s="277">
        <v>0</v>
      </c>
      <c r="BI34" s="279">
        <v>0</v>
      </c>
      <c r="BJ34" s="280">
        <v>2</v>
      </c>
      <c r="BK34" s="280">
        <v>5</v>
      </c>
      <c r="BL34" s="280">
        <v>12</v>
      </c>
      <c r="BM34" s="280">
        <v>9</v>
      </c>
      <c r="BN34" s="280">
        <v>6</v>
      </c>
      <c r="BO34" s="281">
        <v>34</v>
      </c>
      <c r="BP34" s="282">
        <v>34</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1</v>
      </c>
      <c r="CG34" s="280">
        <v>2</v>
      </c>
      <c r="CH34" s="280">
        <v>14</v>
      </c>
      <c r="CI34" s="280">
        <v>9</v>
      </c>
      <c r="CJ34" s="280">
        <v>1</v>
      </c>
      <c r="CK34" s="277">
        <v>27</v>
      </c>
      <c r="CL34" s="282">
        <v>27</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7</v>
      </c>
      <c r="AD35" s="280">
        <v>11</v>
      </c>
      <c r="AE35" s="280">
        <v>8</v>
      </c>
      <c r="AF35" s="280">
        <v>0</v>
      </c>
      <c r="AG35" s="280">
        <v>2</v>
      </c>
      <c r="AH35" s="277">
        <v>48</v>
      </c>
      <c r="AI35" s="282">
        <v>48</v>
      </c>
      <c r="AJ35" s="276">
        <v>0</v>
      </c>
      <c r="AK35" s="280">
        <v>0</v>
      </c>
      <c r="AL35" s="277">
        <v>0</v>
      </c>
      <c r="AM35" s="279">
        <v>0</v>
      </c>
      <c r="AN35" s="280">
        <v>0</v>
      </c>
      <c r="AO35" s="280">
        <v>0</v>
      </c>
      <c r="AP35" s="280">
        <v>1</v>
      </c>
      <c r="AQ35" s="280">
        <v>0</v>
      </c>
      <c r="AR35" s="280">
        <v>0</v>
      </c>
      <c r="AS35" s="277">
        <v>1</v>
      </c>
      <c r="AT35" s="282">
        <v>1</v>
      </c>
      <c r="AU35" s="276">
        <v>0</v>
      </c>
      <c r="AV35" s="280">
        <v>0</v>
      </c>
      <c r="AW35" s="277">
        <v>0</v>
      </c>
      <c r="AX35" s="279">
        <v>0</v>
      </c>
      <c r="AY35" s="280">
        <v>0</v>
      </c>
      <c r="AZ35" s="280">
        <v>0</v>
      </c>
      <c r="BA35" s="280">
        <v>0</v>
      </c>
      <c r="BB35" s="280">
        <v>0</v>
      </c>
      <c r="BC35" s="280">
        <v>0</v>
      </c>
      <c r="BD35" s="277">
        <v>0</v>
      </c>
      <c r="BE35" s="282">
        <v>0</v>
      </c>
      <c r="BF35" s="276">
        <v>0</v>
      </c>
      <c r="BG35" s="280">
        <v>2</v>
      </c>
      <c r="BH35" s="277">
        <v>2</v>
      </c>
      <c r="BI35" s="279">
        <v>0</v>
      </c>
      <c r="BJ35" s="280">
        <v>2</v>
      </c>
      <c r="BK35" s="280">
        <v>3</v>
      </c>
      <c r="BL35" s="280">
        <v>7</v>
      </c>
      <c r="BM35" s="280">
        <v>1</v>
      </c>
      <c r="BN35" s="280">
        <v>1</v>
      </c>
      <c r="BO35" s="281">
        <v>14</v>
      </c>
      <c r="BP35" s="282">
        <v>16</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4</v>
      </c>
      <c r="CR35" s="280">
        <v>5</v>
      </c>
      <c r="CS35" s="280">
        <v>5</v>
      </c>
      <c r="CT35" s="280">
        <v>1</v>
      </c>
      <c r="CU35" s="280">
        <v>5</v>
      </c>
      <c r="CV35" s="277">
        <v>20</v>
      </c>
      <c r="CW35" s="282">
        <v>20</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2</v>
      </c>
      <c r="AD36" s="280">
        <v>8</v>
      </c>
      <c r="AE36" s="280">
        <v>2</v>
      </c>
      <c r="AF36" s="280">
        <v>2</v>
      </c>
      <c r="AG36" s="280">
        <v>1</v>
      </c>
      <c r="AH36" s="277">
        <v>25</v>
      </c>
      <c r="AI36" s="282">
        <v>25</v>
      </c>
      <c r="AJ36" s="276">
        <v>0</v>
      </c>
      <c r="AK36" s="280">
        <v>0</v>
      </c>
      <c r="AL36" s="277">
        <v>0</v>
      </c>
      <c r="AM36" s="279">
        <v>0</v>
      </c>
      <c r="AN36" s="280">
        <v>0</v>
      </c>
      <c r="AO36" s="280">
        <v>0</v>
      </c>
      <c r="AP36" s="280">
        <v>0</v>
      </c>
      <c r="AQ36" s="280">
        <v>0</v>
      </c>
      <c r="AR36" s="280">
        <v>1</v>
      </c>
      <c r="AS36" s="277">
        <v>1</v>
      </c>
      <c r="AT36" s="282">
        <v>1</v>
      </c>
      <c r="AU36" s="276">
        <v>2</v>
      </c>
      <c r="AV36" s="280">
        <v>4</v>
      </c>
      <c r="AW36" s="277">
        <v>6</v>
      </c>
      <c r="AX36" s="279">
        <v>0</v>
      </c>
      <c r="AY36" s="280">
        <v>8</v>
      </c>
      <c r="AZ36" s="280">
        <v>4</v>
      </c>
      <c r="BA36" s="280">
        <v>6</v>
      </c>
      <c r="BB36" s="280">
        <v>0</v>
      </c>
      <c r="BC36" s="280">
        <v>0</v>
      </c>
      <c r="BD36" s="277">
        <v>18</v>
      </c>
      <c r="BE36" s="282">
        <v>24</v>
      </c>
      <c r="BF36" s="276">
        <v>0</v>
      </c>
      <c r="BG36" s="280">
        <v>0</v>
      </c>
      <c r="BH36" s="277">
        <v>0</v>
      </c>
      <c r="BI36" s="279">
        <v>0</v>
      </c>
      <c r="BJ36" s="280">
        <v>3</v>
      </c>
      <c r="BK36" s="280">
        <v>2</v>
      </c>
      <c r="BL36" s="280">
        <v>1</v>
      </c>
      <c r="BM36" s="280">
        <v>2</v>
      </c>
      <c r="BN36" s="280">
        <v>3</v>
      </c>
      <c r="BO36" s="281">
        <v>11</v>
      </c>
      <c r="BP36" s="282">
        <v>11</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7</v>
      </c>
      <c r="CR36" s="280">
        <v>9</v>
      </c>
      <c r="CS36" s="280">
        <v>2</v>
      </c>
      <c r="CT36" s="280">
        <v>5</v>
      </c>
      <c r="CU36" s="280">
        <v>4</v>
      </c>
      <c r="CV36" s="277">
        <v>27</v>
      </c>
      <c r="CW36" s="282">
        <v>27</v>
      </c>
    </row>
    <row r="37" spans="2:101" ht="21" customHeight="1" x14ac:dyDescent="0.2">
      <c r="B37" s="261" t="s">
        <v>35</v>
      </c>
      <c r="C37" s="276">
        <v>0</v>
      </c>
      <c r="D37" s="277">
        <v>0</v>
      </c>
      <c r="E37" s="278">
        <v>0</v>
      </c>
      <c r="F37" s="279">
        <v>0</v>
      </c>
      <c r="G37" s="280">
        <v>0</v>
      </c>
      <c r="H37" s="280">
        <v>0</v>
      </c>
      <c r="I37" s="280">
        <v>2</v>
      </c>
      <c r="J37" s="280">
        <v>1</v>
      </c>
      <c r="K37" s="280">
        <v>0</v>
      </c>
      <c r="L37" s="281">
        <v>3</v>
      </c>
      <c r="M37" s="282">
        <v>3</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9</v>
      </c>
      <c r="AD37" s="280">
        <v>19</v>
      </c>
      <c r="AE37" s="280">
        <v>9</v>
      </c>
      <c r="AF37" s="280">
        <v>9</v>
      </c>
      <c r="AG37" s="280">
        <v>3</v>
      </c>
      <c r="AH37" s="277">
        <v>59</v>
      </c>
      <c r="AI37" s="282">
        <v>59</v>
      </c>
      <c r="AJ37" s="276">
        <v>0</v>
      </c>
      <c r="AK37" s="280">
        <v>0</v>
      </c>
      <c r="AL37" s="277">
        <v>0</v>
      </c>
      <c r="AM37" s="279">
        <v>0</v>
      </c>
      <c r="AN37" s="280">
        <v>0</v>
      </c>
      <c r="AO37" s="280">
        <v>0</v>
      </c>
      <c r="AP37" s="280">
        <v>0</v>
      </c>
      <c r="AQ37" s="280">
        <v>0</v>
      </c>
      <c r="AR37" s="280">
        <v>0</v>
      </c>
      <c r="AS37" s="277">
        <v>0</v>
      </c>
      <c r="AT37" s="282">
        <v>0</v>
      </c>
      <c r="AU37" s="276">
        <v>3</v>
      </c>
      <c r="AV37" s="280">
        <v>2</v>
      </c>
      <c r="AW37" s="277">
        <v>5</v>
      </c>
      <c r="AX37" s="279">
        <v>0</v>
      </c>
      <c r="AY37" s="280">
        <v>13</v>
      </c>
      <c r="AZ37" s="280">
        <v>9</v>
      </c>
      <c r="BA37" s="280">
        <v>7</v>
      </c>
      <c r="BB37" s="280">
        <v>3</v>
      </c>
      <c r="BC37" s="280">
        <v>2</v>
      </c>
      <c r="BD37" s="277">
        <v>34</v>
      </c>
      <c r="BE37" s="282">
        <v>39</v>
      </c>
      <c r="BF37" s="276">
        <v>0</v>
      </c>
      <c r="BG37" s="280">
        <v>0</v>
      </c>
      <c r="BH37" s="277">
        <v>0</v>
      </c>
      <c r="BI37" s="279">
        <v>0</v>
      </c>
      <c r="BJ37" s="280">
        <v>13</v>
      </c>
      <c r="BK37" s="280">
        <v>14</v>
      </c>
      <c r="BL37" s="280">
        <v>14</v>
      </c>
      <c r="BM37" s="280">
        <v>16</v>
      </c>
      <c r="BN37" s="280">
        <v>6</v>
      </c>
      <c r="BO37" s="281">
        <v>63</v>
      </c>
      <c r="BP37" s="282">
        <v>63</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67</v>
      </c>
      <c r="AD38" s="280">
        <v>45</v>
      </c>
      <c r="AE38" s="280">
        <v>25</v>
      </c>
      <c r="AF38" s="280">
        <v>18</v>
      </c>
      <c r="AG38" s="280">
        <v>12</v>
      </c>
      <c r="AH38" s="277">
        <v>167</v>
      </c>
      <c r="AI38" s="282">
        <v>167</v>
      </c>
      <c r="AJ38" s="276">
        <v>0</v>
      </c>
      <c r="AK38" s="280">
        <v>0</v>
      </c>
      <c r="AL38" s="277">
        <v>0</v>
      </c>
      <c r="AM38" s="279">
        <v>0</v>
      </c>
      <c r="AN38" s="280">
        <v>0</v>
      </c>
      <c r="AO38" s="280">
        <v>0</v>
      </c>
      <c r="AP38" s="280">
        <v>0</v>
      </c>
      <c r="AQ38" s="280">
        <v>0</v>
      </c>
      <c r="AR38" s="280">
        <v>0</v>
      </c>
      <c r="AS38" s="277">
        <v>0</v>
      </c>
      <c r="AT38" s="282">
        <v>0</v>
      </c>
      <c r="AU38" s="276">
        <v>3</v>
      </c>
      <c r="AV38" s="280">
        <v>1</v>
      </c>
      <c r="AW38" s="277">
        <v>4</v>
      </c>
      <c r="AX38" s="279">
        <v>0</v>
      </c>
      <c r="AY38" s="280">
        <v>13</v>
      </c>
      <c r="AZ38" s="280">
        <v>7</v>
      </c>
      <c r="BA38" s="280">
        <v>9</v>
      </c>
      <c r="BB38" s="280">
        <v>5</v>
      </c>
      <c r="BC38" s="280">
        <v>2</v>
      </c>
      <c r="BD38" s="277">
        <v>36</v>
      </c>
      <c r="BE38" s="282">
        <v>40</v>
      </c>
      <c r="BF38" s="276">
        <v>0</v>
      </c>
      <c r="BG38" s="280">
        <v>0</v>
      </c>
      <c r="BH38" s="277">
        <v>0</v>
      </c>
      <c r="BI38" s="279">
        <v>0</v>
      </c>
      <c r="BJ38" s="280">
        <v>6</v>
      </c>
      <c r="BK38" s="280">
        <v>12</v>
      </c>
      <c r="BL38" s="280">
        <v>11</v>
      </c>
      <c r="BM38" s="280">
        <v>9</v>
      </c>
      <c r="BN38" s="280">
        <v>6</v>
      </c>
      <c r="BO38" s="281">
        <v>44</v>
      </c>
      <c r="BP38" s="282">
        <v>44</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1</v>
      </c>
      <c r="K39" s="287">
        <v>0</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1</v>
      </c>
      <c r="AD39" s="287">
        <v>8</v>
      </c>
      <c r="AE39" s="287">
        <v>10</v>
      </c>
      <c r="AF39" s="287">
        <v>0</v>
      </c>
      <c r="AG39" s="287">
        <v>2</v>
      </c>
      <c r="AH39" s="284">
        <v>31</v>
      </c>
      <c r="AI39" s="289">
        <v>31</v>
      </c>
      <c r="AJ39" s="283">
        <v>0</v>
      </c>
      <c r="AK39" s="287">
        <v>0</v>
      </c>
      <c r="AL39" s="284">
        <v>0</v>
      </c>
      <c r="AM39" s="286">
        <v>0</v>
      </c>
      <c r="AN39" s="287">
        <v>1</v>
      </c>
      <c r="AO39" s="287">
        <v>0</v>
      </c>
      <c r="AP39" s="287">
        <v>0</v>
      </c>
      <c r="AQ39" s="287">
        <v>1</v>
      </c>
      <c r="AR39" s="287">
        <v>1</v>
      </c>
      <c r="AS39" s="284">
        <v>3</v>
      </c>
      <c r="AT39" s="289">
        <v>3</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1</v>
      </c>
      <c r="BK39" s="287">
        <v>0</v>
      </c>
      <c r="BL39" s="287">
        <v>2</v>
      </c>
      <c r="BM39" s="287">
        <v>1</v>
      </c>
      <c r="BN39" s="287">
        <v>0</v>
      </c>
      <c r="BO39" s="288">
        <v>4</v>
      </c>
      <c r="BP39" s="289">
        <v>4</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8.554687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5</v>
      </c>
      <c r="J1" s="524"/>
      <c r="K1" s="248">
        <f>第１表!G2</f>
        <v>5</v>
      </c>
      <c r="L1" s="529">
        <f>IF(K1&lt;3,K1+12-2,K1-2)</f>
        <v>3</v>
      </c>
      <c r="M1" s="529"/>
    </row>
    <row r="2" spans="1:101" s="291" customFormat="1" ht="24" customHeight="1" thickBot="1" x14ac:dyDescent="0.25">
      <c r="A2" s="44"/>
      <c r="B2" s="290" t="s">
        <v>131</v>
      </c>
    </row>
    <row r="3" spans="1:101" ht="21"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321" t="s">
        <v>43</v>
      </c>
      <c r="D5" s="265" t="s">
        <v>44</v>
      </c>
      <c r="E5" s="266" t="s">
        <v>45</v>
      </c>
      <c r="F5" s="267" t="s">
        <v>83</v>
      </c>
      <c r="G5" s="259" t="s">
        <v>47</v>
      </c>
      <c r="H5" s="259" t="s">
        <v>48</v>
      </c>
      <c r="I5" s="259" t="s">
        <v>49</v>
      </c>
      <c r="J5" s="259" t="s">
        <v>50</v>
      </c>
      <c r="K5" s="259" t="s">
        <v>51</v>
      </c>
      <c r="L5" s="268" t="s">
        <v>45</v>
      </c>
      <c r="M5" s="531"/>
      <c r="N5" s="321" t="s">
        <v>43</v>
      </c>
      <c r="O5" s="259" t="s">
        <v>44</v>
      </c>
      <c r="P5" s="265" t="s">
        <v>45</v>
      </c>
      <c r="Q5" s="267" t="s">
        <v>83</v>
      </c>
      <c r="R5" s="259" t="s">
        <v>47</v>
      </c>
      <c r="S5" s="259" t="s">
        <v>48</v>
      </c>
      <c r="T5" s="259" t="s">
        <v>49</v>
      </c>
      <c r="U5" s="259" t="s">
        <v>50</v>
      </c>
      <c r="V5" s="259" t="s">
        <v>51</v>
      </c>
      <c r="W5" s="265" t="s">
        <v>45</v>
      </c>
      <c r="X5" s="531"/>
      <c r="Y5" s="321" t="s">
        <v>43</v>
      </c>
      <c r="Z5" s="259" t="s">
        <v>44</v>
      </c>
      <c r="AA5" s="265" t="s">
        <v>45</v>
      </c>
      <c r="AB5" s="267" t="s">
        <v>83</v>
      </c>
      <c r="AC5" s="259" t="s">
        <v>47</v>
      </c>
      <c r="AD5" s="259" t="s">
        <v>48</v>
      </c>
      <c r="AE5" s="259" t="s">
        <v>49</v>
      </c>
      <c r="AF5" s="259" t="s">
        <v>50</v>
      </c>
      <c r="AG5" s="259" t="s">
        <v>51</v>
      </c>
      <c r="AH5" s="265" t="s">
        <v>45</v>
      </c>
      <c r="AI5" s="531"/>
      <c r="AJ5" s="338" t="s">
        <v>43</v>
      </c>
      <c r="AK5" s="259" t="s">
        <v>44</v>
      </c>
      <c r="AL5" s="265" t="s">
        <v>45</v>
      </c>
      <c r="AM5" s="267" t="s">
        <v>83</v>
      </c>
      <c r="AN5" s="259" t="s">
        <v>47</v>
      </c>
      <c r="AO5" s="259" t="s">
        <v>48</v>
      </c>
      <c r="AP5" s="259" t="s">
        <v>49</v>
      </c>
      <c r="AQ5" s="259" t="s">
        <v>50</v>
      </c>
      <c r="AR5" s="259" t="s">
        <v>51</v>
      </c>
      <c r="AS5" s="265" t="s">
        <v>45</v>
      </c>
      <c r="AT5" s="531"/>
      <c r="AU5" s="338" t="s">
        <v>43</v>
      </c>
      <c r="AV5" s="259" t="s">
        <v>44</v>
      </c>
      <c r="AW5" s="265" t="s">
        <v>45</v>
      </c>
      <c r="AX5" s="267" t="s">
        <v>83</v>
      </c>
      <c r="AY5" s="259" t="s">
        <v>47</v>
      </c>
      <c r="AZ5" s="259" t="s">
        <v>48</v>
      </c>
      <c r="BA5" s="259" t="s">
        <v>49</v>
      </c>
      <c r="BB5" s="259" t="s">
        <v>50</v>
      </c>
      <c r="BC5" s="259" t="s">
        <v>51</v>
      </c>
      <c r="BD5" s="265" t="s">
        <v>45</v>
      </c>
      <c r="BE5" s="564"/>
      <c r="BF5" s="338" t="s">
        <v>43</v>
      </c>
      <c r="BG5" s="259" t="s">
        <v>44</v>
      </c>
      <c r="BH5" s="265" t="s">
        <v>45</v>
      </c>
      <c r="BI5" s="267" t="s">
        <v>83</v>
      </c>
      <c r="BJ5" s="259" t="s">
        <v>47</v>
      </c>
      <c r="BK5" s="259" t="s">
        <v>48</v>
      </c>
      <c r="BL5" s="259" t="s">
        <v>49</v>
      </c>
      <c r="BM5" s="259" t="s">
        <v>50</v>
      </c>
      <c r="BN5" s="259" t="s">
        <v>51</v>
      </c>
      <c r="BO5" s="265" t="s">
        <v>45</v>
      </c>
      <c r="BP5" s="564"/>
      <c r="BQ5" s="338" t="s">
        <v>43</v>
      </c>
      <c r="BR5" s="259" t="s">
        <v>44</v>
      </c>
      <c r="BS5" s="265" t="s">
        <v>45</v>
      </c>
      <c r="BT5" s="267" t="s">
        <v>83</v>
      </c>
      <c r="BU5" s="259" t="s">
        <v>47</v>
      </c>
      <c r="BV5" s="259" t="s">
        <v>48</v>
      </c>
      <c r="BW5" s="259" t="s">
        <v>49</v>
      </c>
      <c r="BX5" s="259" t="s">
        <v>50</v>
      </c>
      <c r="BY5" s="259" t="s">
        <v>51</v>
      </c>
      <c r="BZ5" s="265" t="s">
        <v>45</v>
      </c>
      <c r="CA5" s="564"/>
      <c r="CB5" s="338" t="s">
        <v>43</v>
      </c>
      <c r="CC5" s="259" t="s">
        <v>44</v>
      </c>
      <c r="CD5" s="265" t="s">
        <v>45</v>
      </c>
      <c r="CE5" s="267" t="s">
        <v>83</v>
      </c>
      <c r="CF5" s="259" t="s">
        <v>47</v>
      </c>
      <c r="CG5" s="259" t="s">
        <v>48</v>
      </c>
      <c r="CH5" s="259" t="s">
        <v>49</v>
      </c>
      <c r="CI5" s="259" t="s">
        <v>50</v>
      </c>
      <c r="CJ5" s="259" t="s">
        <v>51</v>
      </c>
      <c r="CK5" s="265" t="s">
        <v>45</v>
      </c>
      <c r="CL5" s="564"/>
      <c r="CM5" s="338"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19</v>
      </c>
      <c r="H6" s="273">
        <v>24</v>
      </c>
      <c r="I6" s="273">
        <v>28</v>
      </c>
      <c r="J6" s="273">
        <v>19</v>
      </c>
      <c r="K6" s="273">
        <v>19</v>
      </c>
      <c r="L6" s="274">
        <v>109</v>
      </c>
      <c r="M6" s="275">
        <v>109</v>
      </c>
      <c r="N6" s="269">
        <v>0</v>
      </c>
      <c r="O6" s="273">
        <v>0</v>
      </c>
      <c r="P6" s="270">
        <v>0</v>
      </c>
      <c r="Q6" s="272">
        <v>0</v>
      </c>
      <c r="R6" s="273">
        <v>10</v>
      </c>
      <c r="S6" s="273">
        <v>32</v>
      </c>
      <c r="T6" s="273">
        <v>33</v>
      </c>
      <c r="U6" s="273">
        <v>35</v>
      </c>
      <c r="V6" s="273">
        <v>30</v>
      </c>
      <c r="W6" s="270">
        <v>140</v>
      </c>
      <c r="X6" s="275">
        <v>140</v>
      </c>
      <c r="Y6" s="269">
        <v>0</v>
      </c>
      <c r="Z6" s="273">
        <v>0</v>
      </c>
      <c r="AA6" s="270">
        <v>0</v>
      </c>
      <c r="AB6" s="272">
        <v>0</v>
      </c>
      <c r="AC6" s="273">
        <v>982</v>
      </c>
      <c r="AD6" s="273">
        <v>782</v>
      </c>
      <c r="AE6" s="273">
        <v>371</v>
      </c>
      <c r="AF6" s="273">
        <v>153</v>
      </c>
      <c r="AG6" s="273">
        <v>73</v>
      </c>
      <c r="AH6" s="270">
        <v>2361</v>
      </c>
      <c r="AI6" s="275">
        <v>2361</v>
      </c>
      <c r="AJ6" s="269">
        <v>1</v>
      </c>
      <c r="AK6" s="273">
        <v>0</v>
      </c>
      <c r="AL6" s="270">
        <v>1</v>
      </c>
      <c r="AM6" s="272">
        <v>0</v>
      </c>
      <c r="AN6" s="273">
        <v>79</v>
      </c>
      <c r="AO6" s="273">
        <v>84</v>
      </c>
      <c r="AP6" s="273">
        <v>77</v>
      </c>
      <c r="AQ6" s="273">
        <v>34</v>
      </c>
      <c r="AR6" s="273">
        <v>24</v>
      </c>
      <c r="AS6" s="270">
        <v>298</v>
      </c>
      <c r="AT6" s="275">
        <v>299</v>
      </c>
      <c r="AU6" s="269">
        <v>12</v>
      </c>
      <c r="AV6" s="273">
        <v>9</v>
      </c>
      <c r="AW6" s="270">
        <v>21</v>
      </c>
      <c r="AX6" s="272">
        <v>0</v>
      </c>
      <c r="AY6" s="273">
        <v>74</v>
      </c>
      <c r="AZ6" s="273">
        <v>79</v>
      </c>
      <c r="BA6" s="273">
        <v>77</v>
      </c>
      <c r="BB6" s="273">
        <v>53</v>
      </c>
      <c r="BC6" s="273">
        <v>26</v>
      </c>
      <c r="BD6" s="270">
        <v>309</v>
      </c>
      <c r="BE6" s="275">
        <v>330</v>
      </c>
      <c r="BF6" s="269">
        <v>0</v>
      </c>
      <c r="BG6" s="273">
        <v>1</v>
      </c>
      <c r="BH6" s="270">
        <v>1</v>
      </c>
      <c r="BI6" s="272">
        <v>0</v>
      </c>
      <c r="BJ6" s="273">
        <v>98</v>
      </c>
      <c r="BK6" s="273">
        <v>144</v>
      </c>
      <c r="BL6" s="273">
        <v>141</v>
      </c>
      <c r="BM6" s="273">
        <v>123</v>
      </c>
      <c r="BN6" s="273">
        <v>76</v>
      </c>
      <c r="BO6" s="274">
        <v>582</v>
      </c>
      <c r="BP6" s="275">
        <v>583</v>
      </c>
      <c r="BQ6" s="269">
        <v>0</v>
      </c>
      <c r="BR6" s="273">
        <v>0</v>
      </c>
      <c r="BS6" s="270">
        <v>0</v>
      </c>
      <c r="BT6" s="272">
        <v>0</v>
      </c>
      <c r="BU6" s="273">
        <v>4</v>
      </c>
      <c r="BV6" s="273">
        <v>8</v>
      </c>
      <c r="BW6" s="273">
        <v>7</v>
      </c>
      <c r="BX6" s="273">
        <v>4</v>
      </c>
      <c r="BY6" s="273">
        <v>5</v>
      </c>
      <c r="BZ6" s="270">
        <v>28</v>
      </c>
      <c r="CA6" s="275">
        <v>28</v>
      </c>
      <c r="CB6" s="269">
        <v>0</v>
      </c>
      <c r="CC6" s="273">
        <v>0</v>
      </c>
      <c r="CD6" s="270">
        <v>0</v>
      </c>
      <c r="CE6" s="272">
        <v>0</v>
      </c>
      <c r="CF6" s="273">
        <v>0</v>
      </c>
      <c r="CG6" s="273">
        <v>4</v>
      </c>
      <c r="CH6" s="273">
        <v>18</v>
      </c>
      <c r="CI6" s="273">
        <v>19</v>
      </c>
      <c r="CJ6" s="273">
        <v>12</v>
      </c>
      <c r="CK6" s="270">
        <v>53</v>
      </c>
      <c r="CL6" s="275">
        <v>53</v>
      </c>
      <c r="CM6" s="269">
        <v>0</v>
      </c>
      <c r="CN6" s="273">
        <v>0</v>
      </c>
      <c r="CO6" s="270">
        <v>0</v>
      </c>
      <c r="CP6" s="272">
        <v>0</v>
      </c>
      <c r="CQ6" s="273">
        <v>16</v>
      </c>
      <c r="CR6" s="273">
        <v>21</v>
      </c>
      <c r="CS6" s="273">
        <v>19</v>
      </c>
      <c r="CT6" s="273">
        <v>29</v>
      </c>
      <c r="CU6" s="273">
        <v>37</v>
      </c>
      <c r="CV6" s="270">
        <v>122</v>
      </c>
      <c r="CW6" s="275">
        <v>122</v>
      </c>
    </row>
    <row r="7" spans="1:101" ht="21" customHeight="1" x14ac:dyDescent="0.2">
      <c r="B7" s="261" t="s">
        <v>5</v>
      </c>
      <c r="C7" s="276">
        <v>0</v>
      </c>
      <c r="D7" s="277">
        <v>0</v>
      </c>
      <c r="E7" s="278">
        <v>0</v>
      </c>
      <c r="F7" s="279">
        <v>0</v>
      </c>
      <c r="G7" s="280">
        <v>5</v>
      </c>
      <c r="H7" s="280">
        <v>12</v>
      </c>
      <c r="I7" s="280">
        <v>10</v>
      </c>
      <c r="J7" s="280">
        <v>11</v>
      </c>
      <c r="K7" s="280">
        <v>9</v>
      </c>
      <c r="L7" s="281">
        <v>47</v>
      </c>
      <c r="M7" s="282">
        <v>47</v>
      </c>
      <c r="N7" s="276">
        <v>0</v>
      </c>
      <c r="O7" s="280">
        <v>0</v>
      </c>
      <c r="P7" s="277">
        <v>0</v>
      </c>
      <c r="Q7" s="279">
        <v>0</v>
      </c>
      <c r="R7" s="280">
        <v>6</v>
      </c>
      <c r="S7" s="280">
        <v>25</v>
      </c>
      <c r="T7" s="280">
        <v>25</v>
      </c>
      <c r="U7" s="280">
        <v>28</v>
      </c>
      <c r="V7" s="280">
        <v>27</v>
      </c>
      <c r="W7" s="277">
        <v>111</v>
      </c>
      <c r="X7" s="282">
        <v>111</v>
      </c>
      <c r="Y7" s="276">
        <v>0</v>
      </c>
      <c r="Z7" s="280">
        <v>0</v>
      </c>
      <c r="AA7" s="277">
        <v>0</v>
      </c>
      <c r="AB7" s="279">
        <v>0</v>
      </c>
      <c r="AC7" s="280">
        <v>391</v>
      </c>
      <c r="AD7" s="280">
        <v>386</v>
      </c>
      <c r="AE7" s="280">
        <v>177</v>
      </c>
      <c r="AF7" s="280">
        <v>79</v>
      </c>
      <c r="AG7" s="280">
        <v>40</v>
      </c>
      <c r="AH7" s="277">
        <v>1073</v>
      </c>
      <c r="AI7" s="282">
        <v>1073</v>
      </c>
      <c r="AJ7" s="276">
        <v>0</v>
      </c>
      <c r="AK7" s="280">
        <v>0</v>
      </c>
      <c r="AL7" s="277">
        <v>0</v>
      </c>
      <c r="AM7" s="279">
        <v>0</v>
      </c>
      <c r="AN7" s="280">
        <v>42</v>
      </c>
      <c r="AO7" s="280">
        <v>39</v>
      </c>
      <c r="AP7" s="280">
        <v>49</v>
      </c>
      <c r="AQ7" s="280">
        <v>19</v>
      </c>
      <c r="AR7" s="280">
        <v>12</v>
      </c>
      <c r="AS7" s="277">
        <v>161</v>
      </c>
      <c r="AT7" s="282">
        <v>161</v>
      </c>
      <c r="AU7" s="276">
        <v>4</v>
      </c>
      <c r="AV7" s="280">
        <v>6</v>
      </c>
      <c r="AW7" s="277">
        <v>10</v>
      </c>
      <c r="AX7" s="279">
        <v>0</v>
      </c>
      <c r="AY7" s="280">
        <v>23</v>
      </c>
      <c r="AZ7" s="280">
        <v>32</v>
      </c>
      <c r="BA7" s="280">
        <v>33</v>
      </c>
      <c r="BB7" s="280">
        <v>19</v>
      </c>
      <c r="BC7" s="280">
        <v>12</v>
      </c>
      <c r="BD7" s="277">
        <v>119</v>
      </c>
      <c r="BE7" s="282">
        <v>129</v>
      </c>
      <c r="BF7" s="276">
        <v>0</v>
      </c>
      <c r="BG7" s="280">
        <v>1</v>
      </c>
      <c r="BH7" s="277">
        <v>1</v>
      </c>
      <c r="BI7" s="279">
        <v>0</v>
      </c>
      <c r="BJ7" s="280">
        <v>38</v>
      </c>
      <c r="BK7" s="280">
        <v>59</v>
      </c>
      <c r="BL7" s="280">
        <v>47</v>
      </c>
      <c r="BM7" s="280">
        <v>50</v>
      </c>
      <c r="BN7" s="280">
        <v>32</v>
      </c>
      <c r="BO7" s="281">
        <v>226</v>
      </c>
      <c r="BP7" s="282">
        <v>227</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2</v>
      </c>
      <c r="CH7" s="280">
        <v>3</v>
      </c>
      <c r="CI7" s="280">
        <v>4</v>
      </c>
      <c r="CJ7" s="280">
        <v>3</v>
      </c>
      <c r="CK7" s="277">
        <v>12</v>
      </c>
      <c r="CL7" s="282">
        <v>12</v>
      </c>
      <c r="CM7" s="276">
        <v>0</v>
      </c>
      <c r="CN7" s="280">
        <v>0</v>
      </c>
      <c r="CO7" s="277">
        <v>0</v>
      </c>
      <c r="CP7" s="279">
        <v>0</v>
      </c>
      <c r="CQ7" s="280">
        <v>3</v>
      </c>
      <c r="CR7" s="280">
        <v>4</v>
      </c>
      <c r="CS7" s="280">
        <v>4</v>
      </c>
      <c r="CT7" s="280">
        <v>7</v>
      </c>
      <c r="CU7" s="280">
        <v>20</v>
      </c>
      <c r="CV7" s="277">
        <v>38</v>
      </c>
      <c r="CW7" s="282">
        <v>38</v>
      </c>
    </row>
    <row r="8" spans="1:101" ht="21" customHeight="1" x14ac:dyDescent="0.2">
      <c r="B8" s="261" t="s">
        <v>6</v>
      </c>
      <c r="C8" s="276">
        <v>0</v>
      </c>
      <c r="D8" s="277">
        <v>0</v>
      </c>
      <c r="E8" s="278">
        <v>0</v>
      </c>
      <c r="F8" s="279">
        <v>0</v>
      </c>
      <c r="G8" s="280">
        <v>5</v>
      </c>
      <c r="H8" s="280">
        <v>2</v>
      </c>
      <c r="I8" s="280">
        <v>8</v>
      </c>
      <c r="J8" s="280">
        <v>4</v>
      </c>
      <c r="K8" s="280">
        <v>7</v>
      </c>
      <c r="L8" s="281">
        <v>26</v>
      </c>
      <c r="M8" s="282">
        <v>26</v>
      </c>
      <c r="N8" s="276">
        <v>0</v>
      </c>
      <c r="O8" s="280">
        <v>0</v>
      </c>
      <c r="P8" s="277">
        <v>0</v>
      </c>
      <c r="Q8" s="279">
        <v>0</v>
      </c>
      <c r="R8" s="280">
        <v>3</v>
      </c>
      <c r="S8" s="280">
        <v>6</v>
      </c>
      <c r="T8" s="280">
        <v>5</v>
      </c>
      <c r="U8" s="280">
        <v>5</v>
      </c>
      <c r="V8" s="280">
        <v>3</v>
      </c>
      <c r="W8" s="277">
        <v>22</v>
      </c>
      <c r="X8" s="282">
        <v>22</v>
      </c>
      <c r="Y8" s="276">
        <v>0</v>
      </c>
      <c r="Z8" s="280">
        <v>0</v>
      </c>
      <c r="AA8" s="277">
        <v>0</v>
      </c>
      <c r="AB8" s="279">
        <v>0</v>
      </c>
      <c r="AC8" s="280">
        <v>111</v>
      </c>
      <c r="AD8" s="280">
        <v>63</v>
      </c>
      <c r="AE8" s="280">
        <v>36</v>
      </c>
      <c r="AF8" s="280">
        <v>21</v>
      </c>
      <c r="AG8" s="280">
        <v>6</v>
      </c>
      <c r="AH8" s="277">
        <v>237</v>
      </c>
      <c r="AI8" s="282">
        <v>237</v>
      </c>
      <c r="AJ8" s="276">
        <v>0</v>
      </c>
      <c r="AK8" s="280">
        <v>0</v>
      </c>
      <c r="AL8" s="277">
        <v>0</v>
      </c>
      <c r="AM8" s="279">
        <v>0</v>
      </c>
      <c r="AN8" s="280">
        <v>16</v>
      </c>
      <c r="AO8" s="280">
        <v>13</v>
      </c>
      <c r="AP8" s="280">
        <v>8</v>
      </c>
      <c r="AQ8" s="280">
        <v>3</v>
      </c>
      <c r="AR8" s="280">
        <v>5</v>
      </c>
      <c r="AS8" s="277">
        <v>45</v>
      </c>
      <c r="AT8" s="282">
        <v>45</v>
      </c>
      <c r="AU8" s="276">
        <v>3</v>
      </c>
      <c r="AV8" s="280">
        <v>0</v>
      </c>
      <c r="AW8" s="277">
        <v>3</v>
      </c>
      <c r="AX8" s="279">
        <v>0</v>
      </c>
      <c r="AY8" s="280">
        <v>11</v>
      </c>
      <c r="AZ8" s="280">
        <v>6</v>
      </c>
      <c r="BA8" s="280">
        <v>8</v>
      </c>
      <c r="BB8" s="280">
        <v>15</v>
      </c>
      <c r="BC8" s="280">
        <v>4</v>
      </c>
      <c r="BD8" s="277">
        <v>44</v>
      </c>
      <c r="BE8" s="282">
        <v>47</v>
      </c>
      <c r="BF8" s="276">
        <v>0</v>
      </c>
      <c r="BG8" s="280">
        <v>0</v>
      </c>
      <c r="BH8" s="277">
        <v>0</v>
      </c>
      <c r="BI8" s="279">
        <v>0</v>
      </c>
      <c r="BJ8" s="280">
        <v>20</v>
      </c>
      <c r="BK8" s="280">
        <v>21</v>
      </c>
      <c r="BL8" s="280">
        <v>20</v>
      </c>
      <c r="BM8" s="280">
        <v>25</v>
      </c>
      <c r="BN8" s="280">
        <v>11</v>
      </c>
      <c r="BO8" s="281">
        <v>97</v>
      </c>
      <c r="BP8" s="282">
        <v>97</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0</v>
      </c>
      <c r="CG8" s="280">
        <v>0</v>
      </c>
      <c r="CH8" s="280">
        <v>8</v>
      </c>
      <c r="CI8" s="280">
        <v>4</v>
      </c>
      <c r="CJ8" s="280">
        <v>2</v>
      </c>
      <c r="CK8" s="277">
        <v>14</v>
      </c>
      <c r="CL8" s="282">
        <v>14</v>
      </c>
      <c r="CM8" s="276">
        <v>0</v>
      </c>
      <c r="CN8" s="280">
        <v>0</v>
      </c>
      <c r="CO8" s="277">
        <v>0</v>
      </c>
      <c r="CP8" s="279">
        <v>0</v>
      </c>
      <c r="CQ8" s="280">
        <v>4</v>
      </c>
      <c r="CR8" s="280">
        <v>3</v>
      </c>
      <c r="CS8" s="280">
        <v>1</v>
      </c>
      <c r="CT8" s="280">
        <v>6</v>
      </c>
      <c r="CU8" s="280">
        <v>6</v>
      </c>
      <c r="CV8" s="277">
        <v>20</v>
      </c>
      <c r="CW8" s="282">
        <v>20</v>
      </c>
    </row>
    <row r="9" spans="1:101" ht="21" customHeight="1" x14ac:dyDescent="0.2">
      <c r="B9" s="261" t="s">
        <v>14</v>
      </c>
      <c r="C9" s="276">
        <v>0</v>
      </c>
      <c r="D9" s="277">
        <v>0</v>
      </c>
      <c r="E9" s="278">
        <v>0</v>
      </c>
      <c r="F9" s="279">
        <v>0</v>
      </c>
      <c r="G9" s="280">
        <v>1</v>
      </c>
      <c r="H9" s="280">
        <v>4</v>
      </c>
      <c r="I9" s="280">
        <v>2</v>
      </c>
      <c r="J9" s="280">
        <v>1</v>
      </c>
      <c r="K9" s="280">
        <v>0</v>
      </c>
      <c r="L9" s="281">
        <v>8</v>
      </c>
      <c r="M9" s="282">
        <v>8</v>
      </c>
      <c r="N9" s="276">
        <v>0</v>
      </c>
      <c r="O9" s="280">
        <v>0</v>
      </c>
      <c r="P9" s="277">
        <v>0</v>
      </c>
      <c r="Q9" s="279">
        <v>0</v>
      </c>
      <c r="R9" s="280">
        <v>0</v>
      </c>
      <c r="S9" s="280">
        <v>0</v>
      </c>
      <c r="T9" s="280">
        <v>0</v>
      </c>
      <c r="U9" s="280">
        <v>0</v>
      </c>
      <c r="V9" s="280">
        <v>0</v>
      </c>
      <c r="W9" s="277">
        <v>0</v>
      </c>
      <c r="X9" s="282">
        <v>0</v>
      </c>
      <c r="Y9" s="276">
        <v>0</v>
      </c>
      <c r="Z9" s="280">
        <v>0</v>
      </c>
      <c r="AA9" s="277">
        <v>0</v>
      </c>
      <c r="AB9" s="279">
        <v>0</v>
      </c>
      <c r="AC9" s="280">
        <v>74</v>
      </c>
      <c r="AD9" s="280">
        <v>71</v>
      </c>
      <c r="AE9" s="280">
        <v>42</v>
      </c>
      <c r="AF9" s="280">
        <v>5</v>
      </c>
      <c r="AG9" s="280">
        <v>7</v>
      </c>
      <c r="AH9" s="277">
        <v>199</v>
      </c>
      <c r="AI9" s="282">
        <v>199</v>
      </c>
      <c r="AJ9" s="276">
        <v>0</v>
      </c>
      <c r="AK9" s="280">
        <v>0</v>
      </c>
      <c r="AL9" s="277">
        <v>0</v>
      </c>
      <c r="AM9" s="279">
        <v>0</v>
      </c>
      <c r="AN9" s="280">
        <v>1</v>
      </c>
      <c r="AO9" s="280">
        <v>4</v>
      </c>
      <c r="AP9" s="280">
        <v>2</v>
      </c>
      <c r="AQ9" s="280">
        <v>0</v>
      </c>
      <c r="AR9" s="280">
        <v>0</v>
      </c>
      <c r="AS9" s="277">
        <v>7</v>
      </c>
      <c r="AT9" s="282">
        <v>7</v>
      </c>
      <c r="AU9" s="276">
        <v>2</v>
      </c>
      <c r="AV9" s="280">
        <v>2</v>
      </c>
      <c r="AW9" s="277">
        <v>4</v>
      </c>
      <c r="AX9" s="279">
        <v>0</v>
      </c>
      <c r="AY9" s="280">
        <v>9</v>
      </c>
      <c r="AZ9" s="280">
        <v>7</v>
      </c>
      <c r="BA9" s="280">
        <v>4</v>
      </c>
      <c r="BB9" s="280">
        <v>2</v>
      </c>
      <c r="BC9" s="280">
        <v>5</v>
      </c>
      <c r="BD9" s="277">
        <v>27</v>
      </c>
      <c r="BE9" s="282">
        <v>31</v>
      </c>
      <c r="BF9" s="276">
        <v>0</v>
      </c>
      <c r="BG9" s="280">
        <v>0</v>
      </c>
      <c r="BH9" s="277">
        <v>0</v>
      </c>
      <c r="BI9" s="279">
        <v>0</v>
      </c>
      <c r="BJ9" s="280">
        <v>6</v>
      </c>
      <c r="BK9" s="280">
        <v>14</v>
      </c>
      <c r="BL9" s="280">
        <v>15</v>
      </c>
      <c r="BM9" s="280">
        <v>12</v>
      </c>
      <c r="BN9" s="280">
        <v>7</v>
      </c>
      <c r="BO9" s="281">
        <v>54</v>
      </c>
      <c r="BP9" s="282">
        <v>54</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0</v>
      </c>
      <c r="CH9" s="280">
        <v>2</v>
      </c>
      <c r="CI9" s="280">
        <v>1</v>
      </c>
      <c r="CJ9" s="280">
        <v>0</v>
      </c>
      <c r="CK9" s="277">
        <v>3</v>
      </c>
      <c r="CL9" s="282">
        <v>3</v>
      </c>
      <c r="CM9" s="276">
        <v>0</v>
      </c>
      <c r="CN9" s="280">
        <v>0</v>
      </c>
      <c r="CO9" s="277">
        <v>0</v>
      </c>
      <c r="CP9" s="279">
        <v>0</v>
      </c>
      <c r="CQ9" s="280">
        <v>1</v>
      </c>
      <c r="CR9" s="280">
        <v>3</v>
      </c>
      <c r="CS9" s="280">
        <v>0</v>
      </c>
      <c r="CT9" s="280">
        <v>3</v>
      </c>
      <c r="CU9" s="280">
        <v>2</v>
      </c>
      <c r="CV9" s="277">
        <v>9</v>
      </c>
      <c r="CW9" s="282">
        <v>9</v>
      </c>
    </row>
    <row r="10" spans="1:101" ht="21" customHeight="1" x14ac:dyDescent="0.2">
      <c r="B10" s="261" t="s">
        <v>7</v>
      </c>
      <c r="C10" s="276">
        <v>0</v>
      </c>
      <c r="D10" s="277">
        <v>0</v>
      </c>
      <c r="E10" s="278">
        <v>0</v>
      </c>
      <c r="F10" s="279">
        <v>0</v>
      </c>
      <c r="G10" s="280">
        <v>0</v>
      </c>
      <c r="H10" s="280">
        <v>0</v>
      </c>
      <c r="I10" s="280">
        <v>0</v>
      </c>
      <c r="J10" s="280">
        <v>0</v>
      </c>
      <c r="K10" s="280">
        <v>0</v>
      </c>
      <c r="L10" s="281">
        <v>0</v>
      </c>
      <c r="M10" s="282">
        <v>0</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89</v>
      </c>
      <c r="AD10" s="280">
        <v>53</v>
      </c>
      <c r="AE10" s="280">
        <v>23</v>
      </c>
      <c r="AF10" s="280">
        <v>5</v>
      </c>
      <c r="AG10" s="280">
        <v>1</v>
      </c>
      <c r="AH10" s="277">
        <v>171</v>
      </c>
      <c r="AI10" s="282">
        <v>171</v>
      </c>
      <c r="AJ10" s="276">
        <v>0</v>
      </c>
      <c r="AK10" s="280">
        <v>0</v>
      </c>
      <c r="AL10" s="277">
        <v>0</v>
      </c>
      <c r="AM10" s="279">
        <v>0</v>
      </c>
      <c r="AN10" s="280">
        <v>10</v>
      </c>
      <c r="AO10" s="280">
        <v>14</v>
      </c>
      <c r="AP10" s="280">
        <v>6</v>
      </c>
      <c r="AQ10" s="280">
        <v>4</v>
      </c>
      <c r="AR10" s="280">
        <v>3</v>
      </c>
      <c r="AS10" s="277">
        <v>37</v>
      </c>
      <c r="AT10" s="282">
        <v>37</v>
      </c>
      <c r="AU10" s="276">
        <v>0</v>
      </c>
      <c r="AV10" s="280">
        <v>0</v>
      </c>
      <c r="AW10" s="277">
        <v>0</v>
      </c>
      <c r="AX10" s="279">
        <v>0</v>
      </c>
      <c r="AY10" s="280">
        <v>4</v>
      </c>
      <c r="AZ10" s="280">
        <v>4</v>
      </c>
      <c r="BA10" s="280">
        <v>3</v>
      </c>
      <c r="BB10" s="280">
        <v>0</v>
      </c>
      <c r="BC10" s="280">
        <v>0</v>
      </c>
      <c r="BD10" s="277">
        <v>11</v>
      </c>
      <c r="BE10" s="282">
        <v>11</v>
      </c>
      <c r="BF10" s="276">
        <v>0</v>
      </c>
      <c r="BG10" s="280">
        <v>0</v>
      </c>
      <c r="BH10" s="277">
        <v>0</v>
      </c>
      <c r="BI10" s="279">
        <v>0</v>
      </c>
      <c r="BJ10" s="280">
        <v>7</v>
      </c>
      <c r="BK10" s="280">
        <v>3</v>
      </c>
      <c r="BL10" s="280">
        <v>14</v>
      </c>
      <c r="BM10" s="280">
        <v>6</v>
      </c>
      <c r="BN10" s="280">
        <v>5</v>
      </c>
      <c r="BO10" s="281">
        <v>35</v>
      </c>
      <c r="BP10" s="282">
        <v>35</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v>
      </c>
      <c r="CR10" s="280">
        <v>1</v>
      </c>
      <c r="CS10" s="280">
        <v>2</v>
      </c>
      <c r="CT10" s="280">
        <v>2</v>
      </c>
      <c r="CU10" s="280">
        <v>2</v>
      </c>
      <c r="CV10" s="277">
        <v>8</v>
      </c>
      <c r="CW10" s="282">
        <v>8</v>
      </c>
    </row>
    <row r="11" spans="1:101" ht="21" customHeight="1" x14ac:dyDescent="0.2">
      <c r="B11" s="261" t="s">
        <v>8</v>
      </c>
      <c r="C11" s="276">
        <v>0</v>
      </c>
      <c r="D11" s="277">
        <v>0</v>
      </c>
      <c r="E11" s="278">
        <v>0</v>
      </c>
      <c r="F11" s="279">
        <v>0</v>
      </c>
      <c r="G11" s="280">
        <v>0</v>
      </c>
      <c r="H11" s="280">
        <v>0</v>
      </c>
      <c r="I11" s="280">
        <v>0</v>
      </c>
      <c r="J11" s="280">
        <v>2</v>
      </c>
      <c r="K11" s="280">
        <v>0</v>
      </c>
      <c r="L11" s="281">
        <v>2</v>
      </c>
      <c r="M11" s="282">
        <v>2</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44</v>
      </c>
      <c r="AD11" s="280">
        <v>28</v>
      </c>
      <c r="AE11" s="280">
        <v>13</v>
      </c>
      <c r="AF11" s="280">
        <v>4</v>
      </c>
      <c r="AG11" s="280">
        <v>3</v>
      </c>
      <c r="AH11" s="277">
        <v>92</v>
      </c>
      <c r="AI11" s="282">
        <v>92</v>
      </c>
      <c r="AJ11" s="276">
        <v>0</v>
      </c>
      <c r="AK11" s="280">
        <v>0</v>
      </c>
      <c r="AL11" s="277">
        <v>0</v>
      </c>
      <c r="AM11" s="279">
        <v>0</v>
      </c>
      <c r="AN11" s="280">
        <v>0</v>
      </c>
      <c r="AO11" s="280">
        <v>0</v>
      </c>
      <c r="AP11" s="280">
        <v>0</v>
      </c>
      <c r="AQ11" s="280">
        <v>0</v>
      </c>
      <c r="AR11" s="280">
        <v>1</v>
      </c>
      <c r="AS11" s="277">
        <v>1</v>
      </c>
      <c r="AT11" s="282">
        <v>1</v>
      </c>
      <c r="AU11" s="276">
        <v>0</v>
      </c>
      <c r="AV11" s="280">
        <v>1</v>
      </c>
      <c r="AW11" s="277">
        <v>1</v>
      </c>
      <c r="AX11" s="279">
        <v>0</v>
      </c>
      <c r="AY11" s="280">
        <v>2</v>
      </c>
      <c r="AZ11" s="280">
        <v>2</v>
      </c>
      <c r="BA11" s="280">
        <v>3</v>
      </c>
      <c r="BB11" s="280">
        <v>1</v>
      </c>
      <c r="BC11" s="280">
        <v>1</v>
      </c>
      <c r="BD11" s="277">
        <v>9</v>
      </c>
      <c r="BE11" s="282">
        <v>10</v>
      </c>
      <c r="BF11" s="276">
        <v>0</v>
      </c>
      <c r="BG11" s="280">
        <v>0</v>
      </c>
      <c r="BH11" s="277">
        <v>0</v>
      </c>
      <c r="BI11" s="279">
        <v>0</v>
      </c>
      <c r="BJ11" s="280">
        <v>4</v>
      </c>
      <c r="BK11" s="280">
        <v>4</v>
      </c>
      <c r="BL11" s="280">
        <v>3</v>
      </c>
      <c r="BM11" s="280">
        <v>2</v>
      </c>
      <c r="BN11" s="280">
        <v>1</v>
      </c>
      <c r="BO11" s="281">
        <v>14</v>
      </c>
      <c r="BP11" s="282">
        <v>14</v>
      </c>
      <c r="BQ11" s="276">
        <v>0</v>
      </c>
      <c r="BR11" s="280">
        <v>0</v>
      </c>
      <c r="BS11" s="277">
        <v>0</v>
      </c>
      <c r="BT11" s="279">
        <v>0</v>
      </c>
      <c r="BU11" s="280">
        <v>0</v>
      </c>
      <c r="BV11" s="280">
        <v>0</v>
      </c>
      <c r="BW11" s="280">
        <v>2</v>
      </c>
      <c r="BX11" s="280">
        <v>0</v>
      </c>
      <c r="BY11" s="280">
        <v>1</v>
      </c>
      <c r="BZ11" s="277">
        <v>3</v>
      </c>
      <c r="CA11" s="282">
        <v>3</v>
      </c>
      <c r="CB11" s="276">
        <v>0</v>
      </c>
      <c r="CC11" s="280">
        <v>0</v>
      </c>
      <c r="CD11" s="277">
        <v>0</v>
      </c>
      <c r="CE11" s="279">
        <v>0</v>
      </c>
      <c r="CF11" s="280">
        <v>0</v>
      </c>
      <c r="CG11" s="280">
        <v>0</v>
      </c>
      <c r="CH11" s="280">
        <v>0</v>
      </c>
      <c r="CI11" s="280">
        <v>1</v>
      </c>
      <c r="CJ11" s="280">
        <v>0</v>
      </c>
      <c r="CK11" s="277">
        <v>1</v>
      </c>
      <c r="CL11" s="282">
        <v>1</v>
      </c>
      <c r="CM11" s="276">
        <v>0</v>
      </c>
      <c r="CN11" s="280">
        <v>0</v>
      </c>
      <c r="CO11" s="277">
        <v>0</v>
      </c>
      <c r="CP11" s="279">
        <v>0</v>
      </c>
      <c r="CQ11" s="280">
        <v>3</v>
      </c>
      <c r="CR11" s="280">
        <v>0</v>
      </c>
      <c r="CS11" s="280">
        <v>2</v>
      </c>
      <c r="CT11" s="280">
        <v>2</v>
      </c>
      <c r="CU11" s="280">
        <v>1</v>
      </c>
      <c r="CV11" s="277">
        <v>8</v>
      </c>
      <c r="CW11" s="282">
        <v>8</v>
      </c>
    </row>
    <row r="12" spans="1:101" ht="21" customHeight="1" x14ac:dyDescent="0.2">
      <c r="B12" s="261" t="s">
        <v>9</v>
      </c>
      <c r="C12" s="276">
        <v>0</v>
      </c>
      <c r="D12" s="277">
        <v>0</v>
      </c>
      <c r="E12" s="278">
        <v>0</v>
      </c>
      <c r="F12" s="279">
        <v>0</v>
      </c>
      <c r="G12" s="280">
        <v>0</v>
      </c>
      <c r="H12" s="280">
        <v>0</v>
      </c>
      <c r="I12" s="280">
        <v>0</v>
      </c>
      <c r="J12" s="280">
        <v>0</v>
      </c>
      <c r="K12" s="280">
        <v>0</v>
      </c>
      <c r="L12" s="281">
        <v>0</v>
      </c>
      <c r="M12" s="282">
        <v>0</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53</v>
      </c>
      <c r="AD12" s="280">
        <v>24</v>
      </c>
      <c r="AE12" s="280">
        <v>17</v>
      </c>
      <c r="AF12" s="280">
        <v>8</v>
      </c>
      <c r="AG12" s="280">
        <v>2</v>
      </c>
      <c r="AH12" s="277">
        <v>104</v>
      </c>
      <c r="AI12" s="282">
        <v>104</v>
      </c>
      <c r="AJ12" s="276">
        <v>0</v>
      </c>
      <c r="AK12" s="280">
        <v>0</v>
      </c>
      <c r="AL12" s="277">
        <v>0</v>
      </c>
      <c r="AM12" s="279">
        <v>0</v>
      </c>
      <c r="AN12" s="280">
        <v>0</v>
      </c>
      <c r="AO12" s="280">
        <v>0</v>
      </c>
      <c r="AP12" s="280">
        <v>1</v>
      </c>
      <c r="AQ12" s="280">
        <v>0</v>
      </c>
      <c r="AR12" s="280">
        <v>0</v>
      </c>
      <c r="AS12" s="277">
        <v>1</v>
      </c>
      <c r="AT12" s="282">
        <v>1</v>
      </c>
      <c r="AU12" s="276">
        <v>1</v>
      </c>
      <c r="AV12" s="280">
        <v>0</v>
      </c>
      <c r="AW12" s="277">
        <v>1</v>
      </c>
      <c r="AX12" s="279">
        <v>0</v>
      </c>
      <c r="AY12" s="280">
        <v>2</v>
      </c>
      <c r="AZ12" s="280">
        <v>3</v>
      </c>
      <c r="BA12" s="280">
        <v>1</v>
      </c>
      <c r="BB12" s="280">
        <v>0</v>
      </c>
      <c r="BC12" s="280">
        <v>0</v>
      </c>
      <c r="BD12" s="277">
        <v>6</v>
      </c>
      <c r="BE12" s="282">
        <v>7</v>
      </c>
      <c r="BF12" s="276">
        <v>0</v>
      </c>
      <c r="BG12" s="280">
        <v>0</v>
      </c>
      <c r="BH12" s="277">
        <v>0</v>
      </c>
      <c r="BI12" s="279">
        <v>0</v>
      </c>
      <c r="BJ12" s="280">
        <v>2</v>
      </c>
      <c r="BK12" s="280">
        <v>3</v>
      </c>
      <c r="BL12" s="280">
        <v>4</v>
      </c>
      <c r="BM12" s="280">
        <v>1</v>
      </c>
      <c r="BN12" s="280">
        <v>3</v>
      </c>
      <c r="BO12" s="281">
        <v>13</v>
      </c>
      <c r="BP12" s="282">
        <v>13</v>
      </c>
      <c r="BQ12" s="276">
        <v>0</v>
      </c>
      <c r="BR12" s="280">
        <v>0</v>
      </c>
      <c r="BS12" s="277">
        <v>0</v>
      </c>
      <c r="BT12" s="279">
        <v>0</v>
      </c>
      <c r="BU12" s="280">
        <v>2</v>
      </c>
      <c r="BV12" s="280">
        <v>0</v>
      </c>
      <c r="BW12" s="280">
        <v>0</v>
      </c>
      <c r="BX12" s="280">
        <v>0</v>
      </c>
      <c r="BY12" s="280">
        <v>0</v>
      </c>
      <c r="BZ12" s="277">
        <v>2</v>
      </c>
      <c r="CA12" s="282">
        <v>2</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2</v>
      </c>
      <c r="CT12" s="280">
        <v>2</v>
      </c>
      <c r="CU12" s="280">
        <v>0</v>
      </c>
      <c r="CV12" s="277">
        <v>5</v>
      </c>
      <c r="CW12" s="282">
        <v>5</v>
      </c>
    </row>
    <row r="13" spans="1:101" ht="21" customHeight="1" x14ac:dyDescent="0.2">
      <c r="B13" s="261" t="s">
        <v>10</v>
      </c>
      <c r="C13" s="276">
        <v>0</v>
      </c>
      <c r="D13" s="277">
        <v>0</v>
      </c>
      <c r="E13" s="278">
        <v>0</v>
      </c>
      <c r="F13" s="279">
        <v>0</v>
      </c>
      <c r="G13" s="280">
        <v>2</v>
      </c>
      <c r="H13" s="280">
        <v>2</v>
      </c>
      <c r="I13" s="280">
        <v>2</v>
      </c>
      <c r="J13" s="280">
        <v>0</v>
      </c>
      <c r="K13" s="280">
        <v>1</v>
      </c>
      <c r="L13" s="281">
        <v>7</v>
      </c>
      <c r="M13" s="282">
        <v>7</v>
      </c>
      <c r="N13" s="276">
        <v>0</v>
      </c>
      <c r="O13" s="280">
        <v>0</v>
      </c>
      <c r="P13" s="277">
        <v>0</v>
      </c>
      <c r="Q13" s="279">
        <v>0</v>
      </c>
      <c r="R13" s="280">
        <v>1</v>
      </c>
      <c r="S13" s="280">
        <v>1</v>
      </c>
      <c r="T13" s="280">
        <v>2</v>
      </c>
      <c r="U13" s="280">
        <v>1</v>
      </c>
      <c r="V13" s="280">
        <v>0</v>
      </c>
      <c r="W13" s="277">
        <v>5</v>
      </c>
      <c r="X13" s="282">
        <v>5</v>
      </c>
      <c r="Y13" s="276">
        <v>0</v>
      </c>
      <c r="Z13" s="280">
        <v>0</v>
      </c>
      <c r="AA13" s="277">
        <v>0</v>
      </c>
      <c r="AB13" s="279">
        <v>0</v>
      </c>
      <c r="AC13" s="280">
        <v>43</v>
      </c>
      <c r="AD13" s="280">
        <v>24</v>
      </c>
      <c r="AE13" s="280">
        <v>6</v>
      </c>
      <c r="AF13" s="280">
        <v>5</v>
      </c>
      <c r="AG13" s="280">
        <v>0</v>
      </c>
      <c r="AH13" s="277">
        <v>78</v>
      </c>
      <c r="AI13" s="282">
        <v>78</v>
      </c>
      <c r="AJ13" s="276">
        <v>0</v>
      </c>
      <c r="AK13" s="280">
        <v>0</v>
      </c>
      <c r="AL13" s="277">
        <v>0</v>
      </c>
      <c r="AM13" s="279">
        <v>0</v>
      </c>
      <c r="AN13" s="280">
        <v>4</v>
      </c>
      <c r="AO13" s="280">
        <v>1</v>
      </c>
      <c r="AP13" s="280">
        <v>2</v>
      </c>
      <c r="AQ13" s="280">
        <v>2</v>
      </c>
      <c r="AR13" s="280">
        <v>2</v>
      </c>
      <c r="AS13" s="277">
        <v>11</v>
      </c>
      <c r="AT13" s="282">
        <v>11</v>
      </c>
      <c r="AU13" s="276">
        <v>0</v>
      </c>
      <c r="AV13" s="280">
        <v>0</v>
      </c>
      <c r="AW13" s="277">
        <v>0</v>
      </c>
      <c r="AX13" s="279">
        <v>0</v>
      </c>
      <c r="AY13" s="280">
        <v>2</v>
      </c>
      <c r="AZ13" s="280">
        <v>4</v>
      </c>
      <c r="BA13" s="280">
        <v>3</v>
      </c>
      <c r="BB13" s="280">
        <v>5</v>
      </c>
      <c r="BC13" s="280">
        <v>1</v>
      </c>
      <c r="BD13" s="277">
        <v>15</v>
      </c>
      <c r="BE13" s="282">
        <v>15</v>
      </c>
      <c r="BF13" s="276">
        <v>0</v>
      </c>
      <c r="BG13" s="280">
        <v>0</v>
      </c>
      <c r="BH13" s="277">
        <v>0</v>
      </c>
      <c r="BI13" s="279">
        <v>0</v>
      </c>
      <c r="BJ13" s="280">
        <v>6</v>
      </c>
      <c r="BK13" s="280">
        <v>8</v>
      </c>
      <c r="BL13" s="280">
        <v>8</v>
      </c>
      <c r="BM13" s="280">
        <v>4</v>
      </c>
      <c r="BN13" s="280">
        <v>5</v>
      </c>
      <c r="BO13" s="281">
        <v>31</v>
      </c>
      <c r="BP13" s="282">
        <v>31</v>
      </c>
      <c r="BQ13" s="276">
        <v>0</v>
      </c>
      <c r="BR13" s="280">
        <v>0</v>
      </c>
      <c r="BS13" s="277">
        <v>0</v>
      </c>
      <c r="BT13" s="279">
        <v>0</v>
      </c>
      <c r="BU13" s="280">
        <v>2</v>
      </c>
      <c r="BV13" s="280">
        <v>4</v>
      </c>
      <c r="BW13" s="280">
        <v>5</v>
      </c>
      <c r="BX13" s="280">
        <v>0</v>
      </c>
      <c r="BY13" s="280">
        <v>4</v>
      </c>
      <c r="BZ13" s="277">
        <v>15</v>
      </c>
      <c r="CA13" s="282">
        <v>15</v>
      </c>
      <c r="CB13" s="276">
        <v>0</v>
      </c>
      <c r="CC13" s="280">
        <v>0</v>
      </c>
      <c r="CD13" s="277">
        <v>0</v>
      </c>
      <c r="CE13" s="279">
        <v>0</v>
      </c>
      <c r="CF13" s="280">
        <v>0</v>
      </c>
      <c r="CG13" s="280">
        <v>1</v>
      </c>
      <c r="CH13" s="280">
        <v>1</v>
      </c>
      <c r="CI13" s="280">
        <v>3</v>
      </c>
      <c r="CJ13" s="280">
        <v>4</v>
      </c>
      <c r="CK13" s="277">
        <v>9</v>
      </c>
      <c r="CL13" s="282">
        <v>9</v>
      </c>
      <c r="CM13" s="276">
        <v>0</v>
      </c>
      <c r="CN13" s="280">
        <v>0</v>
      </c>
      <c r="CO13" s="277">
        <v>0</v>
      </c>
      <c r="CP13" s="279">
        <v>0</v>
      </c>
      <c r="CQ13" s="280">
        <v>2</v>
      </c>
      <c r="CR13" s="280">
        <v>2</v>
      </c>
      <c r="CS13" s="280">
        <v>4</v>
      </c>
      <c r="CT13" s="280">
        <v>4</v>
      </c>
      <c r="CU13" s="280">
        <v>2</v>
      </c>
      <c r="CV13" s="277">
        <v>14</v>
      </c>
      <c r="CW13" s="282">
        <v>14</v>
      </c>
    </row>
    <row r="14" spans="1:101" ht="21" customHeight="1" x14ac:dyDescent="0.2">
      <c r="B14" s="261" t="s">
        <v>11</v>
      </c>
      <c r="C14" s="276">
        <v>0</v>
      </c>
      <c r="D14" s="277">
        <v>0</v>
      </c>
      <c r="E14" s="278">
        <v>0</v>
      </c>
      <c r="F14" s="279">
        <v>0</v>
      </c>
      <c r="G14" s="280">
        <v>1</v>
      </c>
      <c r="H14" s="280">
        <v>1</v>
      </c>
      <c r="I14" s="280">
        <v>1</v>
      </c>
      <c r="J14" s="280">
        <v>0</v>
      </c>
      <c r="K14" s="280">
        <v>0</v>
      </c>
      <c r="L14" s="281">
        <v>3</v>
      </c>
      <c r="M14" s="282">
        <v>3</v>
      </c>
      <c r="N14" s="276">
        <v>0</v>
      </c>
      <c r="O14" s="280">
        <v>0</v>
      </c>
      <c r="P14" s="277">
        <v>0</v>
      </c>
      <c r="Q14" s="279">
        <v>0</v>
      </c>
      <c r="R14" s="280">
        <v>0</v>
      </c>
      <c r="S14" s="280">
        <v>0</v>
      </c>
      <c r="T14" s="280">
        <v>0</v>
      </c>
      <c r="U14" s="280">
        <v>1</v>
      </c>
      <c r="V14" s="280">
        <v>0</v>
      </c>
      <c r="W14" s="277">
        <v>1</v>
      </c>
      <c r="X14" s="282">
        <v>1</v>
      </c>
      <c r="Y14" s="276">
        <v>0</v>
      </c>
      <c r="Z14" s="280">
        <v>0</v>
      </c>
      <c r="AA14" s="277">
        <v>0</v>
      </c>
      <c r="AB14" s="279">
        <v>0</v>
      </c>
      <c r="AC14" s="280">
        <v>16</v>
      </c>
      <c r="AD14" s="280">
        <v>7</v>
      </c>
      <c r="AE14" s="280">
        <v>6</v>
      </c>
      <c r="AF14" s="280">
        <v>1</v>
      </c>
      <c r="AG14" s="280">
        <v>2</v>
      </c>
      <c r="AH14" s="277">
        <v>32</v>
      </c>
      <c r="AI14" s="282">
        <v>32</v>
      </c>
      <c r="AJ14" s="276">
        <v>0</v>
      </c>
      <c r="AK14" s="280">
        <v>0</v>
      </c>
      <c r="AL14" s="277">
        <v>0</v>
      </c>
      <c r="AM14" s="279">
        <v>0</v>
      </c>
      <c r="AN14" s="280">
        <v>0</v>
      </c>
      <c r="AO14" s="280">
        <v>3</v>
      </c>
      <c r="AP14" s="280">
        <v>2</v>
      </c>
      <c r="AQ14" s="280">
        <v>0</v>
      </c>
      <c r="AR14" s="280">
        <v>0</v>
      </c>
      <c r="AS14" s="277">
        <v>5</v>
      </c>
      <c r="AT14" s="282">
        <v>5</v>
      </c>
      <c r="AU14" s="276">
        <v>0</v>
      </c>
      <c r="AV14" s="280">
        <v>0</v>
      </c>
      <c r="AW14" s="277">
        <v>0</v>
      </c>
      <c r="AX14" s="279">
        <v>0</v>
      </c>
      <c r="AY14" s="280">
        <v>1</v>
      </c>
      <c r="AZ14" s="280">
        <v>3</v>
      </c>
      <c r="BA14" s="280">
        <v>3</v>
      </c>
      <c r="BB14" s="280">
        <v>2</v>
      </c>
      <c r="BC14" s="280">
        <v>0</v>
      </c>
      <c r="BD14" s="277">
        <v>9</v>
      </c>
      <c r="BE14" s="282">
        <v>9</v>
      </c>
      <c r="BF14" s="276">
        <v>0</v>
      </c>
      <c r="BG14" s="280">
        <v>0</v>
      </c>
      <c r="BH14" s="277">
        <v>0</v>
      </c>
      <c r="BI14" s="279">
        <v>0</v>
      </c>
      <c r="BJ14" s="280">
        <v>1</v>
      </c>
      <c r="BK14" s="280">
        <v>2</v>
      </c>
      <c r="BL14" s="280">
        <v>3</v>
      </c>
      <c r="BM14" s="280">
        <v>3</v>
      </c>
      <c r="BN14" s="280">
        <v>1</v>
      </c>
      <c r="BO14" s="281">
        <v>10</v>
      </c>
      <c r="BP14" s="282">
        <v>10</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1</v>
      </c>
      <c r="CR14" s="280">
        <v>1</v>
      </c>
      <c r="CS14" s="280">
        <v>0</v>
      </c>
      <c r="CT14" s="280">
        <v>1</v>
      </c>
      <c r="CU14" s="280">
        <v>0</v>
      </c>
      <c r="CV14" s="277">
        <v>3</v>
      </c>
      <c r="CW14" s="282">
        <v>3</v>
      </c>
    </row>
    <row r="15" spans="1:101" ht="21" customHeight="1" x14ac:dyDescent="0.2">
      <c r="B15" s="261" t="s">
        <v>12</v>
      </c>
      <c r="C15" s="276">
        <v>0</v>
      </c>
      <c r="D15" s="277">
        <v>0</v>
      </c>
      <c r="E15" s="278">
        <v>0</v>
      </c>
      <c r="F15" s="279">
        <v>0</v>
      </c>
      <c r="G15" s="280">
        <v>1</v>
      </c>
      <c r="H15" s="280">
        <v>1</v>
      </c>
      <c r="I15" s="280">
        <v>0</v>
      </c>
      <c r="J15" s="280">
        <v>1</v>
      </c>
      <c r="K15" s="280">
        <v>0</v>
      </c>
      <c r="L15" s="281">
        <v>3</v>
      </c>
      <c r="M15" s="282">
        <v>3</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27</v>
      </c>
      <c r="AD15" s="280">
        <v>21</v>
      </c>
      <c r="AE15" s="280">
        <v>12</v>
      </c>
      <c r="AF15" s="280">
        <v>3</v>
      </c>
      <c r="AG15" s="280">
        <v>3</v>
      </c>
      <c r="AH15" s="277">
        <v>66</v>
      </c>
      <c r="AI15" s="282">
        <v>66</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2</v>
      </c>
      <c r="AZ15" s="280">
        <v>0</v>
      </c>
      <c r="BA15" s="280">
        <v>3</v>
      </c>
      <c r="BB15" s="280">
        <v>4</v>
      </c>
      <c r="BC15" s="280">
        <v>2</v>
      </c>
      <c r="BD15" s="277">
        <v>11</v>
      </c>
      <c r="BE15" s="282">
        <v>11</v>
      </c>
      <c r="BF15" s="276">
        <v>0</v>
      </c>
      <c r="BG15" s="280">
        <v>0</v>
      </c>
      <c r="BH15" s="277">
        <v>0</v>
      </c>
      <c r="BI15" s="279">
        <v>0</v>
      </c>
      <c r="BJ15" s="280">
        <v>4</v>
      </c>
      <c r="BK15" s="280">
        <v>2</v>
      </c>
      <c r="BL15" s="280">
        <v>3</v>
      </c>
      <c r="BM15" s="280">
        <v>3</v>
      </c>
      <c r="BN15" s="280">
        <v>2</v>
      </c>
      <c r="BO15" s="281">
        <v>14</v>
      </c>
      <c r="BP15" s="282">
        <v>14</v>
      </c>
      <c r="BQ15" s="276">
        <v>0</v>
      </c>
      <c r="BR15" s="280">
        <v>0</v>
      </c>
      <c r="BS15" s="277">
        <v>0</v>
      </c>
      <c r="BT15" s="279">
        <v>0</v>
      </c>
      <c r="BU15" s="280">
        <v>0</v>
      </c>
      <c r="BV15" s="280">
        <v>4</v>
      </c>
      <c r="BW15" s="280">
        <v>0</v>
      </c>
      <c r="BX15" s="280">
        <v>2</v>
      </c>
      <c r="BY15" s="280">
        <v>0</v>
      </c>
      <c r="BZ15" s="277">
        <v>6</v>
      </c>
      <c r="CA15" s="282">
        <v>6</v>
      </c>
      <c r="CB15" s="276">
        <v>0</v>
      </c>
      <c r="CC15" s="280">
        <v>0</v>
      </c>
      <c r="CD15" s="277">
        <v>0</v>
      </c>
      <c r="CE15" s="279">
        <v>0</v>
      </c>
      <c r="CF15" s="280">
        <v>0</v>
      </c>
      <c r="CG15" s="280">
        <v>0</v>
      </c>
      <c r="CH15" s="280">
        <v>0</v>
      </c>
      <c r="CI15" s="280">
        <v>0</v>
      </c>
      <c r="CJ15" s="280">
        <v>1</v>
      </c>
      <c r="CK15" s="277">
        <v>1</v>
      </c>
      <c r="CL15" s="282">
        <v>1</v>
      </c>
      <c r="CM15" s="276">
        <v>0</v>
      </c>
      <c r="CN15" s="280">
        <v>0</v>
      </c>
      <c r="CO15" s="277">
        <v>0</v>
      </c>
      <c r="CP15" s="279">
        <v>0</v>
      </c>
      <c r="CQ15" s="280">
        <v>0</v>
      </c>
      <c r="CR15" s="280">
        <v>2</v>
      </c>
      <c r="CS15" s="280">
        <v>0</v>
      </c>
      <c r="CT15" s="280">
        <v>1</v>
      </c>
      <c r="CU15" s="280">
        <v>1</v>
      </c>
      <c r="CV15" s="277">
        <v>4</v>
      </c>
      <c r="CW15" s="282">
        <v>4</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5</v>
      </c>
      <c r="AD16" s="280">
        <v>15</v>
      </c>
      <c r="AE16" s="280">
        <v>7</v>
      </c>
      <c r="AF16" s="280">
        <v>4</v>
      </c>
      <c r="AG16" s="280">
        <v>2</v>
      </c>
      <c r="AH16" s="277">
        <v>43</v>
      </c>
      <c r="AI16" s="282">
        <v>43</v>
      </c>
      <c r="AJ16" s="276">
        <v>0</v>
      </c>
      <c r="AK16" s="280">
        <v>0</v>
      </c>
      <c r="AL16" s="277">
        <v>0</v>
      </c>
      <c r="AM16" s="279">
        <v>0</v>
      </c>
      <c r="AN16" s="280">
        <v>0</v>
      </c>
      <c r="AO16" s="280">
        <v>3</v>
      </c>
      <c r="AP16" s="280">
        <v>0</v>
      </c>
      <c r="AQ16" s="280">
        <v>1</v>
      </c>
      <c r="AR16" s="280">
        <v>0</v>
      </c>
      <c r="AS16" s="277">
        <v>4</v>
      </c>
      <c r="AT16" s="282">
        <v>4</v>
      </c>
      <c r="AU16" s="276">
        <v>0</v>
      </c>
      <c r="AV16" s="280">
        <v>0</v>
      </c>
      <c r="AW16" s="277">
        <v>0</v>
      </c>
      <c r="AX16" s="279">
        <v>0</v>
      </c>
      <c r="AY16" s="280">
        <v>2</v>
      </c>
      <c r="AZ16" s="280">
        <v>2</v>
      </c>
      <c r="BA16" s="280">
        <v>0</v>
      </c>
      <c r="BB16" s="280">
        <v>0</v>
      </c>
      <c r="BC16" s="280">
        <v>0</v>
      </c>
      <c r="BD16" s="277">
        <v>4</v>
      </c>
      <c r="BE16" s="282">
        <v>4</v>
      </c>
      <c r="BF16" s="276">
        <v>0</v>
      </c>
      <c r="BG16" s="280">
        <v>0</v>
      </c>
      <c r="BH16" s="277">
        <v>0</v>
      </c>
      <c r="BI16" s="279">
        <v>0</v>
      </c>
      <c r="BJ16" s="280">
        <v>0</v>
      </c>
      <c r="BK16" s="280">
        <v>2</v>
      </c>
      <c r="BL16" s="280">
        <v>0</v>
      </c>
      <c r="BM16" s="280">
        <v>1</v>
      </c>
      <c r="BN16" s="280">
        <v>0</v>
      </c>
      <c r="BO16" s="281">
        <v>3</v>
      </c>
      <c r="BP16" s="282">
        <v>3</v>
      </c>
      <c r="BQ16" s="276">
        <v>0</v>
      </c>
      <c r="BR16" s="280">
        <v>0</v>
      </c>
      <c r="BS16" s="277">
        <v>0</v>
      </c>
      <c r="BT16" s="279">
        <v>0</v>
      </c>
      <c r="BU16" s="280">
        <v>0</v>
      </c>
      <c r="BV16" s="280">
        <v>0</v>
      </c>
      <c r="BW16" s="280">
        <v>0</v>
      </c>
      <c r="BX16" s="280">
        <v>2</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1</v>
      </c>
      <c r="H17" s="280">
        <v>0</v>
      </c>
      <c r="I17" s="280">
        <v>0</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8</v>
      </c>
      <c r="AD17" s="280">
        <v>8</v>
      </c>
      <c r="AE17" s="280">
        <v>2</v>
      </c>
      <c r="AF17" s="280">
        <v>2</v>
      </c>
      <c r="AG17" s="280">
        <v>1</v>
      </c>
      <c r="AH17" s="277">
        <v>21</v>
      </c>
      <c r="AI17" s="282">
        <v>21</v>
      </c>
      <c r="AJ17" s="276">
        <v>0</v>
      </c>
      <c r="AK17" s="280">
        <v>0</v>
      </c>
      <c r="AL17" s="277">
        <v>0</v>
      </c>
      <c r="AM17" s="279">
        <v>0</v>
      </c>
      <c r="AN17" s="280">
        <v>0</v>
      </c>
      <c r="AO17" s="280">
        <v>0</v>
      </c>
      <c r="AP17" s="280">
        <v>0</v>
      </c>
      <c r="AQ17" s="280">
        <v>1</v>
      </c>
      <c r="AR17" s="280">
        <v>0</v>
      </c>
      <c r="AS17" s="277">
        <v>1</v>
      </c>
      <c r="AT17" s="282">
        <v>1</v>
      </c>
      <c r="AU17" s="276">
        <v>0</v>
      </c>
      <c r="AV17" s="280">
        <v>0</v>
      </c>
      <c r="AW17" s="277">
        <v>0</v>
      </c>
      <c r="AX17" s="279">
        <v>0</v>
      </c>
      <c r="AY17" s="280">
        <v>0</v>
      </c>
      <c r="AZ17" s="280">
        <v>1</v>
      </c>
      <c r="BA17" s="280">
        <v>1</v>
      </c>
      <c r="BB17" s="280">
        <v>1</v>
      </c>
      <c r="BC17" s="280">
        <v>1</v>
      </c>
      <c r="BD17" s="277">
        <v>4</v>
      </c>
      <c r="BE17" s="282">
        <v>4</v>
      </c>
      <c r="BF17" s="276">
        <v>0</v>
      </c>
      <c r="BG17" s="280">
        <v>0</v>
      </c>
      <c r="BH17" s="277">
        <v>0</v>
      </c>
      <c r="BI17" s="279">
        <v>0</v>
      </c>
      <c r="BJ17" s="280">
        <v>3</v>
      </c>
      <c r="BK17" s="280">
        <v>1</v>
      </c>
      <c r="BL17" s="280">
        <v>0</v>
      </c>
      <c r="BM17" s="280">
        <v>0</v>
      </c>
      <c r="BN17" s="280">
        <v>0</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1</v>
      </c>
      <c r="CJ17" s="280">
        <v>0</v>
      </c>
      <c r="CK17" s="277">
        <v>1</v>
      </c>
      <c r="CL17" s="282">
        <v>1</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2</v>
      </c>
      <c r="H18" s="280">
        <v>0</v>
      </c>
      <c r="I18" s="280">
        <v>1</v>
      </c>
      <c r="J18" s="280">
        <v>0</v>
      </c>
      <c r="K18" s="280">
        <v>0</v>
      </c>
      <c r="L18" s="281">
        <v>3</v>
      </c>
      <c r="M18" s="282">
        <v>3</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12</v>
      </c>
      <c r="AD18" s="280">
        <v>8</v>
      </c>
      <c r="AE18" s="280">
        <v>5</v>
      </c>
      <c r="AF18" s="280">
        <v>1</v>
      </c>
      <c r="AG18" s="280">
        <v>0</v>
      </c>
      <c r="AH18" s="277">
        <v>26</v>
      </c>
      <c r="AI18" s="282">
        <v>26</v>
      </c>
      <c r="AJ18" s="276">
        <v>0</v>
      </c>
      <c r="AK18" s="280">
        <v>0</v>
      </c>
      <c r="AL18" s="277">
        <v>0</v>
      </c>
      <c r="AM18" s="279">
        <v>0</v>
      </c>
      <c r="AN18" s="280">
        <v>0</v>
      </c>
      <c r="AO18" s="280">
        <v>0</v>
      </c>
      <c r="AP18" s="280">
        <v>1</v>
      </c>
      <c r="AQ18" s="280">
        <v>0</v>
      </c>
      <c r="AR18" s="280">
        <v>0</v>
      </c>
      <c r="AS18" s="277">
        <v>1</v>
      </c>
      <c r="AT18" s="282">
        <v>1</v>
      </c>
      <c r="AU18" s="276">
        <v>0</v>
      </c>
      <c r="AV18" s="280">
        <v>0</v>
      </c>
      <c r="AW18" s="277">
        <v>0</v>
      </c>
      <c r="AX18" s="279">
        <v>0</v>
      </c>
      <c r="AY18" s="280">
        <v>0</v>
      </c>
      <c r="AZ18" s="280">
        <v>2</v>
      </c>
      <c r="BA18" s="280">
        <v>1</v>
      </c>
      <c r="BB18" s="280">
        <v>0</v>
      </c>
      <c r="BC18" s="280">
        <v>0</v>
      </c>
      <c r="BD18" s="277">
        <v>3</v>
      </c>
      <c r="BE18" s="282">
        <v>3</v>
      </c>
      <c r="BF18" s="276">
        <v>0</v>
      </c>
      <c r="BG18" s="280">
        <v>0</v>
      </c>
      <c r="BH18" s="277">
        <v>0</v>
      </c>
      <c r="BI18" s="279">
        <v>0</v>
      </c>
      <c r="BJ18" s="280">
        <v>1</v>
      </c>
      <c r="BK18" s="280">
        <v>2</v>
      </c>
      <c r="BL18" s="280">
        <v>5</v>
      </c>
      <c r="BM18" s="280">
        <v>2</v>
      </c>
      <c r="BN18" s="280">
        <v>2</v>
      </c>
      <c r="BO18" s="281">
        <v>12</v>
      </c>
      <c r="BP18" s="282">
        <v>12</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1</v>
      </c>
      <c r="CS18" s="280">
        <v>1</v>
      </c>
      <c r="CT18" s="280">
        <v>0</v>
      </c>
      <c r="CU18" s="280">
        <v>0</v>
      </c>
      <c r="CV18" s="277">
        <v>2</v>
      </c>
      <c r="CW18" s="282">
        <v>2</v>
      </c>
    </row>
    <row r="19" spans="2:101" ht="21" customHeight="1" x14ac:dyDescent="0.2">
      <c r="B19" s="261" t="s">
        <v>17</v>
      </c>
      <c r="C19" s="276">
        <v>0</v>
      </c>
      <c r="D19" s="277">
        <v>0</v>
      </c>
      <c r="E19" s="278">
        <v>0</v>
      </c>
      <c r="F19" s="279">
        <v>0</v>
      </c>
      <c r="G19" s="280">
        <v>0</v>
      </c>
      <c r="H19" s="280">
        <v>0</v>
      </c>
      <c r="I19" s="280">
        <v>0</v>
      </c>
      <c r="J19" s="280">
        <v>0</v>
      </c>
      <c r="K19" s="280">
        <v>1</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8</v>
      </c>
      <c r="AD19" s="280">
        <v>17</v>
      </c>
      <c r="AE19" s="280">
        <v>7</v>
      </c>
      <c r="AF19" s="280">
        <v>2</v>
      </c>
      <c r="AG19" s="280">
        <v>3</v>
      </c>
      <c r="AH19" s="277">
        <v>47</v>
      </c>
      <c r="AI19" s="282">
        <v>47</v>
      </c>
      <c r="AJ19" s="276">
        <v>0</v>
      </c>
      <c r="AK19" s="280">
        <v>0</v>
      </c>
      <c r="AL19" s="277">
        <v>0</v>
      </c>
      <c r="AM19" s="279">
        <v>0</v>
      </c>
      <c r="AN19" s="280">
        <v>2</v>
      </c>
      <c r="AO19" s="280">
        <v>1</v>
      </c>
      <c r="AP19" s="280">
        <v>1</v>
      </c>
      <c r="AQ19" s="280">
        <v>0</v>
      </c>
      <c r="AR19" s="280">
        <v>0</v>
      </c>
      <c r="AS19" s="277">
        <v>4</v>
      </c>
      <c r="AT19" s="282">
        <v>4</v>
      </c>
      <c r="AU19" s="276">
        <v>0</v>
      </c>
      <c r="AV19" s="280">
        <v>0</v>
      </c>
      <c r="AW19" s="277">
        <v>0</v>
      </c>
      <c r="AX19" s="279">
        <v>0</v>
      </c>
      <c r="AY19" s="280">
        <v>2</v>
      </c>
      <c r="AZ19" s="280">
        <v>3</v>
      </c>
      <c r="BA19" s="280">
        <v>3</v>
      </c>
      <c r="BB19" s="280">
        <v>2</v>
      </c>
      <c r="BC19" s="280">
        <v>0</v>
      </c>
      <c r="BD19" s="277">
        <v>10</v>
      </c>
      <c r="BE19" s="282">
        <v>10</v>
      </c>
      <c r="BF19" s="276">
        <v>0</v>
      </c>
      <c r="BG19" s="280">
        <v>0</v>
      </c>
      <c r="BH19" s="277">
        <v>0</v>
      </c>
      <c r="BI19" s="279">
        <v>0</v>
      </c>
      <c r="BJ19" s="280">
        <v>0</v>
      </c>
      <c r="BK19" s="280">
        <v>6</v>
      </c>
      <c r="BL19" s="280">
        <v>4</v>
      </c>
      <c r="BM19" s="280">
        <v>1</v>
      </c>
      <c r="BN19" s="280">
        <v>0</v>
      </c>
      <c r="BO19" s="281">
        <v>11</v>
      </c>
      <c r="BP19" s="282">
        <v>11</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2</v>
      </c>
      <c r="CI19" s="280">
        <v>1</v>
      </c>
      <c r="CJ19" s="280">
        <v>1</v>
      </c>
      <c r="CK19" s="277">
        <v>4</v>
      </c>
      <c r="CL19" s="282">
        <v>4</v>
      </c>
      <c r="CM19" s="276">
        <v>0</v>
      </c>
      <c r="CN19" s="280">
        <v>0</v>
      </c>
      <c r="CO19" s="277">
        <v>0</v>
      </c>
      <c r="CP19" s="279">
        <v>0</v>
      </c>
      <c r="CQ19" s="280">
        <v>0</v>
      </c>
      <c r="CR19" s="280">
        <v>1</v>
      </c>
      <c r="CS19" s="280">
        <v>1</v>
      </c>
      <c r="CT19" s="280">
        <v>0</v>
      </c>
      <c r="CU19" s="280">
        <v>1</v>
      </c>
      <c r="CV19" s="277">
        <v>3</v>
      </c>
      <c r="CW19" s="282">
        <v>3</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15</v>
      </c>
      <c r="AD20" s="280">
        <v>13</v>
      </c>
      <c r="AE20" s="280">
        <v>5</v>
      </c>
      <c r="AF20" s="280">
        <v>3</v>
      </c>
      <c r="AG20" s="280">
        <v>0</v>
      </c>
      <c r="AH20" s="277">
        <v>36</v>
      </c>
      <c r="AI20" s="282">
        <v>36</v>
      </c>
      <c r="AJ20" s="276">
        <v>0</v>
      </c>
      <c r="AK20" s="280">
        <v>0</v>
      </c>
      <c r="AL20" s="277">
        <v>0</v>
      </c>
      <c r="AM20" s="279">
        <v>0</v>
      </c>
      <c r="AN20" s="280">
        <v>1</v>
      </c>
      <c r="AO20" s="280">
        <v>0</v>
      </c>
      <c r="AP20" s="280">
        <v>3</v>
      </c>
      <c r="AQ20" s="280">
        <v>1</v>
      </c>
      <c r="AR20" s="280">
        <v>0</v>
      </c>
      <c r="AS20" s="277">
        <v>5</v>
      </c>
      <c r="AT20" s="282">
        <v>5</v>
      </c>
      <c r="AU20" s="276">
        <v>1</v>
      </c>
      <c r="AV20" s="280">
        <v>0</v>
      </c>
      <c r="AW20" s="277">
        <v>1</v>
      </c>
      <c r="AX20" s="279">
        <v>0</v>
      </c>
      <c r="AY20" s="280">
        <v>4</v>
      </c>
      <c r="AZ20" s="280">
        <v>5</v>
      </c>
      <c r="BA20" s="280">
        <v>4</v>
      </c>
      <c r="BB20" s="280">
        <v>1</v>
      </c>
      <c r="BC20" s="280">
        <v>0</v>
      </c>
      <c r="BD20" s="277">
        <v>14</v>
      </c>
      <c r="BE20" s="282">
        <v>15</v>
      </c>
      <c r="BF20" s="276">
        <v>0</v>
      </c>
      <c r="BG20" s="280">
        <v>0</v>
      </c>
      <c r="BH20" s="277">
        <v>0</v>
      </c>
      <c r="BI20" s="279">
        <v>0</v>
      </c>
      <c r="BJ20" s="280">
        <v>1</v>
      </c>
      <c r="BK20" s="280">
        <v>5</v>
      </c>
      <c r="BL20" s="280">
        <v>4</v>
      </c>
      <c r="BM20" s="280">
        <v>3</v>
      </c>
      <c r="BN20" s="280">
        <v>2</v>
      </c>
      <c r="BO20" s="281">
        <v>15</v>
      </c>
      <c r="BP20" s="282">
        <v>15</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1</v>
      </c>
      <c r="CT20" s="280">
        <v>0</v>
      </c>
      <c r="CU20" s="280">
        <v>1</v>
      </c>
      <c r="CV20" s="277">
        <v>2</v>
      </c>
      <c r="CW20" s="282">
        <v>2</v>
      </c>
    </row>
    <row r="21" spans="2:101" ht="21" customHeight="1" x14ac:dyDescent="0.2">
      <c r="B21" s="261" t="s">
        <v>19</v>
      </c>
      <c r="C21" s="276">
        <v>0</v>
      </c>
      <c r="D21" s="277">
        <v>0</v>
      </c>
      <c r="E21" s="278">
        <v>0</v>
      </c>
      <c r="F21" s="279">
        <v>0</v>
      </c>
      <c r="G21" s="280">
        <v>1</v>
      </c>
      <c r="H21" s="280">
        <v>1</v>
      </c>
      <c r="I21" s="280">
        <v>0</v>
      </c>
      <c r="J21" s="280">
        <v>0</v>
      </c>
      <c r="K21" s="280">
        <v>1</v>
      </c>
      <c r="L21" s="281">
        <v>3</v>
      </c>
      <c r="M21" s="282">
        <v>3</v>
      </c>
      <c r="N21" s="276">
        <v>0</v>
      </c>
      <c r="O21" s="280">
        <v>0</v>
      </c>
      <c r="P21" s="277">
        <v>0</v>
      </c>
      <c r="Q21" s="279">
        <v>0</v>
      </c>
      <c r="R21" s="280">
        <v>0</v>
      </c>
      <c r="S21" s="280">
        <v>0</v>
      </c>
      <c r="T21" s="280">
        <v>0</v>
      </c>
      <c r="U21" s="280">
        <v>0</v>
      </c>
      <c r="V21" s="280">
        <v>0</v>
      </c>
      <c r="W21" s="277">
        <v>0</v>
      </c>
      <c r="X21" s="282">
        <v>0</v>
      </c>
      <c r="Y21" s="276">
        <v>0</v>
      </c>
      <c r="Z21" s="280">
        <v>0</v>
      </c>
      <c r="AA21" s="277">
        <v>0</v>
      </c>
      <c r="AB21" s="279">
        <v>0</v>
      </c>
      <c r="AC21" s="280">
        <v>3</v>
      </c>
      <c r="AD21" s="280">
        <v>4</v>
      </c>
      <c r="AE21" s="280">
        <v>0</v>
      </c>
      <c r="AF21" s="280">
        <v>1</v>
      </c>
      <c r="AG21" s="280">
        <v>1</v>
      </c>
      <c r="AH21" s="277">
        <v>9</v>
      </c>
      <c r="AI21" s="282">
        <v>9</v>
      </c>
      <c r="AJ21" s="276">
        <v>0</v>
      </c>
      <c r="AK21" s="280">
        <v>0</v>
      </c>
      <c r="AL21" s="277">
        <v>0</v>
      </c>
      <c r="AM21" s="279">
        <v>0</v>
      </c>
      <c r="AN21" s="280">
        <v>1</v>
      </c>
      <c r="AO21" s="280">
        <v>5</v>
      </c>
      <c r="AP21" s="280">
        <v>0</v>
      </c>
      <c r="AQ21" s="280">
        <v>0</v>
      </c>
      <c r="AR21" s="280">
        <v>0</v>
      </c>
      <c r="AS21" s="277">
        <v>6</v>
      </c>
      <c r="AT21" s="282">
        <v>6</v>
      </c>
      <c r="AU21" s="276">
        <v>0</v>
      </c>
      <c r="AV21" s="280">
        <v>0</v>
      </c>
      <c r="AW21" s="277">
        <v>0</v>
      </c>
      <c r="AX21" s="279">
        <v>0</v>
      </c>
      <c r="AY21" s="280">
        <v>4</v>
      </c>
      <c r="AZ21" s="280">
        <v>2</v>
      </c>
      <c r="BA21" s="280">
        <v>2</v>
      </c>
      <c r="BB21" s="280">
        <v>0</v>
      </c>
      <c r="BC21" s="280">
        <v>0</v>
      </c>
      <c r="BD21" s="277">
        <v>8</v>
      </c>
      <c r="BE21" s="282">
        <v>8</v>
      </c>
      <c r="BF21" s="276">
        <v>0</v>
      </c>
      <c r="BG21" s="280">
        <v>0</v>
      </c>
      <c r="BH21" s="277">
        <v>0</v>
      </c>
      <c r="BI21" s="279">
        <v>0</v>
      </c>
      <c r="BJ21" s="280">
        <v>2</v>
      </c>
      <c r="BK21" s="280">
        <v>2</v>
      </c>
      <c r="BL21" s="280">
        <v>1</v>
      </c>
      <c r="BM21" s="280">
        <v>0</v>
      </c>
      <c r="BN21" s="280">
        <v>0</v>
      </c>
      <c r="BO21" s="281">
        <v>5</v>
      </c>
      <c r="BP21" s="282">
        <v>5</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1</v>
      </c>
      <c r="CS21" s="280">
        <v>0</v>
      </c>
      <c r="CT21" s="280">
        <v>1</v>
      </c>
      <c r="CU21" s="280">
        <v>1</v>
      </c>
      <c r="CV21" s="277">
        <v>3</v>
      </c>
      <c r="CW21" s="282">
        <v>3</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3</v>
      </c>
      <c r="AD22" s="280">
        <v>7</v>
      </c>
      <c r="AE22" s="280">
        <v>6</v>
      </c>
      <c r="AF22" s="280">
        <v>3</v>
      </c>
      <c r="AG22" s="280">
        <v>1</v>
      </c>
      <c r="AH22" s="277">
        <v>30</v>
      </c>
      <c r="AI22" s="282">
        <v>30</v>
      </c>
      <c r="AJ22" s="276">
        <v>0</v>
      </c>
      <c r="AK22" s="280">
        <v>0</v>
      </c>
      <c r="AL22" s="277">
        <v>0</v>
      </c>
      <c r="AM22" s="279">
        <v>0</v>
      </c>
      <c r="AN22" s="280">
        <v>0</v>
      </c>
      <c r="AO22" s="280">
        <v>0</v>
      </c>
      <c r="AP22" s="280">
        <v>0</v>
      </c>
      <c r="AQ22" s="280">
        <v>0</v>
      </c>
      <c r="AR22" s="280">
        <v>0</v>
      </c>
      <c r="AS22" s="277">
        <v>0</v>
      </c>
      <c r="AT22" s="282">
        <v>0</v>
      </c>
      <c r="AU22" s="276">
        <v>0</v>
      </c>
      <c r="AV22" s="280">
        <v>0</v>
      </c>
      <c r="AW22" s="277">
        <v>0</v>
      </c>
      <c r="AX22" s="279">
        <v>0</v>
      </c>
      <c r="AY22" s="280">
        <v>0</v>
      </c>
      <c r="AZ22" s="280">
        <v>0</v>
      </c>
      <c r="BA22" s="280">
        <v>1</v>
      </c>
      <c r="BB22" s="280">
        <v>0</v>
      </c>
      <c r="BC22" s="280">
        <v>0</v>
      </c>
      <c r="BD22" s="277">
        <v>1</v>
      </c>
      <c r="BE22" s="282">
        <v>1</v>
      </c>
      <c r="BF22" s="276">
        <v>0</v>
      </c>
      <c r="BG22" s="280">
        <v>0</v>
      </c>
      <c r="BH22" s="277">
        <v>0</v>
      </c>
      <c r="BI22" s="279">
        <v>0</v>
      </c>
      <c r="BJ22" s="280">
        <v>0</v>
      </c>
      <c r="BK22" s="280">
        <v>1</v>
      </c>
      <c r="BL22" s="280">
        <v>2</v>
      </c>
      <c r="BM22" s="280">
        <v>0</v>
      </c>
      <c r="BN22" s="280">
        <v>0</v>
      </c>
      <c r="BO22" s="281">
        <v>3</v>
      </c>
      <c r="BP22" s="282">
        <v>3</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1</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3</v>
      </c>
      <c r="AD23" s="280">
        <v>11</v>
      </c>
      <c r="AE23" s="280">
        <v>2</v>
      </c>
      <c r="AF23" s="280">
        <v>3</v>
      </c>
      <c r="AG23" s="280">
        <v>0</v>
      </c>
      <c r="AH23" s="277">
        <v>29</v>
      </c>
      <c r="AI23" s="282">
        <v>29</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0</v>
      </c>
      <c r="AZ23" s="280">
        <v>0</v>
      </c>
      <c r="BA23" s="280">
        <v>3</v>
      </c>
      <c r="BB23" s="280">
        <v>0</v>
      </c>
      <c r="BC23" s="280">
        <v>0</v>
      </c>
      <c r="BD23" s="277">
        <v>3</v>
      </c>
      <c r="BE23" s="282">
        <v>3</v>
      </c>
      <c r="BF23" s="276">
        <v>0</v>
      </c>
      <c r="BG23" s="280">
        <v>0</v>
      </c>
      <c r="BH23" s="277">
        <v>0</v>
      </c>
      <c r="BI23" s="279">
        <v>0</v>
      </c>
      <c r="BJ23" s="280">
        <v>1</v>
      </c>
      <c r="BK23" s="280">
        <v>2</v>
      </c>
      <c r="BL23" s="280">
        <v>0</v>
      </c>
      <c r="BM23" s="280">
        <v>3</v>
      </c>
      <c r="BN23" s="280">
        <v>0</v>
      </c>
      <c r="BO23" s="281">
        <v>6</v>
      </c>
      <c r="BP23" s="282">
        <v>6</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0</v>
      </c>
      <c r="H24" s="280">
        <v>0</v>
      </c>
      <c r="I24" s="280">
        <v>1</v>
      </c>
      <c r="J24" s="280">
        <v>0</v>
      </c>
      <c r="K24" s="280">
        <v>0</v>
      </c>
      <c r="L24" s="281">
        <v>1</v>
      </c>
      <c r="M24" s="282">
        <v>1</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4</v>
      </c>
      <c r="AD24" s="280">
        <v>3</v>
      </c>
      <c r="AE24" s="280">
        <v>0</v>
      </c>
      <c r="AF24" s="280">
        <v>2</v>
      </c>
      <c r="AG24" s="280">
        <v>0</v>
      </c>
      <c r="AH24" s="277">
        <v>9</v>
      </c>
      <c r="AI24" s="282">
        <v>9</v>
      </c>
      <c r="AJ24" s="276">
        <v>0</v>
      </c>
      <c r="AK24" s="280">
        <v>0</v>
      </c>
      <c r="AL24" s="277">
        <v>0</v>
      </c>
      <c r="AM24" s="279">
        <v>0</v>
      </c>
      <c r="AN24" s="280">
        <v>0</v>
      </c>
      <c r="AO24" s="280">
        <v>0</v>
      </c>
      <c r="AP24" s="280">
        <v>0</v>
      </c>
      <c r="AQ24" s="280">
        <v>1</v>
      </c>
      <c r="AR24" s="280">
        <v>0</v>
      </c>
      <c r="AS24" s="277">
        <v>1</v>
      </c>
      <c r="AT24" s="282">
        <v>1</v>
      </c>
      <c r="AU24" s="276">
        <v>0</v>
      </c>
      <c r="AV24" s="280">
        <v>0</v>
      </c>
      <c r="AW24" s="277">
        <v>0</v>
      </c>
      <c r="AX24" s="279">
        <v>0</v>
      </c>
      <c r="AY24" s="280">
        <v>2</v>
      </c>
      <c r="AZ24" s="280">
        <v>3</v>
      </c>
      <c r="BA24" s="280">
        <v>0</v>
      </c>
      <c r="BB24" s="280">
        <v>1</v>
      </c>
      <c r="BC24" s="280">
        <v>0</v>
      </c>
      <c r="BD24" s="277">
        <v>6</v>
      </c>
      <c r="BE24" s="282">
        <v>6</v>
      </c>
      <c r="BF24" s="276">
        <v>0</v>
      </c>
      <c r="BG24" s="280">
        <v>0</v>
      </c>
      <c r="BH24" s="277">
        <v>0</v>
      </c>
      <c r="BI24" s="279">
        <v>0</v>
      </c>
      <c r="BJ24" s="280">
        <v>1</v>
      </c>
      <c r="BK24" s="280">
        <v>3</v>
      </c>
      <c r="BL24" s="280">
        <v>0</v>
      </c>
      <c r="BM24" s="280">
        <v>0</v>
      </c>
      <c r="BN24" s="280">
        <v>0</v>
      </c>
      <c r="BO24" s="281">
        <v>4</v>
      </c>
      <c r="BP24" s="282">
        <v>4</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3</v>
      </c>
      <c r="CJ24" s="280">
        <v>0</v>
      </c>
      <c r="CK24" s="277">
        <v>3</v>
      </c>
      <c r="CL24" s="282">
        <v>3</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7</v>
      </c>
      <c r="AD25" s="280">
        <v>1</v>
      </c>
      <c r="AE25" s="280">
        <v>0</v>
      </c>
      <c r="AF25" s="280">
        <v>1</v>
      </c>
      <c r="AG25" s="280">
        <v>0</v>
      </c>
      <c r="AH25" s="277">
        <v>9</v>
      </c>
      <c r="AI25" s="282">
        <v>9</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1</v>
      </c>
      <c r="BK25" s="280">
        <v>0</v>
      </c>
      <c r="BL25" s="280">
        <v>3</v>
      </c>
      <c r="BM25" s="280">
        <v>3</v>
      </c>
      <c r="BN25" s="280">
        <v>1</v>
      </c>
      <c r="BO25" s="281">
        <v>8</v>
      </c>
      <c r="BP25" s="282">
        <v>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0</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1</v>
      </c>
      <c r="AD26" s="280">
        <v>2</v>
      </c>
      <c r="AE26" s="280">
        <v>3</v>
      </c>
      <c r="AF26" s="280">
        <v>0</v>
      </c>
      <c r="AG26" s="280">
        <v>0</v>
      </c>
      <c r="AH26" s="277">
        <v>6</v>
      </c>
      <c r="AI26" s="282">
        <v>6</v>
      </c>
      <c r="AJ26" s="276">
        <v>0</v>
      </c>
      <c r="AK26" s="280">
        <v>0</v>
      </c>
      <c r="AL26" s="277">
        <v>0</v>
      </c>
      <c r="AM26" s="279">
        <v>0</v>
      </c>
      <c r="AN26" s="280">
        <v>1</v>
      </c>
      <c r="AO26" s="280">
        <v>0</v>
      </c>
      <c r="AP26" s="280">
        <v>1</v>
      </c>
      <c r="AQ26" s="280">
        <v>0</v>
      </c>
      <c r="AR26" s="280">
        <v>0</v>
      </c>
      <c r="AS26" s="277">
        <v>2</v>
      </c>
      <c r="AT26" s="282">
        <v>2</v>
      </c>
      <c r="AU26" s="276">
        <v>0</v>
      </c>
      <c r="AV26" s="280">
        <v>0</v>
      </c>
      <c r="AW26" s="277">
        <v>0</v>
      </c>
      <c r="AX26" s="279">
        <v>0</v>
      </c>
      <c r="AY26" s="280">
        <v>0</v>
      </c>
      <c r="AZ26" s="280">
        <v>0</v>
      </c>
      <c r="BA26" s="280">
        <v>0</v>
      </c>
      <c r="BB26" s="280">
        <v>0</v>
      </c>
      <c r="BC26" s="280">
        <v>0</v>
      </c>
      <c r="BD26" s="277">
        <v>0</v>
      </c>
      <c r="BE26" s="282">
        <v>0</v>
      </c>
      <c r="BF26" s="276">
        <v>0</v>
      </c>
      <c r="BG26" s="280">
        <v>0</v>
      </c>
      <c r="BH26" s="277">
        <v>0</v>
      </c>
      <c r="BI26" s="279">
        <v>0</v>
      </c>
      <c r="BJ26" s="280">
        <v>0</v>
      </c>
      <c r="BK26" s="280">
        <v>0</v>
      </c>
      <c r="BL26" s="280">
        <v>2</v>
      </c>
      <c r="BM26" s="280">
        <v>0</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4</v>
      </c>
      <c r="AD27" s="280">
        <v>1</v>
      </c>
      <c r="AE27" s="280">
        <v>0</v>
      </c>
      <c r="AF27" s="280">
        <v>0</v>
      </c>
      <c r="AG27" s="280">
        <v>0</v>
      </c>
      <c r="AH27" s="277">
        <v>5</v>
      </c>
      <c r="AI27" s="282">
        <v>5</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0</v>
      </c>
      <c r="AZ27" s="280">
        <v>0</v>
      </c>
      <c r="BA27" s="280">
        <v>0</v>
      </c>
      <c r="BB27" s="280">
        <v>0</v>
      </c>
      <c r="BC27" s="280">
        <v>0</v>
      </c>
      <c r="BD27" s="277">
        <v>0</v>
      </c>
      <c r="BE27" s="282">
        <v>1</v>
      </c>
      <c r="BF27" s="276">
        <v>0</v>
      </c>
      <c r="BG27" s="280">
        <v>0</v>
      </c>
      <c r="BH27" s="277">
        <v>0</v>
      </c>
      <c r="BI27" s="279">
        <v>0</v>
      </c>
      <c r="BJ27" s="280">
        <v>0</v>
      </c>
      <c r="BK27" s="280">
        <v>0</v>
      </c>
      <c r="BL27" s="280">
        <v>0</v>
      </c>
      <c r="BM27" s="280">
        <v>0</v>
      </c>
      <c r="BN27" s="280">
        <v>0</v>
      </c>
      <c r="BO27" s="281">
        <v>0</v>
      </c>
      <c r="BP27" s="282">
        <v>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v>
      </c>
      <c r="AD28" s="280">
        <v>5</v>
      </c>
      <c r="AE28" s="280">
        <v>1</v>
      </c>
      <c r="AF28" s="280">
        <v>0</v>
      </c>
      <c r="AG28" s="280">
        <v>0</v>
      </c>
      <c r="AH28" s="277">
        <v>10</v>
      </c>
      <c r="AI28" s="282">
        <v>10</v>
      </c>
      <c r="AJ28" s="276">
        <v>0</v>
      </c>
      <c r="AK28" s="280">
        <v>0</v>
      </c>
      <c r="AL28" s="277">
        <v>0</v>
      </c>
      <c r="AM28" s="279">
        <v>0</v>
      </c>
      <c r="AN28" s="280">
        <v>0</v>
      </c>
      <c r="AO28" s="280">
        <v>1</v>
      </c>
      <c r="AP28" s="280">
        <v>0</v>
      </c>
      <c r="AQ28" s="280">
        <v>0</v>
      </c>
      <c r="AR28" s="280">
        <v>0</v>
      </c>
      <c r="AS28" s="277">
        <v>1</v>
      </c>
      <c r="AT28" s="282">
        <v>1</v>
      </c>
      <c r="AU28" s="276">
        <v>0</v>
      </c>
      <c r="AV28" s="280">
        <v>0</v>
      </c>
      <c r="AW28" s="277">
        <v>0</v>
      </c>
      <c r="AX28" s="279">
        <v>0</v>
      </c>
      <c r="AY28" s="280">
        <v>0</v>
      </c>
      <c r="AZ28" s="280">
        <v>0</v>
      </c>
      <c r="BA28" s="280">
        <v>1</v>
      </c>
      <c r="BB28" s="280">
        <v>0</v>
      </c>
      <c r="BC28" s="280">
        <v>0</v>
      </c>
      <c r="BD28" s="277">
        <v>1</v>
      </c>
      <c r="BE28" s="282">
        <v>1</v>
      </c>
      <c r="BF28" s="276">
        <v>0</v>
      </c>
      <c r="BG28" s="280">
        <v>0</v>
      </c>
      <c r="BH28" s="277">
        <v>0</v>
      </c>
      <c r="BI28" s="279">
        <v>0</v>
      </c>
      <c r="BJ28" s="280">
        <v>0</v>
      </c>
      <c r="BK28" s="280">
        <v>0</v>
      </c>
      <c r="BL28" s="280">
        <v>1</v>
      </c>
      <c r="BM28" s="280">
        <v>1</v>
      </c>
      <c r="BN28" s="280">
        <v>0</v>
      </c>
      <c r="BO28" s="281">
        <v>2</v>
      </c>
      <c r="BP28" s="282">
        <v>2</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0</v>
      </c>
      <c r="AD29" s="280">
        <v>1</v>
      </c>
      <c r="AE29" s="280">
        <v>0</v>
      </c>
      <c r="AF29" s="280">
        <v>0</v>
      </c>
      <c r="AG29" s="280">
        <v>0</v>
      </c>
      <c r="AH29" s="277">
        <v>1</v>
      </c>
      <c r="AI29" s="282">
        <v>1</v>
      </c>
      <c r="AJ29" s="276">
        <v>0</v>
      </c>
      <c r="AK29" s="280">
        <v>0</v>
      </c>
      <c r="AL29" s="277">
        <v>0</v>
      </c>
      <c r="AM29" s="279">
        <v>0</v>
      </c>
      <c r="AN29" s="280">
        <v>1</v>
      </c>
      <c r="AO29" s="280">
        <v>0</v>
      </c>
      <c r="AP29" s="280">
        <v>1</v>
      </c>
      <c r="AQ29" s="280">
        <v>1</v>
      </c>
      <c r="AR29" s="280">
        <v>0</v>
      </c>
      <c r="AS29" s="277">
        <v>3</v>
      </c>
      <c r="AT29" s="282">
        <v>3</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1</v>
      </c>
      <c r="BM29" s="280">
        <v>1</v>
      </c>
      <c r="BN29" s="280">
        <v>0</v>
      </c>
      <c r="BO29" s="281">
        <v>2</v>
      </c>
      <c r="BP29" s="282">
        <v>2</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v>
      </c>
      <c r="CI29" s="280">
        <v>0</v>
      </c>
      <c r="CJ29" s="280">
        <v>1</v>
      </c>
      <c r="CK29" s="277">
        <v>2</v>
      </c>
      <c r="CL29" s="282">
        <v>2</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1</v>
      </c>
      <c r="AS30" s="277">
        <v>1</v>
      </c>
      <c r="AT30" s="282">
        <v>1</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2</v>
      </c>
      <c r="BO30" s="281">
        <v>2</v>
      </c>
      <c r="BP30" s="282">
        <v>2</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2</v>
      </c>
      <c r="AD31" s="280">
        <v>1</v>
      </c>
      <c r="AE31" s="280">
        <v>0</v>
      </c>
      <c r="AF31" s="280">
        <v>0</v>
      </c>
      <c r="AG31" s="280">
        <v>0</v>
      </c>
      <c r="AH31" s="277">
        <v>3</v>
      </c>
      <c r="AI31" s="282">
        <v>3</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0</v>
      </c>
      <c r="AZ31" s="280">
        <v>0</v>
      </c>
      <c r="BA31" s="280">
        <v>0</v>
      </c>
      <c r="BB31" s="280">
        <v>0</v>
      </c>
      <c r="BC31" s="280">
        <v>0</v>
      </c>
      <c r="BD31" s="277">
        <v>0</v>
      </c>
      <c r="BE31" s="282">
        <v>0</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3</v>
      </c>
      <c r="AD32" s="280">
        <v>0</v>
      </c>
      <c r="AE32" s="280">
        <v>1</v>
      </c>
      <c r="AF32" s="280">
        <v>0</v>
      </c>
      <c r="AG32" s="280">
        <v>0</v>
      </c>
      <c r="AH32" s="277">
        <v>4</v>
      </c>
      <c r="AI32" s="282">
        <v>4</v>
      </c>
      <c r="AJ32" s="276">
        <v>1</v>
      </c>
      <c r="AK32" s="280">
        <v>0</v>
      </c>
      <c r="AL32" s="277">
        <v>1</v>
      </c>
      <c r="AM32" s="279">
        <v>0</v>
      </c>
      <c r="AN32" s="280">
        <v>0</v>
      </c>
      <c r="AO32" s="280">
        <v>0</v>
      </c>
      <c r="AP32" s="280">
        <v>0</v>
      </c>
      <c r="AQ32" s="280">
        <v>0</v>
      </c>
      <c r="AR32" s="280">
        <v>0</v>
      </c>
      <c r="AS32" s="277">
        <v>0</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1</v>
      </c>
      <c r="BN32" s="280">
        <v>0</v>
      </c>
      <c r="BO32" s="281">
        <v>1</v>
      </c>
      <c r="BP32" s="282">
        <v>1</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1</v>
      </c>
      <c r="AD33" s="280">
        <v>2</v>
      </c>
      <c r="AE33" s="280">
        <v>0</v>
      </c>
      <c r="AF33" s="280">
        <v>0</v>
      </c>
      <c r="AG33" s="280">
        <v>0</v>
      </c>
      <c r="AH33" s="277">
        <v>3</v>
      </c>
      <c r="AI33" s="282">
        <v>3</v>
      </c>
      <c r="AJ33" s="276">
        <v>0</v>
      </c>
      <c r="AK33" s="280">
        <v>0</v>
      </c>
      <c r="AL33" s="277">
        <v>0</v>
      </c>
      <c r="AM33" s="279">
        <v>0</v>
      </c>
      <c r="AN33" s="280">
        <v>0</v>
      </c>
      <c r="AO33" s="280">
        <v>0</v>
      </c>
      <c r="AP33" s="280">
        <v>0</v>
      </c>
      <c r="AQ33" s="280">
        <v>1</v>
      </c>
      <c r="AR33" s="280">
        <v>0</v>
      </c>
      <c r="AS33" s="277">
        <v>1</v>
      </c>
      <c r="AT33" s="282">
        <v>1</v>
      </c>
      <c r="AU33" s="276">
        <v>0</v>
      </c>
      <c r="AV33" s="280">
        <v>0</v>
      </c>
      <c r="AW33" s="277">
        <v>0</v>
      </c>
      <c r="AX33" s="279">
        <v>0</v>
      </c>
      <c r="AY33" s="280">
        <v>1</v>
      </c>
      <c r="AZ33" s="280">
        <v>0</v>
      </c>
      <c r="BA33" s="280">
        <v>0</v>
      </c>
      <c r="BB33" s="280">
        <v>0</v>
      </c>
      <c r="BC33" s="280">
        <v>0</v>
      </c>
      <c r="BD33" s="277">
        <v>1</v>
      </c>
      <c r="BE33" s="282">
        <v>1</v>
      </c>
      <c r="BF33" s="276">
        <v>0</v>
      </c>
      <c r="BG33" s="280">
        <v>0</v>
      </c>
      <c r="BH33" s="277">
        <v>0</v>
      </c>
      <c r="BI33" s="279">
        <v>0</v>
      </c>
      <c r="BJ33" s="280">
        <v>0</v>
      </c>
      <c r="BK33" s="280">
        <v>2</v>
      </c>
      <c r="BL33" s="280">
        <v>0</v>
      </c>
      <c r="BM33" s="280">
        <v>1</v>
      </c>
      <c r="BN33" s="280">
        <v>1</v>
      </c>
      <c r="BO33" s="281">
        <v>4</v>
      </c>
      <c r="BP33" s="282">
        <v>4</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2</v>
      </c>
      <c r="AD34" s="280">
        <v>2</v>
      </c>
      <c r="AE34" s="280">
        <v>0</v>
      </c>
      <c r="AF34" s="280">
        <v>0</v>
      </c>
      <c r="AG34" s="280">
        <v>1</v>
      </c>
      <c r="AH34" s="277">
        <v>5</v>
      </c>
      <c r="AI34" s="282">
        <v>5</v>
      </c>
      <c r="AJ34" s="276">
        <v>0</v>
      </c>
      <c r="AK34" s="280">
        <v>0</v>
      </c>
      <c r="AL34" s="277">
        <v>0</v>
      </c>
      <c r="AM34" s="279">
        <v>0</v>
      </c>
      <c r="AN34" s="280">
        <v>0</v>
      </c>
      <c r="AO34" s="280">
        <v>0</v>
      </c>
      <c r="AP34" s="280">
        <v>0</v>
      </c>
      <c r="AQ34" s="280">
        <v>0</v>
      </c>
      <c r="AR34" s="280">
        <v>0</v>
      </c>
      <c r="AS34" s="277">
        <v>0</v>
      </c>
      <c r="AT34" s="282">
        <v>0</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0</v>
      </c>
      <c r="BL34" s="280">
        <v>1</v>
      </c>
      <c r="BM34" s="280">
        <v>0</v>
      </c>
      <c r="BN34" s="280">
        <v>0</v>
      </c>
      <c r="BO34" s="281">
        <v>1</v>
      </c>
      <c r="BP34" s="282">
        <v>1</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1</v>
      </c>
      <c r="CI34" s="280">
        <v>0</v>
      </c>
      <c r="CJ34" s="280">
        <v>0</v>
      </c>
      <c r="CK34" s="277">
        <v>2</v>
      </c>
      <c r="CL34" s="282">
        <v>2</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0</v>
      </c>
      <c r="AF35" s="280">
        <v>0</v>
      </c>
      <c r="AG35" s="280">
        <v>0</v>
      </c>
      <c r="AH35" s="277">
        <v>1</v>
      </c>
      <c r="AI35" s="282">
        <v>1</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1</v>
      </c>
      <c r="CR35" s="280">
        <v>0</v>
      </c>
      <c r="CS35" s="280">
        <v>1</v>
      </c>
      <c r="CT35" s="280">
        <v>0</v>
      </c>
      <c r="CU35" s="280">
        <v>0</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v>
      </c>
      <c r="AD36" s="280">
        <v>1</v>
      </c>
      <c r="AE36" s="280">
        <v>0</v>
      </c>
      <c r="AF36" s="280">
        <v>0</v>
      </c>
      <c r="AG36" s="280">
        <v>0</v>
      </c>
      <c r="AH36" s="277">
        <v>2</v>
      </c>
      <c r="AI36" s="282">
        <v>2</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2</v>
      </c>
      <c r="AZ36" s="280">
        <v>0</v>
      </c>
      <c r="BA36" s="280">
        <v>0</v>
      </c>
      <c r="BB36" s="280">
        <v>0</v>
      </c>
      <c r="BC36" s="280">
        <v>0</v>
      </c>
      <c r="BD36" s="277">
        <v>2</v>
      </c>
      <c r="BE36" s="282">
        <v>2</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0</v>
      </c>
      <c r="CV36" s="277">
        <v>1</v>
      </c>
      <c r="CW36" s="282">
        <v>1</v>
      </c>
    </row>
    <row r="37" spans="2:101" ht="21" customHeight="1" x14ac:dyDescent="0.2">
      <c r="B37" s="261" t="s">
        <v>35</v>
      </c>
      <c r="C37" s="276">
        <v>0</v>
      </c>
      <c r="D37" s="277">
        <v>0</v>
      </c>
      <c r="E37" s="278">
        <v>0</v>
      </c>
      <c r="F37" s="279">
        <v>0</v>
      </c>
      <c r="G37" s="280">
        <v>0</v>
      </c>
      <c r="H37" s="280">
        <v>0</v>
      </c>
      <c r="I37" s="280">
        <v>1</v>
      </c>
      <c r="J37" s="280">
        <v>0</v>
      </c>
      <c r="K37" s="280">
        <v>0</v>
      </c>
      <c r="L37" s="281">
        <v>1</v>
      </c>
      <c r="M37" s="282">
        <v>1</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1</v>
      </c>
      <c r="AZ37" s="280">
        <v>0</v>
      </c>
      <c r="BA37" s="280">
        <v>0</v>
      </c>
      <c r="BB37" s="280">
        <v>0</v>
      </c>
      <c r="BC37" s="280">
        <v>0</v>
      </c>
      <c r="BD37" s="277">
        <v>1</v>
      </c>
      <c r="BE37" s="282">
        <v>1</v>
      </c>
      <c r="BF37" s="276">
        <v>0</v>
      </c>
      <c r="BG37" s="280">
        <v>0</v>
      </c>
      <c r="BH37" s="277">
        <v>0</v>
      </c>
      <c r="BI37" s="279">
        <v>0</v>
      </c>
      <c r="BJ37" s="280">
        <v>0</v>
      </c>
      <c r="BK37" s="280">
        <v>1</v>
      </c>
      <c r="BL37" s="280">
        <v>0</v>
      </c>
      <c r="BM37" s="280">
        <v>0</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3</v>
      </c>
      <c r="AD38" s="280">
        <v>2</v>
      </c>
      <c r="AE38" s="280">
        <v>0</v>
      </c>
      <c r="AF38" s="280">
        <v>0</v>
      </c>
      <c r="AG38" s="280">
        <v>0</v>
      </c>
      <c r="AH38" s="277">
        <v>5</v>
      </c>
      <c r="AI38" s="282">
        <v>5</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0</v>
      </c>
      <c r="BK38" s="280">
        <v>1</v>
      </c>
      <c r="BL38" s="280">
        <v>0</v>
      </c>
      <c r="BM38" s="280">
        <v>0</v>
      </c>
      <c r="BN38" s="280">
        <v>0</v>
      </c>
      <c r="BO38" s="281">
        <v>1</v>
      </c>
      <c r="BP38" s="282">
        <v>1</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5</v>
      </c>
      <c r="J1" s="524"/>
      <c r="K1" s="248">
        <f>第１表!G2</f>
        <v>5</v>
      </c>
      <c r="L1" s="529">
        <f>IF(K1&lt;3,K1+12-2,K1-2)</f>
        <v>3</v>
      </c>
      <c r="M1" s="529"/>
    </row>
    <row r="2" spans="1:101" s="291" customFormat="1" ht="24" customHeight="1" thickBot="1" x14ac:dyDescent="0.25">
      <c r="A2" s="44"/>
      <c r="B2" s="290" t="s">
        <v>155</v>
      </c>
    </row>
    <row r="3" spans="1:101" ht="21"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348" t="s">
        <v>43</v>
      </c>
      <c r="D5" s="265" t="s">
        <v>44</v>
      </c>
      <c r="E5" s="266" t="s">
        <v>45</v>
      </c>
      <c r="F5" s="267" t="s">
        <v>83</v>
      </c>
      <c r="G5" s="259" t="s">
        <v>47</v>
      </c>
      <c r="H5" s="259" t="s">
        <v>48</v>
      </c>
      <c r="I5" s="259" t="s">
        <v>49</v>
      </c>
      <c r="J5" s="259" t="s">
        <v>50</v>
      </c>
      <c r="K5" s="259" t="s">
        <v>51</v>
      </c>
      <c r="L5" s="268" t="s">
        <v>45</v>
      </c>
      <c r="M5" s="531"/>
      <c r="N5" s="348" t="s">
        <v>43</v>
      </c>
      <c r="O5" s="259" t="s">
        <v>44</v>
      </c>
      <c r="P5" s="265" t="s">
        <v>45</v>
      </c>
      <c r="Q5" s="267" t="s">
        <v>83</v>
      </c>
      <c r="R5" s="259" t="s">
        <v>47</v>
      </c>
      <c r="S5" s="259" t="s">
        <v>48</v>
      </c>
      <c r="T5" s="259" t="s">
        <v>49</v>
      </c>
      <c r="U5" s="259" t="s">
        <v>50</v>
      </c>
      <c r="V5" s="259" t="s">
        <v>51</v>
      </c>
      <c r="W5" s="265" t="s">
        <v>45</v>
      </c>
      <c r="X5" s="531"/>
      <c r="Y5" s="348" t="s">
        <v>43</v>
      </c>
      <c r="Z5" s="259" t="s">
        <v>44</v>
      </c>
      <c r="AA5" s="265" t="s">
        <v>45</v>
      </c>
      <c r="AB5" s="267" t="s">
        <v>83</v>
      </c>
      <c r="AC5" s="259" t="s">
        <v>47</v>
      </c>
      <c r="AD5" s="259" t="s">
        <v>48</v>
      </c>
      <c r="AE5" s="259" t="s">
        <v>49</v>
      </c>
      <c r="AF5" s="259" t="s">
        <v>50</v>
      </c>
      <c r="AG5" s="259" t="s">
        <v>51</v>
      </c>
      <c r="AH5" s="265" t="s">
        <v>45</v>
      </c>
      <c r="AI5" s="531"/>
      <c r="AJ5" s="348" t="s">
        <v>43</v>
      </c>
      <c r="AK5" s="259" t="s">
        <v>44</v>
      </c>
      <c r="AL5" s="265" t="s">
        <v>45</v>
      </c>
      <c r="AM5" s="267" t="s">
        <v>83</v>
      </c>
      <c r="AN5" s="259" t="s">
        <v>47</v>
      </c>
      <c r="AO5" s="259" t="s">
        <v>48</v>
      </c>
      <c r="AP5" s="259" t="s">
        <v>49</v>
      </c>
      <c r="AQ5" s="259" t="s">
        <v>50</v>
      </c>
      <c r="AR5" s="259" t="s">
        <v>51</v>
      </c>
      <c r="AS5" s="265" t="s">
        <v>45</v>
      </c>
      <c r="AT5" s="531"/>
      <c r="AU5" s="348" t="s">
        <v>43</v>
      </c>
      <c r="AV5" s="259" t="s">
        <v>44</v>
      </c>
      <c r="AW5" s="265" t="s">
        <v>45</v>
      </c>
      <c r="AX5" s="267" t="s">
        <v>83</v>
      </c>
      <c r="AY5" s="259" t="s">
        <v>47</v>
      </c>
      <c r="AZ5" s="259" t="s">
        <v>48</v>
      </c>
      <c r="BA5" s="259" t="s">
        <v>49</v>
      </c>
      <c r="BB5" s="259" t="s">
        <v>50</v>
      </c>
      <c r="BC5" s="259" t="s">
        <v>51</v>
      </c>
      <c r="BD5" s="265" t="s">
        <v>45</v>
      </c>
      <c r="BE5" s="564"/>
      <c r="BF5" s="348" t="s">
        <v>43</v>
      </c>
      <c r="BG5" s="259" t="s">
        <v>44</v>
      </c>
      <c r="BH5" s="265" t="s">
        <v>45</v>
      </c>
      <c r="BI5" s="267" t="s">
        <v>83</v>
      </c>
      <c r="BJ5" s="259" t="s">
        <v>47</v>
      </c>
      <c r="BK5" s="259" t="s">
        <v>48</v>
      </c>
      <c r="BL5" s="259" t="s">
        <v>49</v>
      </c>
      <c r="BM5" s="259" t="s">
        <v>50</v>
      </c>
      <c r="BN5" s="259" t="s">
        <v>51</v>
      </c>
      <c r="BO5" s="265" t="s">
        <v>45</v>
      </c>
      <c r="BP5" s="564"/>
      <c r="BQ5" s="348" t="s">
        <v>43</v>
      </c>
      <c r="BR5" s="259" t="s">
        <v>44</v>
      </c>
      <c r="BS5" s="265" t="s">
        <v>45</v>
      </c>
      <c r="BT5" s="267" t="s">
        <v>83</v>
      </c>
      <c r="BU5" s="259" t="s">
        <v>47</v>
      </c>
      <c r="BV5" s="259" t="s">
        <v>48</v>
      </c>
      <c r="BW5" s="259" t="s">
        <v>49</v>
      </c>
      <c r="BX5" s="259" t="s">
        <v>50</v>
      </c>
      <c r="BY5" s="259" t="s">
        <v>51</v>
      </c>
      <c r="BZ5" s="265" t="s">
        <v>45</v>
      </c>
      <c r="CA5" s="564"/>
      <c r="CB5" s="348" t="s">
        <v>43</v>
      </c>
      <c r="CC5" s="259" t="s">
        <v>44</v>
      </c>
      <c r="CD5" s="265" t="s">
        <v>45</v>
      </c>
      <c r="CE5" s="267" t="s">
        <v>83</v>
      </c>
      <c r="CF5" s="259" t="s">
        <v>47</v>
      </c>
      <c r="CG5" s="259" t="s">
        <v>48</v>
      </c>
      <c r="CH5" s="259" t="s">
        <v>49</v>
      </c>
      <c r="CI5" s="259" t="s">
        <v>50</v>
      </c>
      <c r="CJ5" s="259" t="s">
        <v>51</v>
      </c>
      <c r="CK5" s="265" t="s">
        <v>45</v>
      </c>
      <c r="CL5" s="564"/>
      <c r="CM5" s="348"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24</v>
      </c>
      <c r="H6" s="273">
        <v>30</v>
      </c>
      <c r="I6" s="273">
        <v>29</v>
      </c>
      <c r="J6" s="273">
        <v>28</v>
      </c>
      <c r="K6" s="273">
        <v>25</v>
      </c>
      <c r="L6" s="274">
        <v>136</v>
      </c>
      <c r="M6" s="275">
        <v>136</v>
      </c>
      <c r="N6" s="269">
        <v>0</v>
      </c>
      <c r="O6" s="273">
        <v>0</v>
      </c>
      <c r="P6" s="270">
        <v>0</v>
      </c>
      <c r="Q6" s="272">
        <v>0</v>
      </c>
      <c r="R6" s="273">
        <v>11</v>
      </c>
      <c r="S6" s="273">
        <v>25</v>
      </c>
      <c r="T6" s="273">
        <v>39</v>
      </c>
      <c r="U6" s="273">
        <v>31</v>
      </c>
      <c r="V6" s="273">
        <v>29</v>
      </c>
      <c r="W6" s="270">
        <v>135</v>
      </c>
      <c r="X6" s="275">
        <v>135</v>
      </c>
      <c r="Y6" s="269">
        <v>0</v>
      </c>
      <c r="Z6" s="273">
        <v>0</v>
      </c>
      <c r="AA6" s="270">
        <v>0</v>
      </c>
      <c r="AB6" s="272">
        <v>0</v>
      </c>
      <c r="AC6" s="273">
        <v>784</v>
      </c>
      <c r="AD6" s="273">
        <v>683</v>
      </c>
      <c r="AE6" s="273">
        <v>304</v>
      </c>
      <c r="AF6" s="273">
        <v>141</v>
      </c>
      <c r="AG6" s="273">
        <v>53</v>
      </c>
      <c r="AH6" s="270">
        <v>1965</v>
      </c>
      <c r="AI6" s="275">
        <v>1965</v>
      </c>
      <c r="AJ6" s="269">
        <v>1</v>
      </c>
      <c r="AK6" s="273">
        <v>0</v>
      </c>
      <c r="AL6" s="270">
        <v>1</v>
      </c>
      <c r="AM6" s="272">
        <v>0</v>
      </c>
      <c r="AN6" s="273">
        <v>49</v>
      </c>
      <c r="AO6" s="273">
        <v>71</v>
      </c>
      <c r="AP6" s="273">
        <v>77</v>
      </c>
      <c r="AQ6" s="273">
        <v>32</v>
      </c>
      <c r="AR6" s="273">
        <v>20</v>
      </c>
      <c r="AS6" s="270">
        <v>249</v>
      </c>
      <c r="AT6" s="275">
        <v>250</v>
      </c>
      <c r="AU6" s="269">
        <v>12</v>
      </c>
      <c r="AV6" s="273">
        <v>21</v>
      </c>
      <c r="AW6" s="270">
        <v>33</v>
      </c>
      <c r="AX6" s="272">
        <v>0</v>
      </c>
      <c r="AY6" s="273">
        <v>73</v>
      </c>
      <c r="AZ6" s="273">
        <v>48</v>
      </c>
      <c r="BA6" s="273">
        <v>53</v>
      </c>
      <c r="BB6" s="273">
        <v>37</v>
      </c>
      <c r="BC6" s="273">
        <v>23</v>
      </c>
      <c r="BD6" s="270">
        <v>234</v>
      </c>
      <c r="BE6" s="275">
        <v>267</v>
      </c>
      <c r="BF6" s="269">
        <v>0</v>
      </c>
      <c r="BG6" s="273">
        <v>0</v>
      </c>
      <c r="BH6" s="270">
        <v>0</v>
      </c>
      <c r="BI6" s="272">
        <v>0</v>
      </c>
      <c r="BJ6" s="273">
        <v>67</v>
      </c>
      <c r="BK6" s="273">
        <v>109</v>
      </c>
      <c r="BL6" s="273">
        <v>139</v>
      </c>
      <c r="BM6" s="273">
        <v>105</v>
      </c>
      <c r="BN6" s="273">
        <v>63</v>
      </c>
      <c r="BO6" s="274">
        <v>483</v>
      </c>
      <c r="BP6" s="275">
        <v>483</v>
      </c>
      <c r="BQ6" s="269">
        <v>0</v>
      </c>
      <c r="BR6" s="273">
        <v>0</v>
      </c>
      <c r="BS6" s="270">
        <v>0</v>
      </c>
      <c r="BT6" s="272">
        <v>0</v>
      </c>
      <c r="BU6" s="273">
        <v>5</v>
      </c>
      <c r="BV6" s="273">
        <v>5</v>
      </c>
      <c r="BW6" s="273">
        <v>5</v>
      </c>
      <c r="BX6" s="273">
        <v>6</v>
      </c>
      <c r="BY6" s="273">
        <v>4</v>
      </c>
      <c r="BZ6" s="270">
        <v>25</v>
      </c>
      <c r="CA6" s="275">
        <v>25</v>
      </c>
      <c r="CB6" s="269">
        <v>0</v>
      </c>
      <c r="CC6" s="273">
        <v>0</v>
      </c>
      <c r="CD6" s="270">
        <v>0</v>
      </c>
      <c r="CE6" s="272">
        <v>0</v>
      </c>
      <c r="CF6" s="273">
        <v>1</v>
      </c>
      <c r="CG6" s="273">
        <v>3</v>
      </c>
      <c r="CH6" s="273">
        <v>14</v>
      </c>
      <c r="CI6" s="273">
        <v>15</v>
      </c>
      <c r="CJ6" s="273">
        <v>8</v>
      </c>
      <c r="CK6" s="270">
        <v>41</v>
      </c>
      <c r="CL6" s="275">
        <v>41</v>
      </c>
      <c r="CM6" s="269">
        <v>0</v>
      </c>
      <c r="CN6" s="273">
        <v>0</v>
      </c>
      <c r="CO6" s="270">
        <v>0</v>
      </c>
      <c r="CP6" s="272">
        <v>0</v>
      </c>
      <c r="CQ6" s="273">
        <v>6</v>
      </c>
      <c r="CR6" s="273">
        <v>14</v>
      </c>
      <c r="CS6" s="273">
        <v>17</v>
      </c>
      <c r="CT6" s="273">
        <v>21</v>
      </c>
      <c r="CU6" s="273">
        <v>31</v>
      </c>
      <c r="CV6" s="270">
        <v>89</v>
      </c>
      <c r="CW6" s="275">
        <v>89</v>
      </c>
    </row>
    <row r="7" spans="1:101" ht="21" customHeight="1" x14ac:dyDescent="0.2">
      <c r="B7" s="261" t="s">
        <v>5</v>
      </c>
      <c r="C7" s="276">
        <v>0</v>
      </c>
      <c r="D7" s="277">
        <v>0</v>
      </c>
      <c r="E7" s="278">
        <v>0</v>
      </c>
      <c r="F7" s="279">
        <v>0</v>
      </c>
      <c r="G7" s="280">
        <v>7</v>
      </c>
      <c r="H7" s="280">
        <v>13</v>
      </c>
      <c r="I7" s="280">
        <v>11</v>
      </c>
      <c r="J7" s="280">
        <v>11</v>
      </c>
      <c r="K7" s="280">
        <v>12</v>
      </c>
      <c r="L7" s="281">
        <v>54</v>
      </c>
      <c r="M7" s="282">
        <v>54</v>
      </c>
      <c r="N7" s="276">
        <v>0</v>
      </c>
      <c r="O7" s="280">
        <v>0</v>
      </c>
      <c r="P7" s="277">
        <v>0</v>
      </c>
      <c r="Q7" s="279">
        <v>0</v>
      </c>
      <c r="R7" s="280">
        <v>6</v>
      </c>
      <c r="S7" s="280">
        <v>19</v>
      </c>
      <c r="T7" s="280">
        <v>27</v>
      </c>
      <c r="U7" s="280">
        <v>23</v>
      </c>
      <c r="V7" s="280">
        <v>23</v>
      </c>
      <c r="W7" s="277">
        <v>98</v>
      </c>
      <c r="X7" s="282">
        <v>98</v>
      </c>
      <c r="Y7" s="276">
        <v>0</v>
      </c>
      <c r="Z7" s="280">
        <v>0</v>
      </c>
      <c r="AA7" s="277">
        <v>0</v>
      </c>
      <c r="AB7" s="279">
        <v>0</v>
      </c>
      <c r="AC7" s="280">
        <v>305</v>
      </c>
      <c r="AD7" s="280">
        <v>360</v>
      </c>
      <c r="AE7" s="280">
        <v>142</v>
      </c>
      <c r="AF7" s="280">
        <v>70</v>
      </c>
      <c r="AG7" s="280">
        <v>31</v>
      </c>
      <c r="AH7" s="277">
        <v>908</v>
      </c>
      <c r="AI7" s="282">
        <v>908</v>
      </c>
      <c r="AJ7" s="276">
        <v>1</v>
      </c>
      <c r="AK7" s="280">
        <v>0</v>
      </c>
      <c r="AL7" s="277">
        <v>1</v>
      </c>
      <c r="AM7" s="279">
        <v>0</v>
      </c>
      <c r="AN7" s="280">
        <v>28</v>
      </c>
      <c r="AO7" s="280">
        <v>39</v>
      </c>
      <c r="AP7" s="280">
        <v>32</v>
      </c>
      <c r="AQ7" s="280">
        <v>22</v>
      </c>
      <c r="AR7" s="280">
        <v>10</v>
      </c>
      <c r="AS7" s="277">
        <v>131</v>
      </c>
      <c r="AT7" s="282">
        <v>132</v>
      </c>
      <c r="AU7" s="276">
        <v>7</v>
      </c>
      <c r="AV7" s="280">
        <v>10</v>
      </c>
      <c r="AW7" s="277">
        <v>17</v>
      </c>
      <c r="AX7" s="279">
        <v>0</v>
      </c>
      <c r="AY7" s="280">
        <v>28</v>
      </c>
      <c r="AZ7" s="280">
        <v>20</v>
      </c>
      <c r="BA7" s="280">
        <v>23</v>
      </c>
      <c r="BB7" s="280">
        <v>22</v>
      </c>
      <c r="BC7" s="280">
        <v>11</v>
      </c>
      <c r="BD7" s="277">
        <v>104</v>
      </c>
      <c r="BE7" s="282">
        <v>121</v>
      </c>
      <c r="BF7" s="276">
        <v>0</v>
      </c>
      <c r="BG7" s="280">
        <v>0</v>
      </c>
      <c r="BH7" s="277">
        <v>0</v>
      </c>
      <c r="BI7" s="279">
        <v>0</v>
      </c>
      <c r="BJ7" s="280">
        <v>30</v>
      </c>
      <c r="BK7" s="280">
        <v>45</v>
      </c>
      <c r="BL7" s="280">
        <v>52</v>
      </c>
      <c r="BM7" s="280">
        <v>38</v>
      </c>
      <c r="BN7" s="280">
        <v>23</v>
      </c>
      <c r="BO7" s="281">
        <v>188</v>
      </c>
      <c r="BP7" s="282">
        <v>188</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0</v>
      </c>
      <c r="CI7" s="280">
        <v>2</v>
      </c>
      <c r="CJ7" s="280">
        <v>0</v>
      </c>
      <c r="CK7" s="277">
        <v>3</v>
      </c>
      <c r="CL7" s="282">
        <v>3</v>
      </c>
      <c r="CM7" s="276">
        <v>0</v>
      </c>
      <c r="CN7" s="280">
        <v>0</v>
      </c>
      <c r="CO7" s="277">
        <v>0</v>
      </c>
      <c r="CP7" s="279">
        <v>0</v>
      </c>
      <c r="CQ7" s="280">
        <v>2</v>
      </c>
      <c r="CR7" s="280">
        <v>4</v>
      </c>
      <c r="CS7" s="280">
        <v>7</v>
      </c>
      <c r="CT7" s="280">
        <v>6</v>
      </c>
      <c r="CU7" s="280">
        <v>14</v>
      </c>
      <c r="CV7" s="277">
        <v>33</v>
      </c>
      <c r="CW7" s="282">
        <v>33</v>
      </c>
    </row>
    <row r="8" spans="1:101" ht="21" customHeight="1" x14ac:dyDescent="0.2">
      <c r="B8" s="261" t="s">
        <v>6</v>
      </c>
      <c r="C8" s="276">
        <v>0</v>
      </c>
      <c r="D8" s="277">
        <v>0</v>
      </c>
      <c r="E8" s="278">
        <v>0</v>
      </c>
      <c r="F8" s="279">
        <v>0</v>
      </c>
      <c r="G8" s="280">
        <v>9</v>
      </c>
      <c r="H8" s="280">
        <v>6</v>
      </c>
      <c r="I8" s="280">
        <v>8</v>
      </c>
      <c r="J8" s="280">
        <v>6</v>
      </c>
      <c r="K8" s="280">
        <v>7</v>
      </c>
      <c r="L8" s="281">
        <v>36</v>
      </c>
      <c r="M8" s="282">
        <v>36</v>
      </c>
      <c r="N8" s="276">
        <v>0</v>
      </c>
      <c r="O8" s="280">
        <v>0</v>
      </c>
      <c r="P8" s="277">
        <v>0</v>
      </c>
      <c r="Q8" s="279">
        <v>0</v>
      </c>
      <c r="R8" s="280">
        <v>4</v>
      </c>
      <c r="S8" s="280">
        <v>4</v>
      </c>
      <c r="T8" s="280">
        <v>11</v>
      </c>
      <c r="U8" s="280">
        <v>5</v>
      </c>
      <c r="V8" s="280">
        <v>5</v>
      </c>
      <c r="W8" s="277">
        <v>29</v>
      </c>
      <c r="X8" s="282">
        <v>29</v>
      </c>
      <c r="Y8" s="276">
        <v>0</v>
      </c>
      <c r="Z8" s="280">
        <v>0</v>
      </c>
      <c r="AA8" s="277">
        <v>0</v>
      </c>
      <c r="AB8" s="279">
        <v>0</v>
      </c>
      <c r="AC8" s="280">
        <v>138</v>
      </c>
      <c r="AD8" s="280">
        <v>80</v>
      </c>
      <c r="AE8" s="280">
        <v>42</v>
      </c>
      <c r="AF8" s="280">
        <v>18</v>
      </c>
      <c r="AG8" s="280">
        <v>8</v>
      </c>
      <c r="AH8" s="277">
        <v>286</v>
      </c>
      <c r="AI8" s="282">
        <v>286</v>
      </c>
      <c r="AJ8" s="276">
        <v>0</v>
      </c>
      <c r="AK8" s="280">
        <v>0</v>
      </c>
      <c r="AL8" s="277">
        <v>0</v>
      </c>
      <c r="AM8" s="279">
        <v>0</v>
      </c>
      <c r="AN8" s="280">
        <v>12</v>
      </c>
      <c r="AO8" s="280">
        <v>15</v>
      </c>
      <c r="AP8" s="280">
        <v>24</v>
      </c>
      <c r="AQ8" s="280">
        <v>4</v>
      </c>
      <c r="AR8" s="280">
        <v>5</v>
      </c>
      <c r="AS8" s="277">
        <v>60</v>
      </c>
      <c r="AT8" s="282">
        <v>60</v>
      </c>
      <c r="AU8" s="276">
        <v>2</v>
      </c>
      <c r="AV8" s="280">
        <v>4</v>
      </c>
      <c r="AW8" s="277">
        <v>6</v>
      </c>
      <c r="AX8" s="279">
        <v>0</v>
      </c>
      <c r="AY8" s="280">
        <v>16</v>
      </c>
      <c r="AZ8" s="280">
        <v>5</v>
      </c>
      <c r="BA8" s="280">
        <v>7</v>
      </c>
      <c r="BB8" s="280">
        <v>2</v>
      </c>
      <c r="BC8" s="280">
        <v>3</v>
      </c>
      <c r="BD8" s="277">
        <v>33</v>
      </c>
      <c r="BE8" s="282">
        <v>39</v>
      </c>
      <c r="BF8" s="276">
        <v>0</v>
      </c>
      <c r="BG8" s="280">
        <v>0</v>
      </c>
      <c r="BH8" s="277">
        <v>0</v>
      </c>
      <c r="BI8" s="279">
        <v>0</v>
      </c>
      <c r="BJ8" s="280">
        <v>16</v>
      </c>
      <c r="BK8" s="280">
        <v>22</v>
      </c>
      <c r="BL8" s="280">
        <v>29</v>
      </c>
      <c r="BM8" s="280">
        <v>21</v>
      </c>
      <c r="BN8" s="280">
        <v>13</v>
      </c>
      <c r="BO8" s="281">
        <v>101</v>
      </c>
      <c r="BP8" s="282">
        <v>101</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1</v>
      </c>
      <c r="CG8" s="280">
        <v>0</v>
      </c>
      <c r="CH8" s="280">
        <v>10</v>
      </c>
      <c r="CI8" s="280">
        <v>4</v>
      </c>
      <c r="CJ8" s="280">
        <v>3</v>
      </c>
      <c r="CK8" s="277">
        <v>18</v>
      </c>
      <c r="CL8" s="282">
        <v>18</v>
      </c>
      <c r="CM8" s="276">
        <v>0</v>
      </c>
      <c r="CN8" s="280">
        <v>0</v>
      </c>
      <c r="CO8" s="277">
        <v>0</v>
      </c>
      <c r="CP8" s="279">
        <v>0</v>
      </c>
      <c r="CQ8" s="280">
        <v>2</v>
      </c>
      <c r="CR8" s="280">
        <v>6</v>
      </c>
      <c r="CS8" s="280">
        <v>6</v>
      </c>
      <c r="CT8" s="280">
        <v>11</v>
      </c>
      <c r="CU8" s="280">
        <v>5</v>
      </c>
      <c r="CV8" s="277">
        <v>30</v>
      </c>
      <c r="CW8" s="282">
        <v>30</v>
      </c>
    </row>
    <row r="9" spans="1:101" ht="21" customHeight="1" x14ac:dyDescent="0.2">
      <c r="B9" s="261" t="s">
        <v>14</v>
      </c>
      <c r="C9" s="276">
        <v>0</v>
      </c>
      <c r="D9" s="277">
        <v>0</v>
      </c>
      <c r="E9" s="278">
        <v>0</v>
      </c>
      <c r="F9" s="279">
        <v>0</v>
      </c>
      <c r="G9" s="280">
        <v>1</v>
      </c>
      <c r="H9" s="280">
        <v>2</v>
      </c>
      <c r="I9" s="280">
        <v>0</v>
      </c>
      <c r="J9" s="280">
        <v>2</v>
      </c>
      <c r="K9" s="280">
        <v>1</v>
      </c>
      <c r="L9" s="281">
        <v>6</v>
      </c>
      <c r="M9" s="282">
        <v>6</v>
      </c>
      <c r="N9" s="276">
        <v>0</v>
      </c>
      <c r="O9" s="280">
        <v>0</v>
      </c>
      <c r="P9" s="277">
        <v>0</v>
      </c>
      <c r="Q9" s="279">
        <v>0</v>
      </c>
      <c r="R9" s="280">
        <v>0</v>
      </c>
      <c r="S9" s="280">
        <v>0</v>
      </c>
      <c r="T9" s="280">
        <v>0</v>
      </c>
      <c r="U9" s="280">
        <v>0</v>
      </c>
      <c r="V9" s="280">
        <v>0</v>
      </c>
      <c r="W9" s="277">
        <v>0</v>
      </c>
      <c r="X9" s="282">
        <v>0</v>
      </c>
      <c r="Y9" s="276">
        <v>0</v>
      </c>
      <c r="Z9" s="280">
        <v>0</v>
      </c>
      <c r="AA9" s="277">
        <v>0</v>
      </c>
      <c r="AB9" s="279">
        <v>0</v>
      </c>
      <c r="AC9" s="280">
        <v>51</v>
      </c>
      <c r="AD9" s="280">
        <v>51</v>
      </c>
      <c r="AE9" s="280">
        <v>22</v>
      </c>
      <c r="AF9" s="280">
        <v>6</v>
      </c>
      <c r="AG9" s="280">
        <v>4</v>
      </c>
      <c r="AH9" s="277">
        <v>134</v>
      </c>
      <c r="AI9" s="282">
        <v>134</v>
      </c>
      <c r="AJ9" s="276">
        <v>0</v>
      </c>
      <c r="AK9" s="280">
        <v>0</v>
      </c>
      <c r="AL9" s="277">
        <v>0</v>
      </c>
      <c r="AM9" s="279">
        <v>0</v>
      </c>
      <c r="AN9" s="280">
        <v>0</v>
      </c>
      <c r="AO9" s="280">
        <v>1</v>
      </c>
      <c r="AP9" s="280">
        <v>0</v>
      </c>
      <c r="AQ9" s="280">
        <v>0</v>
      </c>
      <c r="AR9" s="280">
        <v>2</v>
      </c>
      <c r="AS9" s="277">
        <v>3</v>
      </c>
      <c r="AT9" s="282">
        <v>3</v>
      </c>
      <c r="AU9" s="276">
        <v>0</v>
      </c>
      <c r="AV9" s="280">
        <v>1</v>
      </c>
      <c r="AW9" s="277">
        <v>1</v>
      </c>
      <c r="AX9" s="279">
        <v>0</v>
      </c>
      <c r="AY9" s="280">
        <v>2</v>
      </c>
      <c r="AZ9" s="280">
        <v>7</v>
      </c>
      <c r="BA9" s="280">
        <v>4</v>
      </c>
      <c r="BB9" s="280">
        <v>3</v>
      </c>
      <c r="BC9" s="280">
        <v>1</v>
      </c>
      <c r="BD9" s="277">
        <v>17</v>
      </c>
      <c r="BE9" s="282">
        <v>18</v>
      </c>
      <c r="BF9" s="276">
        <v>0</v>
      </c>
      <c r="BG9" s="280">
        <v>0</v>
      </c>
      <c r="BH9" s="277">
        <v>0</v>
      </c>
      <c r="BI9" s="279">
        <v>0</v>
      </c>
      <c r="BJ9" s="280">
        <v>8</v>
      </c>
      <c r="BK9" s="280">
        <v>6</v>
      </c>
      <c r="BL9" s="280">
        <v>12</v>
      </c>
      <c r="BM9" s="280">
        <v>7</v>
      </c>
      <c r="BN9" s="280">
        <v>4</v>
      </c>
      <c r="BO9" s="281">
        <v>37</v>
      </c>
      <c r="BP9" s="282">
        <v>37</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1</v>
      </c>
      <c r="CH9" s="280">
        <v>1</v>
      </c>
      <c r="CI9" s="280">
        <v>0</v>
      </c>
      <c r="CJ9" s="280">
        <v>0</v>
      </c>
      <c r="CK9" s="277">
        <v>2</v>
      </c>
      <c r="CL9" s="282">
        <v>2</v>
      </c>
      <c r="CM9" s="276">
        <v>0</v>
      </c>
      <c r="CN9" s="280">
        <v>0</v>
      </c>
      <c r="CO9" s="277">
        <v>0</v>
      </c>
      <c r="CP9" s="279">
        <v>0</v>
      </c>
      <c r="CQ9" s="280">
        <v>1</v>
      </c>
      <c r="CR9" s="280">
        <v>0</v>
      </c>
      <c r="CS9" s="280">
        <v>0</v>
      </c>
      <c r="CT9" s="280">
        <v>1</v>
      </c>
      <c r="CU9" s="280">
        <v>2</v>
      </c>
      <c r="CV9" s="277">
        <v>4</v>
      </c>
      <c r="CW9" s="282">
        <v>4</v>
      </c>
    </row>
    <row r="10" spans="1:101" ht="21" customHeight="1" x14ac:dyDescent="0.2">
      <c r="B10" s="261" t="s">
        <v>7</v>
      </c>
      <c r="C10" s="276">
        <v>0</v>
      </c>
      <c r="D10" s="277">
        <v>0</v>
      </c>
      <c r="E10" s="278">
        <v>0</v>
      </c>
      <c r="F10" s="279">
        <v>0</v>
      </c>
      <c r="G10" s="280">
        <v>0</v>
      </c>
      <c r="H10" s="280">
        <v>1</v>
      </c>
      <c r="I10" s="280">
        <v>2</v>
      </c>
      <c r="J10" s="280">
        <v>1</v>
      </c>
      <c r="K10" s="280">
        <v>0</v>
      </c>
      <c r="L10" s="281">
        <v>4</v>
      </c>
      <c r="M10" s="282">
        <v>4</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27</v>
      </c>
      <c r="AD10" s="280">
        <v>22</v>
      </c>
      <c r="AE10" s="280">
        <v>13</v>
      </c>
      <c r="AF10" s="280">
        <v>2</v>
      </c>
      <c r="AG10" s="280">
        <v>1</v>
      </c>
      <c r="AH10" s="277">
        <v>65</v>
      </c>
      <c r="AI10" s="282">
        <v>65</v>
      </c>
      <c r="AJ10" s="276">
        <v>0</v>
      </c>
      <c r="AK10" s="280">
        <v>0</v>
      </c>
      <c r="AL10" s="277">
        <v>0</v>
      </c>
      <c r="AM10" s="279">
        <v>0</v>
      </c>
      <c r="AN10" s="280">
        <v>3</v>
      </c>
      <c r="AO10" s="280">
        <v>5</v>
      </c>
      <c r="AP10" s="280">
        <v>6</v>
      </c>
      <c r="AQ10" s="280">
        <v>4</v>
      </c>
      <c r="AR10" s="280">
        <v>0</v>
      </c>
      <c r="AS10" s="277">
        <v>18</v>
      </c>
      <c r="AT10" s="282">
        <v>18</v>
      </c>
      <c r="AU10" s="276">
        <v>1</v>
      </c>
      <c r="AV10" s="280">
        <v>0</v>
      </c>
      <c r="AW10" s="277">
        <v>1</v>
      </c>
      <c r="AX10" s="279">
        <v>0</v>
      </c>
      <c r="AY10" s="280">
        <v>1</v>
      </c>
      <c r="AZ10" s="280">
        <v>1</v>
      </c>
      <c r="BA10" s="280">
        <v>1</v>
      </c>
      <c r="BB10" s="280">
        <v>0</v>
      </c>
      <c r="BC10" s="280">
        <v>0</v>
      </c>
      <c r="BD10" s="277">
        <v>3</v>
      </c>
      <c r="BE10" s="282">
        <v>4</v>
      </c>
      <c r="BF10" s="276">
        <v>0</v>
      </c>
      <c r="BG10" s="280">
        <v>0</v>
      </c>
      <c r="BH10" s="277">
        <v>0</v>
      </c>
      <c r="BI10" s="279">
        <v>0</v>
      </c>
      <c r="BJ10" s="280">
        <v>3</v>
      </c>
      <c r="BK10" s="280">
        <v>2</v>
      </c>
      <c r="BL10" s="280">
        <v>6</v>
      </c>
      <c r="BM10" s="280">
        <v>4</v>
      </c>
      <c r="BN10" s="280">
        <v>1</v>
      </c>
      <c r="BO10" s="281">
        <v>16</v>
      </c>
      <c r="BP10" s="282">
        <v>16</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1</v>
      </c>
      <c r="CS10" s="280">
        <v>1</v>
      </c>
      <c r="CT10" s="280">
        <v>0</v>
      </c>
      <c r="CU10" s="280">
        <v>0</v>
      </c>
      <c r="CV10" s="277">
        <v>2</v>
      </c>
      <c r="CW10" s="282">
        <v>2</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1</v>
      </c>
      <c r="V11" s="280">
        <v>0</v>
      </c>
      <c r="W11" s="277">
        <v>1</v>
      </c>
      <c r="X11" s="282">
        <v>1</v>
      </c>
      <c r="Y11" s="276">
        <v>0</v>
      </c>
      <c r="Z11" s="280">
        <v>0</v>
      </c>
      <c r="AA11" s="277">
        <v>0</v>
      </c>
      <c r="AB11" s="279">
        <v>0</v>
      </c>
      <c r="AC11" s="280">
        <v>33</v>
      </c>
      <c r="AD11" s="280">
        <v>19</v>
      </c>
      <c r="AE11" s="280">
        <v>6</v>
      </c>
      <c r="AF11" s="280">
        <v>5</v>
      </c>
      <c r="AG11" s="280">
        <v>0</v>
      </c>
      <c r="AH11" s="277">
        <v>63</v>
      </c>
      <c r="AI11" s="282">
        <v>63</v>
      </c>
      <c r="AJ11" s="276">
        <v>0</v>
      </c>
      <c r="AK11" s="280">
        <v>0</v>
      </c>
      <c r="AL11" s="277">
        <v>0</v>
      </c>
      <c r="AM11" s="279">
        <v>0</v>
      </c>
      <c r="AN11" s="280">
        <v>0</v>
      </c>
      <c r="AO11" s="280">
        <v>0</v>
      </c>
      <c r="AP11" s="280">
        <v>1</v>
      </c>
      <c r="AQ11" s="280">
        <v>0</v>
      </c>
      <c r="AR11" s="280">
        <v>0</v>
      </c>
      <c r="AS11" s="277">
        <v>1</v>
      </c>
      <c r="AT11" s="282">
        <v>1</v>
      </c>
      <c r="AU11" s="276">
        <v>0</v>
      </c>
      <c r="AV11" s="280">
        <v>0</v>
      </c>
      <c r="AW11" s="277">
        <v>0</v>
      </c>
      <c r="AX11" s="279">
        <v>0</v>
      </c>
      <c r="AY11" s="280">
        <v>3</v>
      </c>
      <c r="AZ11" s="280">
        <v>0</v>
      </c>
      <c r="BA11" s="280">
        <v>1</v>
      </c>
      <c r="BB11" s="280">
        <v>0</v>
      </c>
      <c r="BC11" s="280">
        <v>2</v>
      </c>
      <c r="BD11" s="277">
        <v>6</v>
      </c>
      <c r="BE11" s="282">
        <v>6</v>
      </c>
      <c r="BF11" s="276">
        <v>0</v>
      </c>
      <c r="BG11" s="280">
        <v>0</v>
      </c>
      <c r="BH11" s="277">
        <v>0</v>
      </c>
      <c r="BI11" s="279">
        <v>0</v>
      </c>
      <c r="BJ11" s="280">
        <v>0</v>
      </c>
      <c r="BK11" s="280">
        <v>1</v>
      </c>
      <c r="BL11" s="280">
        <v>1</v>
      </c>
      <c r="BM11" s="280">
        <v>4</v>
      </c>
      <c r="BN11" s="280">
        <v>1</v>
      </c>
      <c r="BO11" s="281">
        <v>7</v>
      </c>
      <c r="BP11" s="282">
        <v>7</v>
      </c>
      <c r="BQ11" s="276">
        <v>0</v>
      </c>
      <c r="BR11" s="280">
        <v>0</v>
      </c>
      <c r="BS11" s="277">
        <v>0</v>
      </c>
      <c r="BT11" s="279">
        <v>0</v>
      </c>
      <c r="BU11" s="280">
        <v>0</v>
      </c>
      <c r="BV11" s="280">
        <v>0</v>
      </c>
      <c r="BW11" s="280">
        <v>0</v>
      </c>
      <c r="BX11" s="280">
        <v>1</v>
      </c>
      <c r="BY11" s="280">
        <v>0</v>
      </c>
      <c r="BZ11" s="277">
        <v>1</v>
      </c>
      <c r="CA11" s="282">
        <v>1</v>
      </c>
      <c r="CB11" s="276">
        <v>0</v>
      </c>
      <c r="CC11" s="280">
        <v>0</v>
      </c>
      <c r="CD11" s="277">
        <v>0</v>
      </c>
      <c r="CE11" s="279">
        <v>0</v>
      </c>
      <c r="CF11" s="280">
        <v>0</v>
      </c>
      <c r="CG11" s="280">
        <v>0</v>
      </c>
      <c r="CH11" s="280">
        <v>0</v>
      </c>
      <c r="CI11" s="280">
        <v>0</v>
      </c>
      <c r="CJ11" s="280">
        <v>1</v>
      </c>
      <c r="CK11" s="277">
        <v>1</v>
      </c>
      <c r="CL11" s="282">
        <v>1</v>
      </c>
      <c r="CM11" s="276">
        <v>0</v>
      </c>
      <c r="CN11" s="280">
        <v>0</v>
      </c>
      <c r="CO11" s="277">
        <v>0</v>
      </c>
      <c r="CP11" s="279">
        <v>0</v>
      </c>
      <c r="CQ11" s="280">
        <v>0</v>
      </c>
      <c r="CR11" s="280">
        <v>0</v>
      </c>
      <c r="CS11" s="280">
        <v>0</v>
      </c>
      <c r="CT11" s="280">
        <v>0</v>
      </c>
      <c r="CU11" s="280">
        <v>0</v>
      </c>
      <c r="CV11" s="277">
        <v>0</v>
      </c>
      <c r="CW11" s="282">
        <v>0</v>
      </c>
    </row>
    <row r="12" spans="1:101" ht="21" customHeight="1" x14ac:dyDescent="0.2">
      <c r="B12" s="261" t="s">
        <v>9</v>
      </c>
      <c r="C12" s="276">
        <v>0</v>
      </c>
      <c r="D12" s="277">
        <v>0</v>
      </c>
      <c r="E12" s="278">
        <v>0</v>
      </c>
      <c r="F12" s="279">
        <v>0</v>
      </c>
      <c r="G12" s="280">
        <v>1</v>
      </c>
      <c r="H12" s="280">
        <v>1</v>
      </c>
      <c r="I12" s="280">
        <v>1</v>
      </c>
      <c r="J12" s="280">
        <v>2</v>
      </c>
      <c r="K12" s="280">
        <v>0</v>
      </c>
      <c r="L12" s="281">
        <v>5</v>
      </c>
      <c r="M12" s="282">
        <v>5</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1</v>
      </c>
      <c r="AD12" s="280">
        <v>26</v>
      </c>
      <c r="AE12" s="280">
        <v>14</v>
      </c>
      <c r="AF12" s="280">
        <v>7</v>
      </c>
      <c r="AG12" s="280">
        <v>1</v>
      </c>
      <c r="AH12" s="277">
        <v>89</v>
      </c>
      <c r="AI12" s="282">
        <v>89</v>
      </c>
      <c r="AJ12" s="276">
        <v>0</v>
      </c>
      <c r="AK12" s="280">
        <v>0</v>
      </c>
      <c r="AL12" s="277">
        <v>0</v>
      </c>
      <c r="AM12" s="279">
        <v>0</v>
      </c>
      <c r="AN12" s="280">
        <v>0</v>
      </c>
      <c r="AO12" s="280">
        <v>0</v>
      </c>
      <c r="AP12" s="280">
        <v>2</v>
      </c>
      <c r="AQ12" s="280">
        <v>1</v>
      </c>
      <c r="AR12" s="280">
        <v>1</v>
      </c>
      <c r="AS12" s="277">
        <v>4</v>
      </c>
      <c r="AT12" s="282">
        <v>4</v>
      </c>
      <c r="AU12" s="276">
        <v>1</v>
      </c>
      <c r="AV12" s="280">
        <v>2</v>
      </c>
      <c r="AW12" s="277">
        <v>3</v>
      </c>
      <c r="AX12" s="279">
        <v>0</v>
      </c>
      <c r="AY12" s="280">
        <v>4</v>
      </c>
      <c r="AZ12" s="280">
        <v>0</v>
      </c>
      <c r="BA12" s="280">
        <v>2</v>
      </c>
      <c r="BB12" s="280">
        <v>3</v>
      </c>
      <c r="BC12" s="280">
        <v>2</v>
      </c>
      <c r="BD12" s="277">
        <v>11</v>
      </c>
      <c r="BE12" s="282">
        <v>14</v>
      </c>
      <c r="BF12" s="276">
        <v>0</v>
      </c>
      <c r="BG12" s="280">
        <v>0</v>
      </c>
      <c r="BH12" s="277">
        <v>0</v>
      </c>
      <c r="BI12" s="279">
        <v>0</v>
      </c>
      <c r="BJ12" s="280">
        <v>0</v>
      </c>
      <c r="BK12" s="280">
        <v>6</v>
      </c>
      <c r="BL12" s="280">
        <v>8</v>
      </c>
      <c r="BM12" s="280">
        <v>2</v>
      </c>
      <c r="BN12" s="280">
        <v>1</v>
      </c>
      <c r="BO12" s="281">
        <v>17</v>
      </c>
      <c r="BP12" s="282">
        <v>17</v>
      </c>
      <c r="BQ12" s="276">
        <v>0</v>
      </c>
      <c r="BR12" s="280">
        <v>0</v>
      </c>
      <c r="BS12" s="277">
        <v>0</v>
      </c>
      <c r="BT12" s="279">
        <v>0</v>
      </c>
      <c r="BU12" s="280">
        <v>0</v>
      </c>
      <c r="BV12" s="280">
        <v>3</v>
      </c>
      <c r="BW12" s="280">
        <v>0</v>
      </c>
      <c r="BX12" s="280">
        <v>1</v>
      </c>
      <c r="BY12" s="280">
        <v>0</v>
      </c>
      <c r="BZ12" s="277">
        <v>4</v>
      </c>
      <c r="CA12" s="282">
        <v>4</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0</v>
      </c>
      <c r="CS12" s="280">
        <v>2</v>
      </c>
      <c r="CT12" s="280">
        <v>0</v>
      </c>
      <c r="CU12" s="280">
        <v>2</v>
      </c>
      <c r="CV12" s="277">
        <v>4</v>
      </c>
      <c r="CW12" s="282">
        <v>4</v>
      </c>
    </row>
    <row r="13" spans="1:101" ht="21" customHeight="1" x14ac:dyDescent="0.2">
      <c r="B13" s="261" t="s">
        <v>10</v>
      </c>
      <c r="C13" s="276">
        <v>0</v>
      </c>
      <c r="D13" s="277">
        <v>0</v>
      </c>
      <c r="E13" s="278">
        <v>0</v>
      </c>
      <c r="F13" s="279">
        <v>0</v>
      </c>
      <c r="G13" s="280">
        <v>0</v>
      </c>
      <c r="H13" s="280">
        <v>1</v>
      </c>
      <c r="I13" s="280">
        <v>2</v>
      </c>
      <c r="J13" s="280">
        <v>0</v>
      </c>
      <c r="K13" s="280">
        <v>0</v>
      </c>
      <c r="L13" s="281">
        <v>3</v>
      </c>
      <c r="M13" s="282">
        <v>3</v>
      </c>
      <c r="N13" s="276">
        <v>0</v>
      </c>
      <c r="O13" s="280">
        <v>0</v>
      </c>
      <c r="P13" s="277">
        <v>0</v>
      </c>
      <c r="Q13" s="279">
        <v>0</v>
      </c>
      <c r="R13" s="280">
        <v>0</v>
      </c>
      <c r="S13" s="280">
        <v>1</v>
      </c>
      <c r="T13" s="280">
        <v>1</v>
      </c>
      <c r="U13" s="280">
        <v>0</v>
      </c>
      <c r="V13" s="280">
        <v>0</v>
      </c>
      <c r="W13" s="277">
        <v>2</v>
      </c>
      <c r="X13" s="282">
        <v>2</v>
      </c>
      <c r="Y13" s="276">
        <v>0</v>
      </c>
      <c r="Z13" s="280">
        <v>0</v>
      </c>
      <c r="AA13" s="277">
        <v>0</v>
      </c>
      <c r="AB13" s="279">
        <v>0</v>
      </c>
      <c r="AC13" s="280">
        <v>38</v>
      </c>
      <c r="AD13" s="280">
        <v>18</v>
      </c>
      <c r="AE13" s="280">
        <v>4</v>
      </c>
      <c r="AF13" s="280">
        <v>4</v>
      </c>
      <c r="AG13" s="280">
        <v>0</v>
      </c>
      <c r="AH13" s="277">
        <v>64</v>
      </c>
      <c r="AI13" s="282">
        <v>64</v>
      </c>
      <c r="AJ13" s="276">
        <v>0</v>
      </c>
      <c r="AK13" s="280">
        <v>0</v>
      </c>
      <c r="AL13" s="277">
        <v>0</v>
      </c>
      <c r="AM13" s="279">
        <v>0</v>
      </c>
      <c r="AN13" s="280">
        <v>0</v>
      </c>
      <c r="AO13" s="280">
        <v>3</v>
      </c>
      <c r="AP13" s="280">
        <v>5</v>
      </c>
      <c r="AQ13" s="280">
        <v>0</v>
      </c>
      <c r="AR13" s="280">
        <v>0</v>
      </c>
      <c r="AS13" s="277">
        <v>8</v>
      </c>
      <c r="AT13" s="282">
        <v>8</v>
      </c>
      <c r="AU13" s="276">
        <v>1</v>
      </c>
      <c r="AV13" s="280">
        <v>1</v>
      </c>
      <c r="AW13" s="277">
        <v>2</v>
      </c>
      <c r="AX13" s="279">
        <v>0</v>
      </c>
      <c r="AY13" s="280">
        <v>5</v>
      </c>
      <c r="AZ13" s="280">
        <v>1</v>
      </c>
      <c r="BA13" s="280">
        <v>3</v>
      </c>
      <c r="BB13" s="280">
        <v>1</v>
      </c>
      <c r="BC13" s="280">
        <v>2</v>
      </c>
      <c r="BD13" s="277">
        <v>12</v>
      </c>
      <c r="BE13" s="282">
        <v>14</v>
      </c>
      <c r="BF13" s="276">
        <v>0</v>
      </c>
      <c r="BG13" s="280">
        <v>0</v>
      </c>
      <c r="BH13" s="277">
        <v>0</v>
      </c>
      <c r="BI13" s="279">
        <v>0</v>
      </c>
      <c r="BJ13" s="280">
        <v>2</v>
      </c>
      <c r="BK13" s="280">
        <v>6</v>
      </c>
      <c r="BL13" s="280">
        <v>9</v>
      </c>
      <c r="BM13" s="280">
        <v>6</v>
      </c>
      <c r="BN13" s="280">
        <v>6</v>
      </c>
      <c r="BO13" s="281">
        <v>29</v>
      </c>
      <c r="BP13" s="282">
        <v>29</v>
      </c>
      <c r="BQ13" s="276">
        <v>0</v>
      </c>
      <c r="BR13" s="280">
        <v>0</v>
      </c>
      <c r="BS13" s="277">
        <v>0</v>
      </c>
      <c r="BT13" s="279">
        <v>0</v>
      </c>
      <c r="BU13" s="280">
        <v>5</v>
      </c>
      <c r="BV13" s="280">
        <v>1</v>
      </c>
      <c r="BW13" s="280">
        <v>5</v>
      </c>
      <c r="BX13" s="280">
        <v>2</v>
      </c>
      <c r="BY13" s="280">
        <v>3</v>
      </c>
      <c r="BZ13" s="277">
        <v>16</v>
      </c>
      <c r="CA13" s="282">
        <v>16</v>
      </c>
      <c r="CB13" s="276">
        <v>0</v>
      </c>
      <c r="CC13" s="280">
        <v>0</v>
      </c>
      <c r="CD13" s="277">
        <v>0</v>
      </c>
      <c r="CE13" s="279">
        <v>0</v>
      </c>
      <c r="CF13" s="280">
        <v>0</v>
      </c>
      <c r="CG13" s="280">
        <v>0</v>
      </c>
      <c r="CH13" s="280">
        <v>0</v>
      </c>
      <c r="CI13" s="280">
        <v>3</v>
      </c>
      <c r="CJ13" s="280">
        <v>1</v>
      </c>
      <c r="CK13" s="277">
        <v>4</v>
      </c>
      <c r="CL13" s="282">
        <v>4</v>
      </c>
      <c r="CM13" s="276">
        <v>0</v>
      </c>
      <c r="CN13" s="280">
        <v>0</v>
      </c>
      <c r="CO13" s="277">
        <v>0</v>
      </c>
      <c r="CP13" s="279">
        <v>0</v>
      </c>
      <c r="CQ13" s="280">
        <v>1</v>
      </c>
      <c r="CR13" s="280">
        <v>0</v>
      </c>
      <c r="CS13" s="280">
        <v>0</v>
      </c>
      <c r="CT13" s="280">
        <v>0</v>
      </c>
      <c r="CU13" s="280">
        <v>1</v>
      </c>
      <c r="CV13" s="277">
        <v>2</v>
      </c>
      <c r="CW13" s="282">
        <v>2</v>
      </c>
    </row>
    <row r="14" spans="1:101" ht="21" customHeight="1" x14ac:dyDescent="0.2">
      <c r="B14" s="261" t="s">
        <v>11</v>
      </c>
      <c r="C14" s="276">
        <v>0</v>
      </c>
      <c r="D14" s="277">
        <v>0</v>
      </c>
      <c r="E14" s="278">
        <v>0</v>
      </c>
      <c r="F14" s="279">
        <v>0</v>
      </c>
      <c r="G14" s="280">
        <v>1</v>
      </c>
      <c r="H14" s="280">
        <v>1</v>
      </c>
      <c r="I14" s="280">
        <v>2</v>
      </c>
      <c r="J14" s="280">
        <v>2</v>
      </c>
      <c r="K14" s="280">
        <v>0</v>
      </c>
      <c r="L14" s="281">
        <v>6</v>
      </c>
      <c r="M14" s="282">
        <v>6</v>
      </c>
      <c r="N14" s="276">
        <v>0</v>
      </c>
      <c r="O14" s="280">
        <v>0</v>
      </c>
      <c r="P14" s="277">
        <v>0</v>
      </c>
      <c r="Q14" s="279">
        <v>0</v>
      </c>
      <c r="R14" s="280">
        <v>1</v>
      </c>
      <c r="S14" s="280">
        <v>1</v>
      </c>
      <c r="T14" s="280">
        <v>0</v>
      </c>
      <c r="U14" s="280">
        <v>0</v>
      </c>
      <c r="V14" s="280">
        <v>0</v>
      </c>
      <c r="W14" s="277">
        <v>2</v>
      </c>
      <c r="X14" s="282">
        <v>2</v>
      </c>
      <c r="Y14" s="276">
        <v>0</v>
      </c>
      <c r="Z14" s="280">
        <v>0</v>
      </c>
      <c r="AA14" s="277">
        <v>0</v>
      </c>
      <c r="AB14" s="279">
        <v>0</v>
      </c>
      <c r="AC14" s="280">
        <v>25</v>
      </c>
      <c r="AD14" s="280">
        <v>8</v>
      </c>
      <c r="AE14" s="280">
        <v>6</v>
      </c>
      <c r="AF14" s="280">
        <v>4</v>
      </c>
      <c r="AG14" s="280">
        <v>1</v>
      </c>
      <c r="AH14" s="277">
        <v>44</v>
      </c>
      <c r="AI14" s="282">
        <v>44</v>
      </c>
      <c r="AJ14" s="276">
        <v>0</v>
      </c>
      <c r="AK14" s="280">
        <v>0</v>
      </c>
      <c r="AL14" s="277">
        <v>0</v>
      </c>
      <c r="AM14" s="279">
        <v>0</v>
      </c>
      <c r="AN14" s="280">
        <v>1</v>
      </c>
      <c r="AO14" s="280">
        <v>0</v>
      </c>
      <c r="AP14" s="280">
        <v>0</v>
      </c>
      <c r="AQ14" s="280">
        <v>0</v>
      </c>
      <c r="AR14" s="280">
        <v>0</v>
      </c>
      <c r="AS14" s="277">
        <v>1</v>
      </c>
      <c r="AT14" s="282">
        <v>1</v>
      </c>
      <c r="AU14" s="276">
        <v>0</v>
      </c>
      <c r="AV14" s="280">
        <v>1</v>
      </c>
      <c r="AW14" s="277">
        <v>1</v>
      </c>
      <c r="AX14" s="279">
        <v>0</v>
      </c>
      <c r="AY14" s="280">
        <v>0</v>
      </c>
      <c r="AZ14" s="280">
        <v>1</v>
      </c>
      <c r="BA14" s="280">
        <v>2</v>
      </c>
      <c r="BB14" s="280">
        <v>0</v>
      </c>
      <c r="BC14" s="280">
        <v>0</v>
      </c>
      <c r="BD14" s="277">
        <v>3</v>
      </c>
      <c r="BE14" s="282">
        <v>4</v>
      </c>
      <c r="BF14" s="276">
        <v>0</v>
      </c>
      <c r="BG14" s="280">
        <v>0</v>
      </c>
      <c r="BH14" s="277">
        <v>0</v>
      </c>
      <c r="BI14" s="279">
        <v>0</v>
      </c>
      <c r="BJ14" s="280">
        <v>0</v>
      </c>
      <c r="BK14" s="280">
        <v>2</v>
      </c>
      <c r="BL14" s="280">
        <v>1</v>
      </c>
      <c r="BM14" s="280">
        <v>5</v>
      </c>
      <c r="BN14" s="280">
        <v>0</v>
      </c>
      <c r="BO14" s="281">
        <v>8</v>
      </c>
      <c r="BP14" s="282">
        <v>8</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0</v>
      </c>
      <c r="CS14" s="280">
        <v>0</v>
      </c>
      <c r="CT14" s="280">
        <v>0</v>
      </c>
      <c r="CU14" s="280">
        <v>0</v>
      </c>
      <c r="CV14" s="277">
        <v>0</v>
      </c>
      <c r="CW14" s="282">
        <v>0</v>
      </c>
    </row>
    <row r="15" spans="1:101" ht="21" customHeight="1" x14ac:dyDescent="0.2">
      <c r="B15" s="261" t="s">
        <v>12</v>
      </c>
      <c r="C15" s="276">
        <v>0</v>
      </c>
      <c r="D15" s="277">
        <v>0</v>
      </c>
      <c r="E15" s="278">
        <v>0</v>
      </c>
      <c r="F15" s="279">
        <v>0</v>
      </c>
      <c r="G15" s="280">
        <v>0</v>
      </c>
      <c r="H15" s="280">
        <v>0</v>
      </c>
      <c r="I15" s="280">
        <v>0</v>
      </c>
      <c r="J15" s="280">
        <v>0</v>
      </c>
      <c r="K15" s="280">
        <v>0</v>
      </c>
      <c r="L15" s="281">
        <v>0</v>
      </c>
      <c r="M15" s="282">
        <v>0</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16</v>
      </c>
      <c r="AD15" s="280">
        <v>17</v>
      </c>
      <c r="AE15" s="280">
        <v>10</v>
      </c>
      <c r="AF15" s="280">
        <v>6</v>
      </c>
      <c r="AG15" s="280">
        <v>1</v>
      </c>
      <c r="AH15" s="277">
        <v>50</v>
      </c>
      <c r="AI15" s="282">
        <v>50</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1</v>
      </c>
      <c r="AZ15" s="280">
        <v>3</v>
      </c>
      <c r="BA15" s="280">
        <v>2</v>
      </c>
      <c r="BB15" s="280">
        <v>3</v>
      </c>
      <c r="BC15" s="280">
        <v>0</v>
      </c>
      <c r="BD15" s="277">
        <v>9</v>
      </c>
      <c r="BE15" s="282">
        <v>9</v>
      </c>
      <c r="BF15" s="276">
        <v>0</v>
      </c>
      <c r="BG15" s="280">
        <v>0</v>
      </c>
      <c r="BH15" s="277">
        <v>0</v>
      </c>
      <c r="BI15" s="279">
        <v>0</v>
      </c>
      <c r="BJ15" s="280">
        <v>1</v>
      </c>
      <c r="BK15" s="280">
        <v>1</v>
      </c>
      <c r="BL15" s="280">
        <v>1</v>
      </c>
      <c r="BM15" s="280">
        <v>3</v>
      </c>
      <c r="BN15" s="280">
        <v>2</v>
      </c>
      <c r="BO15" s="281">
        <v>8</v>
      </c>
      <c r="BP15" s="282">
        <v>8</v>
      </c>
      <c r="BQ15" s="276">
        <v>0</v>
      </c>
      <c r="BR15" s="280">
        <v>0</v>
      </c>
      <c r="BS15" s="277">
        <v>0</v>
      </c>
      <c r="BT15" s="279">
        <v>0</v>
      </c>
      <c r="BU15" s="280">
        <v>0</v>
      </c>
      <c r="BV15" s="280">
        <v>1</v>
      </c>
      <c r="BW15" s="280">
        <v>0</v>
      </c>
      <c r="BX15" s="280">
        <v>2</v>
      </c>
      <c r="BY15" s="280">
        <v>1</v>
      </c>
      <c r="BZ15" s="277">
        <v>4</v>
      </c>
      <c r="CA15" s="282">
        <v>4</v>
      </c>
      <c r="CB15" s="276">
        <v>0</v>
      </c>
      <c r="CC15" s="280">
        <v>0</v>
      </c>
      <c r="CD15" s="277">
        <v>0</v>
      </c>
      <c r="CE15" s="279">
        <v>0</v>
      </c>
      <c r="CF15" s="280">
        <v>0</v>
      </c>
      <c r="CG15" s="280">
        <v>0</v>
      </c>
      <c r="CH15" s="280">
        <v>1</v>
      </c>
      <c r="CI15" s="280">
        <v>0</v>
      </c>
      <c r="CJ15" s="280">
        <v>1</v>
      </c>
      <c r="CK15" s="277">
        <v>2</v>
      </c>
      <c r="CL15" s="282">
        <v>2</v>
      </c>
      <c r="CM15" s="276">
        <v>0</v>
      </c>
      <c r="CN15" s="280">
        <v>0</v>
      </c>
      <c r="CO15" s="277">
        <v>0</v>
      </c>
      <c r="CP15" s="279">
        <v>0</v>
      </c>
      <c r="CQ15" s="280">
        <v>0</v>
      </c>
      <c r="CR15" s="280">
        <v>1</v>
      </c>
      <c r="CS15" s="280">
        <v>1</v>
      </c>
      <c r="CT15" s="280">
        <v>2</v>
      </c>
      <c r="CU15" s="280">
        <v>2</v>
      </c>
      <c r="CV15" s="277">
        <v>6</v>
      </c>
      <c r="CW15" s="282">
        <v>6</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1</v>
      </c>
      <c r="AD16" s="280">
        <v>10</v>
      </c>
      <c r="AE16" s="280">
        <v>7</v>
      </c>
      <c r="AF16" s="280">
        <v>2</v>
      </c>
      <c r="AG16" s="280">
        <v>0</v>
      </c>
      <c r="AH16" s="277">
        <v>30</v>
      </c>
      <c r="AI16" s="282">
        <v>30</v>
      </c>
      <c r="AJ16" s="276">
        <v>0</v>
      </c>
      <c r="AK16" s="280">
        <v>0</v>
      </c>
      <c r="AL16" s="277">
        <v>0</v>
      </c>
      <c r="AM16" s="279">
        <v>0</v>
      </c>
      <c r="AN16" s="280">
        <v>0</v>
      </c>
      <c r="AO16" s="280">
        <v>1</v>
      </c>
      <c r="AP16" s="280">
        <v>0</v>
      </c>
      <c r="AQ16" s="280">
        <v>0</v>
      </c>
      <c r="AR16" s="280">
        <v>0</v>
      </c>
      <c r="AS16" s="277">
        <v>1</v>
      </c>
      <c r="AT16" s="282">
        <v>1</v>
      </c>
      <c r="AU16" s="276">
        <v>0</v>
      </c>
      <c r="AV16" s="280">
        <v>0</v>
      </c>
      <c r="AW16" s="277">
        <v>0</v>
      </c>
      <c r="AX16" s="279">
        <v>0</v>
      </c>
      <c r="AY16" s="280">
        <v>0</v>
      </c>
      <c r="AZ16" s="280">
        <v>1</v>
      </c>
      <c r="BA16" s="280">
        <v>1</v>
      </c>
      <c r="BB16" s="280">
        <v>0</v>
      </c>
      <c r="BC16" s="280">
        <v>0</v>
      </c>
      <c r="BD16" s="277">
        <v>2</v>
      </c>
      <c r="BE16" s="282">
        <v>2</v>
      </c>
      <c r="BF16" s="276">
        <v>0</v>
      </c>
      <c r="BG16" s="280">
        <v>0</v>
      </c>
      <c r="BH16" s="277">
        <v>0</v>
      </c>
      <c r="BI16" s="279">
        <v>0</v>
      </c>
      <c r="BJ16" s="280">
        <v>0</v>
      </c>
      <c r="BK16" s="280">
        <v>1</v>
      </c>
      <c r="BL16" s="280">
        <v>0</v>
      </c>
      <c r="BM16" s="280">
        <v>1</v>
      </c>
      <c r="BN16" s="280">
        <v>0</v>
      </c>
      <c r="BO16" s="281">
        <v>2</v>
      </c>
      <c r="BP16" s="282">
        <v>2</v>
      </c>
      <c r="BQ16" s="276">
        <v>0</v>
      </c>
      <c r="BR16" s="280">
        <v>0</v>
      </c>
      <c r="BS16" s="277">
        <v>0</v>
      </c>
      <c r="BT16" s="279">
        <v>0</v>
      </c>
      <c r="BU16" s="280">
        <v>0</v>
      </c>
      <c r="BV16" s="280">
        <v>0</v>
      </c>
      <c r="BW16" s="280">
        <v>0</v>
      </c>
      <c r="BX16" s="280">
        <v>0</v>
      </c>
      <c r="BY16" s="280">
        <v>0</v>
      </c>
      <c r="BZ16" s="277">
        <v>0</v>
      </c>
      <c r="CA16" s="282">
        <v>0</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1</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6</v>
      </c>
      <c r="AD17" s="280">
        <v>5</v>
      </c>
      <c r="AE17" s="280">
        <v>3</v>
      </c>
      <c r="AF17" s="280">
        <v>2</v>
      </c>
      <c r="AG17" s="280">
        <v>2</v>
      </c>
      <c r="AH17" s="277">
        <v>18</v>
      </c>
      <c r="AI17" s="282">
        <v>18</v>
      </c>
      <c r="AJ17" s="276">
        <v>0</v>
      </c>
      <c r="AK17" s="280">
        <v>0</v>
      </c>
      <c r="AL17" s="277">
        <v>0</v>
      </c>
      <c r="AM17" s="279">
        <v>0</v>
      </c>
      <c r="AN17" s="280">
        <v>0</v>
      </c>
      <c r="AO17" s="280">
        <v>0</v>
      </c>
      <c r="AP17" s="280">
        <v>0</v>
      </c>
      <c r="AQ17" s="280">
        <v>0</v>
      </c>
      <c r="AR17" s="280">
        <v>0</v>
      </c>
      <c r="AS17" s="277">
        <v>0</v>
      </c>
      <c r="AT17" s="282">
        <v>0</v>
      </c>
      <c r="AU17" s="276">
        <v>0</v>
      </c>
      <c r="AV17" s="280">
        <v>0</v>
      </c>
      <c r="AW17" s="277">
        <v>0</v>
      </c>
      <c r="AX17" s="279">
        <v>0</v>
      </c>
      <c r="AY17" s="280">
        <v>0</v>
      </c>
      <c r="AZ17" s="280">
        <v>0</v>
      </c>
      <c r="BA17" s="280">
        <v>0</v>
      </c>
      <c r="BB17" s="280">
        <v>0</v>
      </c>
      <c r="BC17" s="280">
        <v>0</v>
      </c>
      <c r="BD17" s="277">
        <v>0</v>
      </c>
      <c r="BE17" s="282">
        <v>0</v>
      </c>
      <c r="BF17" s="276">
        <v>0</v>
      </c>
      <c r="BG17" s="280">
        <v>0</v>
      </c>
      <c r="BH17" s="277">
        <v>0</v>
      </c>
      <c r="BI17" s="279">
        <v>0</v>
      </c>
      <c r="BJ17" s="280">
        <v>0</v>
      </c>
      <c r="BK17" s="280">
        <v>3</v>
      </c>
      <c r="BL17" s="280">
        <v>0</v>
      </c>
      <c r="BM17" s="280">
        <v>1</v>
      </c>
      <c r="BN17" s="280">
        <v>0</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1</v>
      </c>
      <c r="I18" s="280">
        <v>0</v>
      </c>
      <c r="J18" s="280">
        <v>0</v>
      </c>
      <c r="K18" s="280">
        <v>3</v>
      </c>
      <c r="L18" s="281">
        <v>4</v>
      </c>
      <c r="M18" s="282">
        <v>4</v>
      </c>
      <c r="N18" s="276">
        <v>0</v>
      </c>
      <c r="O18" s="280">
        <v>0</v>
      </c>
      <c r="P18" s="277">
        <v>0</v>
      </c>
      <c r="Q18" s="279">
        <v>0</v>
      </c>
      <c r="R18" s="280">
        <v>0</v>
      </c>
      <c r="S18" s="280">
        <v>0</v>
      </c>
      <c r="T18" s="280">
        <v>0</v>
      </c>
      <c r="U18" s="280">
        <v>1</v>
      </c>
      <c r="V18" s="280">
        <v>1</v>
      </c>
      <c r="W18" s="277">
        <v>2</v>
      </c>
      <c r="X18" s="282">
        <v>2</v>
      </c>
      <c r="Y18" s="276">
        <v>0</v>
      </c>
      <c r="Z18" s="280">
        <v>0</v>
      </c>
      <c r="AA18" s="277">
        <v>0</v>
      </c>
      <c r="AB18" s="279">
        <v>0</v>
      </c>
      <c r="AC18" s="280">
        <v>7</v>
      </c>
      <c r="AD18" s="280">
        <v>6</v>
      </c>
      <c r="AE18" s="280">
        <v>8</v>
      </c>
      <c r="AF18" s="280">
        <v>2</v>
      </c>
      <c r="AG18" s="280">
        <v>1</v>
      </c>
      <c r="AH18" s="277">
        <v>24</v>
      </c>
      <c r="AI18" s="282">
        <v>24</v>
      </c>
      <c r="AJ18" s="276">
        <v>0</v>
      </c>
      <c r="AK18" s="280">
        <v>0</v>
      </c>
      <c r="AL18" s="277">
        <v>0</v>
      </c>
      <c r="AM18" s="279">
        <v>0</v>
      </c>
      <c r="AN18" s="280">
        <v>0</v>
      </c>
      <c r="AO18" s="280">
        <v>3</v>
      </c>
      <c r="AP18" s="280">
        <v>0</v>
      </c>
      <c r="AQ18" s="280">
        <v>0</v>
      </c>
      <c r="AR18" s="280">
        <v>0</v>
      </c>
      <c r="AS18" s="277">
        <v>3</v>
      </c>
      <c r="AT18" s="282">
        <v>3</v>
      </c>
      <c r="AU18" s="276">
        <v>0</v>
      </c>
      <c r="AV18" s="280">
        <v>0</v>
      </c>
      <c r="AW18" s="277">
        <v>0</v>
      </c>
      <c r="AX18" s="279">
        <v>0</v>
      </c>
      <c r="AY18" s="280">
        <v>0</v>
      </c>
      <c r="AZ18" s="280">
        <v>1</v>
      </c>
      <c r="BA18" s="280">
        <v>0</v>
      </c>
      <c r="BB18" s="280">
        <v>0</v>
      </c>
      <c r="BC18" s="280">
        <v>1</v>
      </c>
      <c r="BD18" s="277">
        <v>2</v>
      </c>
      <c r="BE18" s="282">
        <v>2</v>
      </c>
      <c r="BF18" s="276">
        <v>0</v>
      </c>
      <c r="BG18" s="280">
        <v>0</v>
      </c>
      <c r="BH18" s="277">
        <v>0</v>
      </c>
      <c r="BI18" s="279">
        <v>0</v>
      </c>
      <c r="BJ18" s="280">
        <v>0</v>
      </c>
      <c r="BK18" s="280">
        <v>2</v>
      </c>
      <c r="BL18" s="280">
        <v>3</v>
      </c>
      <c r="BM18" s="280">
        <v>1</v>
      </c>
      <c r="BN18" s="280">
        <v>1</v>
      </c>
      <c r="BO18" s="281">
        <v>7</v>
      </c>
      <c r="BP18" s="282">
        <v>7</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0</v>
      </c>
      <c r="CS18" s="280">
        <v>0</v>
      </c>
      <c r="CT18" s="280">
        <v>0</v>
      </c>
      <c r="CU18" s="280">
        <v>0</v>
      </c>
      <c r="CV18" s="277">
        <v>0</v>
      </c>
      <c r="CW18" s="282">
        <v>0</v>
      </c>
    </row>
    <row r="19" spans="2:101" ht="21" customHeight="1" x14ac:dyDescent="0.2">
      <c r="B19" s="261" t="s">
        <v>17</v>
      </c>
      <c r="C19" s="276">
        <v>0</v>
      </c>
      <c r="D19" s="277">
        <v>0</v>
      </c>
      <c r="E19" s="278">
        <v>0</v>
      </c>
      <c r="F19" s="279">
        <v>0</v>
      </c>
      <c r="G19" s="280">
        <v>1</v>
      </c>
      <c r="H19" s="280">
        <v>0</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3</v>
      </c>
      <c r="AD19" s="280">
        <v>17</v>
      </c>
      <c r="AE19" s="280">
        <v>6</v>
      </c>
      <c r="AF19" s="280">
        <v>6</v>
      </c>
      <c r="AG19" s="280">
        <v>1</v>
      </c>
      <c r="AH19" s="277">
        <v>43</v>
      </c>
      <c r="AI19" s="282">
        <v>43</v>
      </c>
      <c r="AJ19" s="276">
        <v>0</v>
      </c>
      <c r="AK19" s="280">
        <v>0</v>
      </c>
      <c r="AL19" s="277">
        <v>0</v>
      </c>
      <c r="AM19" s="279">
        <v>0</v>
      </c>
      <c r="AN19" s="280">
        <v>1</v>
      </c>
      <c r="AO19" s="280">
        <v>0</v>
      </c>
      <c r="AP19" s="280">
        <v>1</v>
      </c>
      <c r="AQ19" s="280">
        <v>0</v>
      </c>
      <c r="AR19" s="280">
        <v>0</v>
      </c>
      <c r="AS19" s="277">
        <v>2</v>
      </c>
      <c r="AT19" s="282">
        <v>2</v>
      </c>
      <c r="AU19" s="276">
        <v>0</v>
      </c>
      <c r="AV19" s="280">
        <v>0</v>
      </c>
      <c r="AW19" s="277">
        <v>0</v>
      </c>
      <c r="AX19" s="279">
        <v>0</v>
      </c>
      <c r="AY19" s="280">
        <v>0</v>
      </c>
      <c r="AZ19" s="280">
        <v>2</v>
      </c>
      <c r="BA19" s="280">
        <v>1</v>
      </c>
      <c r="BB19" s="280">
        <v>1</v>
      </c>
      <c r="BC19" s="280">
        <v>1</v>
      </c>
      <c r="BD19" s="277">
        <v>5</v>
      </c>
      <c r="BE19" s="282">
        <v>5</v>
      </c>
      <c r="BF19" s="276">
        <v>0</v>
      </c>
      <c r="BG19" s="280">
        <v>0</v>
      </c>
      <c r="BH19" s="277">
        <v>0</v>
      </c>
      <c r="BI19" s="279">
        <v>0</v>
      </c>
      <c r="BJ19" s="280">
        <v>1</v>
      </c>
      <c r="BK19" s="280">
        <v>5</v>
      </c>
      <c r="BL19" s="280">
        <v>1</v>
      </c>
      <c r="BM19" s="280">
        <v>4</v>
      </c>
      <c r="BN19" s="280">
        <v>4</v>
      </c>
      <c r="BO19" s="281">
        <v>15</v>
      </c>
      <c r="BP19" s="282">
        <v>15</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0</v>
      </c>
      <c r="CI19" s="280">
        <v>2</v>
      </c>
      <c r="CJ19" s="280">
        <v>2</v>
      </c>
      <c r="CK19" s="277">
        <v>4</v>
      </c>
      <c r="CL19" s="282">
        <v>4</v>
      </c>
      <c r="CM19" s="276">
        <v>0</v>
      </c>
      <c r="CN19" s="280">
        <v>0</v>
      </c>
      <c r="CO19" s="277">
        <v>0</v>
      </c>
      <c r="CP19" s="279">
        <v>0</v>
      </c>
      <c r="CQ19" s="280">
        <v>0</v>
      </c>
      <c r="CR19" s="280">
        <v>0</v>
      </c>
      <c r="CS19" s="280">
        <v>0</v>
      </c>
      <c r="CT19" s="280">
        <v>0</v>
      </c>
      <c r="CU19" s="280">
        <v>0</v>
      </c>
      <c r="CV19" s="277">
        <v>0</v>
      </c>
      <c r="CW19" s="282">
        <v>0</v>
      </c>
    </row>
    <row r="20" spans="2:101" ht="21" customHeight="1" x14ac:dyDescent="0.2">
      <c r="B20" s="261" t="s">
        <v>18</v>
      </c>
      <c r="C20" s="276">
        <v>0</v>
      </c>
      <c r="D20" s="277">
        <v>0</v>
      </c>
      <c r="E20" s="278">
        <v>0</v>
      </c>
      <c r="F20" s="279">
        <v>0</v>
      </c>
      <c r="G20" s="280">
        <v>0</v>
      </c>
      <c r="H20" s="280">
        <v>0</v>
      </c>
      <c r="I20" s="280">
        <v>0</v>
      </c>
      <c r="J20" s="280">
        <v>0</v>
      </c>
      <c r="K20" s="280">
        <v>1</v>
      </c>
      <c r="L20" s="281">
        <v>1</v>
      </c>
      <c r="M20" s="282">
        <v>1</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0</v>
      </c>
      <c r="AD20" s="280">
        <v>13</v>
      </c>
      <c r="AE20" s="280">
        <v>7</v>
      </c>
      <c r="AF20" s="280">
        <v>2</v>
      </c>
      <c r="AG20" s="280">
        <v>0</v>
      </c>
      <c r="AH20" s="277">
        <v>42</v>
      </c>
      <c r="AI20" s="282">
        <v>42</v>
      </c>
      <c r="AJ20" s="276">
        <v>0</v>
      </c>
      <c r="AK20" s="280">
        <v>0</v>
      </c>
      <c r="AL20" s="277">
        <v>0</v>
      </c>
      <c r="AM20" s="279">
        <v>0</v>
      </c>
      <c r="AN20" s="280">
        <v>1</v>
      </c>
      <c r="AO20" s="280">
        <v>1</v>
      </c>
      <c r="AP20" s="280">
        <v>2</v>
      </c>
      <c r="AQ20" s="280">
        <v>1</v>
      </c>
      <c r="AR20" s="280">
        <v>0</v>
      </c>
      <c r="AS20" s="277">
        <v>5</v>
      </c>
      <c r="AT20" s="282">
        <v>5</v>
      </c>
      <c r="AU20" s="276">
        <v>0</v>
      </c>
      <c r="AV20" s="280">
        <v>0</v>
      </c>
      <c r="AW20" s="277">
        <v>0</v>
      </c>
      <c r="AX20" s="279">
        <v>0</v>
      </c>
      <c r="AY20" s="280">
        <v>0</v>
      </c>
      <c r="AZ20" s="280">
        <v>1</v>
      </c>
      <c r="BA20" s="280">
        <v>0</v>
      </c>
      <c r="BB20" s="280">
        <v>0</v>
      </c>
      <c r="BC20" s="280">
        <v>0</v>
      </c>
      <c r="BD20" s="277">
        <v>1</v>
      </c>
      <c r="BE20" s="282">
        <v>1</v>
      </c>
      <c r="BF20" s="276">
        <v>0</v>
      </c>
      <c r="BG20" s="280">
        <v>0</v>
      </c>
      <c r="BH20" s="277">
        <v>0</v>
      </c>
      <c r="BI20" s="279">
        <v>0</v>
      </c>
      <c r="BJ20" s="280">
        <v>2</v>
      </c>
      <c r="BK20" s="280">
        <v>1</v>
      </c>
      <c r="BL20" s="280">
        <v>5</v>
      </c>
      <c r="BM20" s="280">
        <v>2</v>
      </c>
      <c r="BN20" s="280">
        <v>1</v>
      </c>
      <c r="BO20" s="281">
        <v>11</v>
      </c>
      <c r="BP20" s="282">
        <v>11</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1</v>
      </c>
      <c r="CI20" s="280">
        <v>1</v>
      </c>
      <c r="CJ20" s="280">
        <v>0</v>
      </c>
      <c r="CK20" s="277">
        <v>2</v>
      </c>
      <c r="CL20" s="282">
        <v>2</v>
      </c>
      <c r="CM20" s="276">
        <v>0</v>
      </c>
      <c r="CN20" s="280">
        <v>0</v>
      </c>
      <c r="CO20" s="277">
        <v>0</v>
      </c>
      <c r="CP20" s="279">
        <v>0</v>
      </c>
      <c r="CQ20" s="280">
        <v>0</v>
      </c>
      <c r="CR20" s="280">
        <v>1</v>
      </c>
      <c r="CS20" s="280">
        <v>0</v>
      </c>
      <c r="CT20" s="280">
        <v>1</v>
      </c>
      <c r="CU20" s="280">
        <v>3</v>
      </c>
      <c r="CV20" s="277">
        <v>5</v>
      </c>
      <c r="CW20" s="282">
        <v>5</v>
      </c>
    </row>
    <row r="21" spans="2:101" ht="21" customHeight="1" x14ac:dyDescent="0.2">
      <c r="B21" s="261" t="s">
        <v>19</v>
      </c>
      <c r="C21" s="276">
        <v>0</v>
      </c>
      <c r="D21" s="277">
        <v>0</v>
      </c>
      <c r="E21" s="278">
        <v>0</v>
      </c>
      <c r="F21" s="279">
        <v>0</v>
      </c>
      <c r="G21" s="280">
        <v>0</v>
      </c>
      <c r="H21" s="280">
        <v>1</v>
      </c>
      <c r="I21" s="280">
        <v>0</v>
      </c>
      <c r="J21" s="280">
        <v>2</v>
      </c>
      <c r="K21" s="280">
        <v>0</v>
      </c>
      <c r="L21" s="281">
        <v>3</v>
      </c>
      <c r="M21" s="282">
        <v>3</v>
      </c>
      <c r="N21" s="276">
        <v>0</v>
      </c>
      <c r="O21" s="280">
        <v>0</v>
      </c>
      <c r="P21" s="277">
        <v>0</v>
      </c>
      <c r="Q21" s="279">
        <v>0</v>
      </c>
      <c r="R21" s="280">
        <v>0</v>
      </c>
      <c r="S21" s="280">
        <v>0</v>
      </c>
      <c r="T21" s="280">
        <v>0</v>
      </c>
      <c r="U21" s="280">
        <v>1</v>
      </c>
      <c r="V21" s="280">
        <v>0</v>
      </c>
      <c r="W21" s="277">
        <v>1</v>
      </c>
      <c r="X21" s="282">
        <v>1</v>
      </c>
      <c r="Y21" s="276">
        <v>0</v>
      </c>
      <c r="Z21" s="280">
        <v>0</v>
      </c>
      <c r="AA21" s="277">
        <v>0</v>
      </c>
      <c r="AB21" s="279">
        <v>0</v>
      </c>
      <c r="AC21" s="280">
        <v>7</v>
      </c>
      <c r="AD21" s="280">
        <v>5</v>
      </c>
      <c r="AE21" s="280">
        <v>1</v>
      </c>
      <c r="AF21" s="280">
        <v>2</v>
      </c>
      <c r="AG21" s="280">
        <v>0</v>
      </c>
      <c r="AH21" s="277">
        <v>15</v>
      </c>
      <c r="AI21" s="282">
        <v>15</v>
      </c>
      <c r="AJ21" s="276">
        <v>0</v>
      </c>
      <c r="AK21" s="280">
        <v>0</v>
      </c>
      <c r="AL21" s="277">
        <v>0</v>
      </c>
      <c r="AM21" s="279">
        <v>0</v>
      </c>
      <c r="AN21" s="280">
        <v>1</v>
      </c>
      <c r="AO21" s="280">
        <v>2</v>
      </c>
      <c r="AP21" s="280">
        <v>0</v>
      </c>
      <c r="AQ21" s="280">
        <v>0</v>
      </c>
      <c r="AR21" s="280">
        <v>0</v>
      </c>
      <c r="AS21" s="277">
        <v>3</v>
      </c>
      <c r="AT21" s="282">
        <v>3</v>
      </c>
      <c r="AU21" s="276">
        <v>0</v>
      </c>
      <c r="AV21" s="280">
        <v>0</v>
      </c>
      <c r="AW21" s="277">
        <v>0</v>
      </c>
      <c r="AX21" s="279">
        <v>0</v>
      </c>
      <c r="AY21" s="280">
        <v>1</v>
      </c>
      <c r="AZ21" s="280">
        <v>0</v>
      </c>
      <c r="BA21" s="280">
        <v>1</v>
      </c>
      <c r="BB21" s="280">
        <v>0</v>
      </c>
      <c r="BC21" s="280">
        <v>0</v>
      </c>
      <c r="BD21" s="277">
        <v>2</v>
      </c>
      <c r="BE21" s="282">
        <v>2</v>
      </c>
      <c r="BF21" s="276">
        <v>0</v>
      </c>
      <c r="BG21" s="280">
        <v>0</v>
      </c>
      <c r="BH21" s="277">
        <v>0</v>
      </c>
      <c r="BI21" s="279">
        <v>0</v>
      </c>
      <c r="BJ21" s="280">
        <v>0</v>
      </c>
      <c r="BK21" s="280">
        <v>0</v>
      </c>
      <c r="BL21" s="280">
        <v>1</v>
      </c>
      <c r="BM21" s="280">
        <v>0</v>
      </c>
      <c r="BN21" s="280">
        <v>0</v>
      </c>
      <c r="BO21" s="281">
        <v>1</v>
      </c>
      <c r="BP21" s="282">
        <v>1</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row>
    <row r="22" spans="2:101" ht="21" customHeight="1" x14ac:dyDescent="0.2">
      <c r="B22" s="261" t="s">
        <v>20</v>
      </c>
      <c r="C22" s="276">
        <v>0</v>
      </c>
      <c r="D22" s="277">
        <v>0</v>
      </c>
      <c r="E22" s="278">
        <v>0</v>
      </c>
      <c r="F22" s="279">
        <v>0</v>
      </c>
      <c r="G22" s="280">
        <v>0</v>
      </c>
      <c r="H22" s="280">
        <v>1</v>
      </c>
      <c r="I22" s="280">
        <v>0</v>
      </c>
      <c r="J22" s="280">
        <v>0</v>
      </c>
      <c r="K22" s="280">
        <v>0</v>
      </c>
      <c r="L22" s="281">
        <v>1</v>
      </c>
      <c r="M22" s="282">
        <v>1</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7</v>
      </c>
      <c r="AD22" s="280">
        <v>8</v>
      </c>
      <c r="AE22" s="280">
        <v>1</v>
      </c>
      <c r="AF22" s="280">
        <v>0</v>
      </c>
      <c r="AG22" s="280">
        <v>0</v>
      </c>
      <c r="AH22" s="277">
        <v>16</v>
      </c>
      <c r="AI22" s="282">
        <v>16</v>
      </c>
      <c r="AJ22" s="276">
        <v>0</v>
      </c>
      <c r="AK22" s="280">
        <v>0</v>
      </c>
      <c r="AL22" s="277">
        <v>0</v>
      </c>
      <c r="AM22" s="279">
        <v>0</v>
      </c>
      <c r="AN22" s="280">
        <v>0</v>
      </c>
      <c r="AO22" s="280">
        <v>0</v>
      </c>
      <c r="AP22" s="280">
        <v>0</v>
      </c>
      <c r="AQ22" s="280">
        <v>0</v>
      </c>
      <c r="AR22" s="280">
        <v>1</v>
      </c>
      <c r="AS22" s="277">
        <v>1</v>
      </c>
      <c r="AT22" s="282">
        <v>1</v>
      </c>
      <c r="AU22" s="276">
        <v>0</v>
      </c>
      <c r="AV22" s="280">
        <v>1</v>
      </c>
      <c r="AW22" s="277">
        <v>1</v>
      </c>
      <c r="AX22" s="279">
        <v>0</v>
      </c>
      <c r="AY22" s="280">
        <v>1</v>
      </c>
      <c r="AZ22" s="280">
        <v>0</v>
      </c>
      <c r="BA22" s="280">
        <v>2</v>
      </c>
      <c r="BB22" s="280">
        <v>0</v>
      </c>
      <c r="BC22" s="280">
        <v>0</v>
      </c>
      <c r="BD22" s="277">
        <v>3</v>
      </c>
      <c r="BE22" s="282">
        <v>4</v>
      </c>
      <c r="BF22" s="276">
        <v>0</v>
      </c>
      <c r="BG22" s="280">
        <v>0</v>
      </c>
      <c r="BH22" s="277">
        <v>0</v>
      </c>
      <c r="BI22" s="279">
        <v>0</v>
      </c>
      <c r="BJ22" s="280">
        <v>0</v>
      </c>
      <c r="BK22" s="280">
        <v>1</v>
      </c>
      <c r="BL22" s="280">
        <v>1</v>
      </c>
      <c r="BM22" s="280">
        <v>0</v>
      </c>
      <c r="BN22" s="280">
        <v>1</v>
      </c>
      <c r="BO22" s="281">
        <v>3</v>
      </c>
      <c r="BP22" s="282">
        <v>3</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1</v>
      </c>
      <c r="H23" s="280">
        <v>0</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1</v>
      </c>
      <c r="AD23" s="280">
        <v>4</v>
      </c>
      <c r="AE23" s="280">
        <v>3</v>
      </c>
      <c r="AF23" s="280">
        <v>2</v>
      </c>
      <c r="AG23" s="280">
        <v>0</v>
      </c>
      <c r="AH23" s="277">
        <v>20</v>
      </c>
      <c r="AI23" s="282">
        <v>20</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1</v>
      </c>
      <c r="AZ23" s="280">
        <v>0</v>
      </c>
      <c r="BA23" s="280">
        <v>0</v>
      </c>
      <c r="BB23" s="280">
        <v>1</v>
      </c>
      <c r="BC23" s="280">
        <v>0</v>
      </c>
      <c r="BD23" s="277">
        <v>2</v>
      </c>
      <c r="BE23" s="282">
        <v>2</v>
      </c>
      <c r="BF23" s="276">
        <v>0</v>
      </c>
      <c r="BG23" s="280">
        <v>0</v>
      </c>
      <c r="BH23" s="277">
        <v>0</v>
      </c>
      <c r="BI23" s="279">
        <v>0</v>
      </c>
      <c r="BJ23" s="280">
        <v>1</v>
      </c>
      <c r="BK23" s="280">
        <v>3</v>
      </c>
      <c r="BL23" s="280">
        <v>1</v>
      </c>
      <c r="BM23" s="280">
        <v>2</v>
      </c>
      <c r="BN23" s="280">
        <v>1</v>
      </c>
      <c r="BO23" s="281">
        <v>8</v>
      </c>
      <c r="BP23" s="282">
        <v>8</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2</v>
      </c>
      <c r="H24" s="280">
        <v>0</v>
      </c>
      <c r="I24" s="280">
        <v>1</v>
      </c>
      <c r="J24" s="280">
        <v>0</v>
      </c>
      <c r="K24" s="280">
        <v>0</v>
      </c>
      <c r="L24" s="281">
        <v>3</v>
      </c>
      <c r="M24" s="282">
        <v>3</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8</v>
      </c>
      <c r="AD24" s="280">
        <v>2</v>
      </c>
      <c r="AE24" s="280">
        <v>0</v>
      </c>
      <c r="AF24" s="280">
        <v>0</v>
      </c>
      <c r="AG24" s="280">
        <v>0</v>
      </c>
      <c r="AH24" s="277">
        <v>10</v>
      </c>
      <c r="AI24" s="282">
        <v>10</v>
      </c>
      <c r="AJ24" s="276">
        <v>0</v>
      </c>
      <c r="AK24" s="280">
        <v>0</v>
      </c>
      <c r="AL24" s="277">
        <v>0</v>
      </c>
      <c r="AM24" s="279">
        <v>0</v>
      </c>
      <c r="AN24" s="280">
        <v>0</v>
      </c>
      <c r="AO24" s="280">
        <v>0</v>
      </c>
      <c r="AP24" s="280">
        <v>1</v>
      </c>
      <c r="AQ24" s="280">
        <v>0</v>
      </c>
      <c r="AR24" s="280">
        <v>0</v>
      </c>
      <c r="AS24" s="277">
        <v>1</v>
      </c>
      <c r="AT24" s="282">
        <v>1</v>
      </c>
      <c r="AU24" s="276">
        <v>0</v>
      </c>
      <c r="AV24" s="280">
        <v>1</v>
      </c>
      <c r="AW24" s="277">
        <v>1</v>
      </c>
      <c r="AX24" s="279">
        <v>0</v>
      </c>
      <c r="AY24" s="280">
        <v>1</v>
      </c>
      <c r="AZ24" s="280">
        <v>3</v>
      </c>
      <c r="BA24" s="280">
        <v>0</v>
      </c>
      <c r="BB24" s="280">
        <v>0</v>
      </c>
      <c r="BC24" s="280">
        <v>0</v>
      </c>
      <c r="BD24" s="277">
        <v>4</v>
      </c>
      <c r="BE24" s="282">
        <v>5</v>
      </c>
      <c r="BF24" s="276">
        <v>0</v>
      </c>
      <c r="BG24" s="280">
        <v>0</v>
      </c>
      <c r="BH24" s="277">
        <v>0</v>
      </c>
      <c r="BI24" s="279">
        <v>0</v>
      </c>
      <c r="BJ24" s="280">
        <v>1</v>
      </c>
      <c r="BK24" s="280">
        <v>0</v>
      </c>
      <c r="BL24" s="280">
        <v>0</v>
      </c>
      <c r="BM24" s="280">
        <v>0</v>
      </c>
      <c r="BN24" s="280">
        <v>0</v>
      </c>
      <c r="BO24" s="281">
        <v>1</v>
      </c>
      <c r="BP24" s="282">
        <v>1</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0</v>
      </c>
      <c r="CJ24" s="280">
        <v>0</v>
      </c>
      <c r="CK24" s="277">
        <v>0</v>
      </c>
      <c r="CL24" s="282">
        <v>0</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1</v>
      </c>
      <c r="L25" s="281">
        <v>1</v>
      </c>
      <c r="M25" s="282">
        <v>1</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0</v>
      </c>
      <c r="AD25" s="280">
        <v>4</v>
      </c>
      <c r="AE25" s="280">
        <v>2</v>
      </c>
      <c r="AF25" s="280">
        <v>0</v>
      </c>
      <c r="AG25" s="280">
        <v>1</v>
      </c>
      <c r="AH25" s="277">
        <v>7</v>
      </c>
      <c r="AI25" s="282">
        <v>7</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0</v>
      </c>
      <c r="BK25" s="280">
        <v>0</v>
      </c>
      <c r="BL25" s="280">
        <v>3</v>
      </c>
      <c r="BM25" s="280">
        <v>1</v>
      </c>
      <c r="BN25" s="280">
        <v>0</v>
      </c>
      <c r="BO25" s="281">
        <v>4</v>
      </c>
      <c r="BP25" s="282">
        <v>4</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0</v>
      </c>
      <c r="J26" s="280">
        <v>1</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0</v>
      </c>
      <c r="AD26" s="280">
        <v>0</v>
      </c>
      <c r="AE26" s="280">
        <v>0</v>
      </c>
      <c r="AF26" s="280">
        <v>0</v>
      </c>
      <c r="AG26" s="280">
        <v>0</v>
      </c>
      <c r="AH26" s="277">
        <v>0</v>
      </c>
      <c r="AI26" s="282">
        <v>0</v>
      </c>
      <c r="AJ26" s="276">
        <v>0</v>
      </c>
      <c r="AK26" s="280">
        <v>0</v>
      </c>
      <c r="AL26" s="277">
        <v>0</v>
      </c>
      <c r="AM26" s="279">
        <v>0</v>
      </c>
      <c r="AN26" s="280">
        <v>0</v>
      </c>
      <c r="AO26" s="280">
        <v>0</v>
      </c>
      <c r="AP26" s="280">
        <v>1</v>
      </c>
      <c r="AQ26" s="280">
        <v>0</v>
      </c>
      <c r="AR26" s="280">
        <v>1</v>
      </c>
      <c r="AS26" s="277">
        <v>2</v>
      </c>
      <c r="AT26" s="282">
        <v>2</v>
      </c>
      <c r="AU26" s="276">
        <v>0</v>
      </c>
      <c r="AV26" s="280">
        <v>0</v>
      </c>
      <c r="AW26" s="277">
        <v>0</v>
      </c>
      <c r="AX26" s="279">
        <v>0</v>
      </c>
      <c r="AY26" s="280">
        <v>3</v>
      </c>
      <c r="AZ26" s="280">
        <v>0</v>
      </c>
      <c r="BA26" s="280">
        <v>2</v>
      </c>
      <c r="BB26" s="280">
        <v>0</v>
      </c>
      <c r="BC26" s="280">
        <v>0</v>
      </c>
      <c r="BD26" s="277">
        <v>5</v>
      </c>
      <c r="BE26" s="282">
        <v>5</v>
      </c>
      <c r="BF26" s="276">
        <v>0</v>
      </c>
      <c r="BG26" s="280">
        <v>0</v>
      </c>
      <c r="BH26" s="277">
        <v>0</v>
      </c>
      <c r="BI26" s="279">
        <v>0</v>
      </c>
      <c r="BJ26" s="280">
        <v>0</v>
      </c>
      <c r="BK26" s="280">
        <v>0</v>
      </c>
      <c r="BL26" s="280">
        <v>1</v>
      </c>
      <c r="BM26" s="280">
        <v>0</v>
      </c>
      <c r="BN26" s="280">
        <v>1</v>
      </c>
      <c r="BO26" s="281">
        <v>2</v>
      </c>
      <c r="BP26" s="282">
        <v>2</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4</v>
      </c>
      <c r="AD27" s="280">
        <v>2</v>
      </c>
      <c r="AE27" s="280">
        <v>1</v>
      </c>
      <c r="AF27" s="280">
        <v>0</v>
      </c>
      <c r="AG27" s="280">
        <v>0</v>
      </c>
      <c r="AH27" s="277">
        <v>7</v>
      </c>
      <c r="AI27" s="282">
        <v>7</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0</v>
      </c>
      <c r="AZ27" s="280">
        <v>0</v>
      </c>
      <c r="BA27" s="280">
        <v>0</v>
      </c>
      <c r="BB27" s="280">
        <v>0</v>
      </c>
      <c r="BC27" s="280">
        <v>0</v>
      </c>
      <c r="BD27" s="277">
        <v>0</v>
      </c>
      <c r="BE27" s="282">
        <v>0</v>
      </c>
      <c r="BF27" s="276">
        <v>0</v>
      </c>
      <c r="BG27" s="280">
        <v>0</v>
      </c>
      <c r="BH27" s="277">
        <v>0</v>
      </c>
      <c r="BI27" s="279">
        <v>0</v>
      </c>
      <c r="BJ27" s="280">
        <v>1</v>
      </c>
      <c r="BK27" s="280">
        <v>0</v>
      </c>
      <c r="BL27" s="280">
        <v>0</v>
      </c>
      <c r="BM27" s="280">
        <v>0</v>
      </c>
      <c r="BN27" s="280">
        <v>0</v>
      </c>
      <c r="BO27" s="281">
        <v>1</v>
      </c>
      <c r="BP27" s="282">
        <v>1</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2</v>
      </c>
      <c r="AD28" s="280">
        <v>1</v>
      </c>
      <c r="AE28" s="280">
        <v>1</v>
      </c>
      <c r="AF28" s="280">
        <v>0</v>
      </c>
      <c r="AG28" s="280">
        <v>0</v>
      </c>
      <c r="AH28" s="277">
        <v>4</v>
      </c>
      <c r="AI28" s="282">
        <v>4</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1</v>
      </c>
      <c r="AZ28" s="280">
        <v>0</v>
      </c>
      <c r="BA28" s="280">
        <v>0</v>
      </c>
      <c r="BB28" s="280">
        <v>0</v>
      </c>
      <c r="BC28" s="280">
        <v>0</v>
      </c>
      <c r="BD28" s="277">
        <v>1</v>
      </c>
      <c r="BE28" s="282">
        <v>1</v>
      </c>
      <c r="BF28" s="276">
        <v>0</v>
      </c>
      <c r="BG28" s="280">
        <v>0</v>
      </c>
      <c r="BH28" s="277">
        <v>0</v>
      </c>
      <c r="BI28" s="279">
        <v>0</v>
      </c>
      <c r="BJ28" s="280">
        <v>0</v>
      </c>
      <c r="BK28" s="280">
        <v>0</v>
      </c>
      <c r="BL28" s="280">
        <v>1</v>
      </c>
      <c r="BM28" s="280">
        <v>2</v>
      </c>
      <c r="BN28" s="280">
        <v>0</v>
      </c>
      <c r="BO28" s="281">
        <v>3</v>
      </c>
      <c r="BP28" s="282">
        <v>3</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0</v>
      </c>
      <c r="J29" s="280">
        <v>0</v>
      </c>
      <c r="K29" s="280">
        <v>0</v>
      </c>
      <c r="L29" s="281">
        <v>0</v>
      </c>
      <c r="M29" s="282">
        <v>0</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2</v>
      </c>
      <c r="AD29" s="280">
        <v>1</v>
      </c>
      <c r="AE29" s="280">
        <v>0</v>
      </c>
      <c r="AF29" s="280">
        <v>0</v>
      </c>
      <c r="AG29" s="280">
        <v>0</v>
      </c>
      <c r="AH29" s="277">
        <v>3</v>
      </c>
      <c r="AI29" s="282">
        <v>3</v>
      </c>
      <c r="AJ29" s="276">
        <v>0</v>
      </c>
      <c r="AK29" s="280">
        <v>0</v>
      </c>
      <c r="AL29" s="277">
        <v>0</v>
      </c>
      <c r="AM29" s="279">
        <v>0</v>
      </c>
      <c r="AN29" s="280">
        <v>1</v>
      </c>
      <c r="AO29" s="280">
        <v>0</v>
      </c>
      <c r="AP29" s="280">
        <v>1</v>
      </c>
      <c r="AQ29" s="280">
        <v>0</v>
      </c>
      <c r="AR29" s="280">
        <v>0</v>
      </c>
      <c r="AS29" s="277">
        <v>2</v>
      </c>
      <c r="AT29" s="282">
        <v>2</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0</v>
      </c>
      <c r="BM29" s="280">
        <v>0</v>
      </c>
      <c r="BN29" s="280">
        <v>0</v>
      </c>
      <c r="BO29" s="281">
        <v>0</v>
      </c>
      <c r="BP29" s="282">
        <v>0</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0</v>
      </c>
      <c r="BO30" s="281">
        <v>0</v>
      </c>
      <c r="BP30" s="282">
        <v>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1</v>
      </c>
      <c r="H31" s="280">
        <v>0</v>
      </c>
      <c r="I31" s="280">
        <v>1</v>
      </c>
      <c r="J31" s="280">
        <v>0</v>
      </c>
      <c r="K31" s="280">
        <v>0</v>
      </c>
      <c r="L31" s="281">
        <v>2</v>
      </c>
      <c r="M31" s="282">
        <v>2</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v>
      </c>
      <c r="AD31" s="280">
        <v>0</v>
      </c>
      <c r="AE31" s="280">
        <v>0</v>
      </c>
      <c r="AF31" s="280">
        <v>0</v>
      </c>
      <c r="AG31" s="280">
        <v>0</v>
      </c>
      <c r="AH31" s="277">
        <v>1</v>
      </c>
      <c r="AI31" s="282">
        <v>1</v>
      </c>
      <c r="AJ31" s="276">
        <v>0</v>
      </c>
      <c r="AK31" s="280">
        <v>0</v>
      </c>
      <c r="AL31" s="277">
        <v>0</v>
      </c>
      <c r="AM31" s="279">
        <v>0</v>
      </c>
      <c r="AN31" s="280">
        <v>0</v>
      </c>
      <c r="AO31" s="280">
        <v>0</v>
      </c>
      <c r="AP31" s="280">
        <v>1</v>
      </c>
      <c r="AQ31" s="280">
        <v>0</v>
      </c>
      <c r="AR31" s="280">
        <v>0</v>
      </c>
      <c r="AS31" s="277">
        <v>1</v>
      </c>
      <c r="AT31" s="282">
        <v>1</v>
      </c>
      <c r="AU31" s="276">
        <v>0</v>
      </c>
      <c r="AV31" s="280">
        <v>0</v>
      </c>
      <c r="AW31" s="277">
        <v>0</v>
      </c>
      <c r="AX31" s="279">
        <v>0</v>
      </c>
      <c r="AY31" s="280">
        <v>3</v>
      </c>
      <c r="AZ31" s="280">
        <v>0</v>
      </c>
      <c r="BA31" s="280">
        <v>1</v>
      </c>
      <c r="BB31" s="280">
        <v>0</v>
      </c>
      <c r="BC31" s="280">
        <v>0</v>
      </c>
      <c r="BD31" s="277">
        <v>4</v>
      </c>
      <c r="BE31" s="282">
        <v>4</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1</v>
      </c>
      <c r="AD32" s="280">
        <v>0</v>
      </c>
      <c r="AE32" s="280">
        <v>0</v>
      </c>
      <c r="AF32" s="280">
        <v>0</v>
      </c>
      <c r="AG32" s="280">
        <v>0</v>
      </c>
      <c r="AH32" s="277">
        <v>1</v>
      </c>
      <c r="AI32" s="282">
        <v>1</v>
      </c>
      <c r="AJ32" s="276">
        <v>0</v>
      </c>
      <c r="AK32" s="280">
        <v>0</v>
      </c>
      <c r="AL32" s="277">
        <v>0</v>
      </c>
      <c r="AM32" s="279">
        <v>0</v>
      </c>
      <c r="AN32" s="280">
        <v>0</v>
      </c>
      <c r="AO32" s="280">
        <v>1</v>
      </c>
      <c r="AP32" s="280">
        <v>0</v>
      </c>
      <c r="AQ32" s="280">
        <v>0</v>
      </c>
      <c r="AR32" s="280">
        <v>0</v>
      </c>
      <c r="AS32" s="277">
        <v>1</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0</v>
      </c>
      <c r="BN32" s="280">
        <v>0</v>
      </c>
      <c r="BO32" s="281">
        <v>0</v>
      </c>
      <c r="BP32" s="282">
        <v>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1</v>
      </c>
      <c r="I33" s="280">
        <v>0</v>
      </c>
      <c r="J33" s="280">
        <v>0</v>
      </c>
      <c r="K33" s="280">
        <v>0</v>
      </c>
      <c r="L33" s="281">
        <v>1</v>
      </c>
      <c r="M33" s="282">
        <v>1</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2</v>
      </c>
      <c r="AD33" s="280">
        <v>1</v>
      </c>
      <c r="AE33" s="280">
        <v>1</v>
      </c>
      <c r="AF33" s="280">
        <v>0</v>
      </c>
      <c r="AG33" s="280">
        <v>0</v>
      </c>
      <c r="AH33" s="277">
        <v>4</v>
      </c>
      <c r="AI33" s="282">
        <v>4</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0</v>
      </c>
      <c r="BB33" s="280">
        <v>0</v>
      </c>
      <c r="BC33" s="280">
        <v>0</v>
      </c>
      <c r="BD33" s="277">
        <v>1</v>
      </c>
      <c r="BE33" s="282">
        <v>1</v>
      </c>
      <c r="BF33" s="276">
        <v>0</v>
      </c>
      <c r="BG33" s="280">
        <v>0</v>
      </c>
      <c r="BH33" s="277">
        <v>0</v>
      </c>
      <c r="BI33" s="279">
        <v>0</v>
      </c>
      <c r="BJ33" s="280">
        <v>0</v>
      </c>
      <c r="BK33" s="280">
        <v>0</v>
      </c>
      <c r="BL33" s="280">
        <v>1</v>
      </c>
      <c r="BM33" s="280">
        <v>0</v>
      </c>
      <c r="BN33" s="280">
        <v>1</v>
      </c>
      <c r="BO33" s="281">
        <v>2</v>
      </c>
      <c r="BP33" s="282">
        <v>2</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1</v>
      </c>
      <c r="I34" s="280">
        <v>0</v>
      </c>
      <c r="J34" s="280">
        <v>0</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1</v>
      </c>
      <c r="AD34" s="280">
        <v>1</v>
      </c>
      <c r="AE34" s="280">
        <v>1</v>
      </c>
      <c r="AF34" s="280">
        <v>0</v>
      </c>
      <c r="AG34" s="280">
        <v>0</v>
      </c>
      <c r="AH34" s="277">
        <v>3</v>
      </c>
      <c r="AI34" s="282">
        <v>3</v>
      </c>
      <c r="AJ34" s="276">
        <v>0</v>
      </c>
      <c r="AK34" s="280">
        <v>0</v>
      </c>
      <c r="AL34" s="277">
        <v>0</v>
      </c>
      <c r="AM34" s="279">
        <v>0</v>
      </c>
      <c r="AN34" s="280">
        <v>1</v>
      </c>
      <c r="AO34" s="280">
        <v>0</v>
      </c>
      <c r="AP34" s="280">
        <v>0</v>
      </c>
      <c r="AQ34" s="280">
        <v>0</v>
      </c>
      <c r="AR34" s="280">
        <v>0</v>
      </c>
      <c r="AS34" s="277">
        <v>1</v>
      </c>
      <c r="AT34" s="282">
        <v>1</v>
      </c>
      <c r="AU34" s="276">
        <v>0</v>
      </c>
      <c r="AV34" s="280">
        <v>0</v>
      </c>
      <c r="AW34" s="277">
        <v>0</v>
      </c>
      <c r="AX34" s="279">
        <v>0</v>
      </c>
      <c r="AY34" s="280">
        <v>0</v>
      </c>
      <c r="AZ34" s="280">
        <v>1</v>
      </c>
      <c r="BA34" s="280">
        <v>0</v>
      </c>
      <c r="BB34" s="280">
        <v>0</v>
      </c>
      <c r="BC34" s="280">
        <v>0</v>
      </c>
      <c r="BD34" s="277">
        <v>1</v>
      </c>
      <c r="BE34" s="282">
        <v>1</v>
      </c>
      <c r="BF34" s="276">
        <v>0</v>
      </c>
      <c r="BG34" s="280">
        <v>0</v>
      </c>
      <c r="BH34" s="277">
        <v>0</v>
      </c>
      <c r="BI34" s="279">
        <v>0</v>
      </c>
      <c r="BJ34" s="280">
        <v>0</v>
      </c>
      <c r="BK34" s="280">
        <v>1</v>
      </c>
      <c r="BL34" s="280">
        <v>2</v>
      </c>
      <c r="BM34" s="280">
        <v>0</v>
      </c>
      <c r="BN34" s="280">
        <v>1</v>
      </c>
      <c r="BO34" s="281">
        <v>4</v>
      </c>
      <c r="BP34" s="282">
        <v>4</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1</v>
      </c>
      <c r="CI34" s="280">
        <v>2</v>
      </c>
      <c r="CJ34" s="280">
        <v>0</v>
      </c>
      <c r="CK34" s="277">
        <v>4</v>
      </c>
      <c r="CL34" s="282">
        <v>4</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2</v>
      </c>
      <c r="AF35" s="280">
        <v>0</v>
      </c>
      <c r="AG35" s="280">
        <v>0</v>
      </c>
      <c r="AH35" s="277">
        <v>3</v>
      </c>
      <c r="AI35" s="282">
        <v>3</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1</v>
      </c>
      <c r="CV35" s="277">
        <v>1</v>
      </c>
      <c r="CW35" s="282">
        <v>1</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1</v>
      </c>
      <c r="CV36" s="277">
        <v>2</v>
      </c>
      <c r="CW36" s="282">
        <v>2</v>
      </c>
    </row>
    <row r="37" spans="2:101" ht="21" customHeight="1" x14ac:dyDescent="0.2">
      <c r="B37" s="261" t="s">
        <v>35</v>
      </c>
      <c r="C37" s="276">
        <v>0</v>
      </c>
      <c r="D37" s="277">
        <v>0</v>
      </c>
      <c r="E37" s="278">
        <v>0</v>
      </c>
      <c r="F37" s="279">
        <v>0</v>
      </c>
      <c r="G37" s="280">
        <v>0</v>
      </c>
      <c r="H37" s="280">
        <v>0</v>
      </c>
      <c r="I37" s="280">
        <v>0</v>
      </c>
      <c r="J37" s="280">
        <v>0</v>
      </c>
      <c r="K37" s="280">
        <v>0</v>
      </c>
      <c r="L37" s="281">
        <v>0</v>
      </c>
      <c r="M37" s="282">
        <v>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v>
      </c>
      <c r="AD37" s="280">
        <v>0</v>
      </c>
      <c r="AE37" s="280">
        <v>1</v>
      </c>
      <c r="AF37" s="280">
        <v>0</v>
      </c>
      <c r="AG37" s="280">
        <v>0</v>
      </c>
      <c r="AH37" s="277">
        <v>2</v>
      </c>
      <c r="AI37" s="282">
        <v>2</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1</v>
      </c>
      <c r="BC37" s="280">
        <v>0</v>
      </c>
      <c r="BD37" s="277">
        <v>1</v>
      </c>
      <c r="BE37" s="282">
        <v>1</v>
      </c>
      <c r="BF37" s="276">
        <v>0</v>
      </c>
      <c r="BG37" s="280">
        <v>0</v>
      </c>
      <c r="BH37" s="277">
        <v>0</v>
      </c>
      <c r="BI37" s="279">
        <v>0</v>
      </c>
      <c r="BJ37" s="280">
        <v>0</v>
      </c>
      <c r="BK37" s="280">
        <v>0</v>
      </c>
      <c r="BL37" s="280">
        <v>0</v>
      </c>
      <c r="BM37" s="280">
        <v>1</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1</v>
      </c>
      <c r="AD38" s="280">
        <v>1</v>
      </c>
      <c r="AE38" s="280">
        <v>0</v>
      </c>
      <c r="AF38" s="280">
        <v>1</v>
      </c>
      <c r="AG38" s="280">
        <v>0</v>
      </c>
      <c r="AH38" s="277">
        <v>3</v>
      </c>
      <c r="AI38" s="282">
        <v>3</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1</v>
      </c>
      <c r="AZ38" s="280">
        <v>0</v>
      </c>
      <c r="BA38" s="280">
        <v>0</v>
      </c>
      <c r="BB38" s="280">
        <v>0</v>
      </c>
      <c r="BC38" s="280">
        <v>0</v>
      </c>
      <c r="BD38" s="277">
        <v>1</v>
      </c>
      <c r="BE38" s="282">
        <v>1</v>
      </c>
      <c r="BF38" s="276">
        <v>0</v>
      </c>
      <c r="BG38" s="280">
        <v>0</v>
      </c>
      <c r="BH38" s="277">
        <v>0</v>
      </c>
      <c r="BI38" s="279">
        <v>0</v>
      </c>
      <c r="BJ38" s="280">
        <v>1</v>
      </c>
      <c r="BK38" s="280">
        <v>1</v>
      </c>
      <c r="BL38" s="280">
        <v>0</v>
      </c>
      <c r="BM38" s="280">
        <v>0</v>
      </c>
      <c r="BN38" s="280">
        <v>1</v>
      </c>
      <c r="BO38" s="281">
        <v>3</v>
      </c>
      <c r="BP38" s="282">
        <v>3</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8" style="255" customWidth="1"/>
    <col min="18" max="16384" width="9" style="255"/>
  </cols>
  <sheetData>
    <row r="1" spans="2:24" ht="24" customHeight="1" x14ac:dyDescent="0.2">
      <c r="B1" s="290" t="s">
        <v>125</v>
      </c>
      <c r="H1" s="524">
        <f>第１表!F2</f>
        <v>5</v>
      </c>
      <c r="I1" s="524"/>
      <c r="J1" s="248">
        <f>第１表!G2</f>
        <v>5</v>
      </c>
      <c r="K1" s="529">
        <f>IF(J1&lt;3,J1+12-2,J1-2)</f>
        <v>3</v>
      </c>
      <c r="L1" s="529"/>
    </row>
    <row r="2" spans="2:24" ht="24" customHeight="1" thickBot="1" x14ac:dyDescent="0.25">
      <c r="B2" s="290" t="s">
        <v>133</v>
      </c>
    </row>
    <row r="3" spans="2:24" ht="21"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107056</v>
      </c>
      <c r="H6" s="273">
        <v>105040</v>
      </c>
      <c r="I6" s="273">
        <v>63570</v>
      </c>
      <c r="J6" s="273">
        <v>32989</v>
      </c>
      <c r="K6" s="273">
        <v>14066</v>
      </c>
      <c r="L6" s="270">
        <v>322721</v>
      </c>
      <c r="M6" s="275">
        <v>322721</v>
      </c>
      <c r="N6" s="273">
        <v>33</v>
      </c>
      <c r="O6" s="273">
        <v>42</v>
      </c>
      <c r="P6" s="270">
        <v>75</v>
      </c>
      <c r="Q6" s="272">
        <v>0</v>
      </c>
      <c r="R6" s="273">
        <v>7047</v>
      </c>
      <c r="S6" s="273">
        <v>9374</v>
      </c>
      <c r="T6" s="273">
        <v>12389</v>
      </c>
      <c r="U6" s="273">
        <v>6945</v>
      </c>
      <c r="V6" s="273">
        <v>5151</v>
      </c>
      <c r="W6" s="270">
        <v>40906</v>
      </c>
      <c r="X6" s="275">
        <v>40981</v>
      </c>
    </row>
    <row r="7" spans="2:24" ht="21" customHeight="1" x14ac:dyDescent="0.2">
      <c r="B7" s="256" t="s">
        <v>5</v>
      </c>
      <c r="C7" s="280">
        <v>0</v>
      </c>
      <c r="D7" s="280">
        <v>0</v>
      </c>
      <c r="E7" s="277">
        <v>0</v>
      </c>
      <c r="F7" s="279">
        <v>0</v>
      </c>
      <c r="G7" s="280">
        <v>36630</v>
      </c>
      <c r="H7" s="280">
        <v>49488</v>
      </c>
      <c r="I7" s="280">
        <v>28608</v>
      </c>
      <c r="J7" s="280">
        <v>14951</v>
      </c>
      <c r="K7" s="280">
        <v>6237</v>
      </c>
      <c r="L7" s="277">
        <v>135914</v>
      </c>
      <c r="M7" s="282">
        <v>135914</v>
      </c>
      <c r="N7" s="280">
        <v>11</v>
      </c>
      <c r="O7" s="280">
        <v>17</v>
      </c>
      <c r="P7" s="277">
        <v>28</v>
      </c>
      <c r="Q7" s="279">
        <v>0</v>
      </c>
      <c r="R7" s="280">
        <v>3241</v>
      </c>
      <c r="S7" s="280">
        <v>4985</v>
      </c>
      <c r="T7" s="280">
        <v>6416</v>
      </c>
      <c r="U7" s="280">
        <v>3845</v>
      </c>
      <c r="V7" s="280">
        <v>2883</v>
      </c>
      <c r="W7" s="277">
        <v>21370</v>
      </c>
      <c r="X7" s="282">
        <v>21398</v>
      </c>
    </row>
    <row r="8" spans="2:24" ht="21" customHeight="1" x14ac:dyDescent="0.2">
      <c r="B8" s="256" t="s">
        <v>6</v>
      </c>
      <c r="C8" s="280">
        <v>0</v>
      </c>
      <c r="D8" s="280">
        <v>0</v>
      </c>
      <c r="E8" s="277">
        <v>0</v>
      </c>
      <c r="F8" s="279">
        <v>0</v>
      </c>
      <c r="G8" s="280">
        <v>16034</v>
      </c>
      <c r="H8" s="280">
        <v>10965</v>
      </c>
      <c r="I8" s="280">
        <v>7771</v>
      </c>
      <c r="J8" s="280">
        <v>4369</v>
      </c>
      <c r="K8" s="280">
        <v>1973</v>
      </c>
      <c r="L8" s="277">
        <v>41112</v>
      </c>
      <c r="M8" s="282">
        <v>41112</v>
      </c>
      <c r="N8" s="280">
        <v>4</v>
      </c>
      <c r="O8" s="280">
        <v>4</v>
      </c>
      <c r="P8" s="277">
        <v>8</v>
      </c>
      <c r="Q8" s="279">
        <v>0</v>
      </c>
      <c r="R8" s="280">
        <v>1815</v>
      </c>
      <c r="S8" s="280">
        <v>2039</v>
      </c>
      <c r="T8" s="280">
        <v>2606</v>
      </c>
      <c r="U8" s="280">
        <v>1428</v>
      </c>
      <c r="V8" s="280">
        <v>1070</v>
      </c>
      <c r="W8" s="277">
        <v>8958</v>
      </c>
      <c r="X8" s="282">
        <v>8966</v>
      </c>
    </row>
    <row r="9" spans="2:24" ht="21" customHeight="1" x14ac:dyDescent="0.2">
      <c r="B9" s="256" t="s">
        <v>14</v>
      </c>
      <c r="C9" s="280">
        <v>0</v>
      </c>
      <c r="D9" s="280">
        <v>0</v>
      </c>
      <c r="E9" s="277">
        <v>0</v>
      </c>
      <c r="F9" s="279">
        <v>0</v>
      </c>
      <c r="G9" s="280">
        <v>7932</v>
      </c>
      <c r="H9" s="280">
        <v>9616</v>
      </c>
      <c r="I9" s="280">
        <v>5692</v>
      </c>
      <c r="J9" s="280">
        <v>2915</v>
      </c>
      <c r="K9" s="280">
        <v>1463</v>
      </c>
      <c r="L9" s="277">
        <v>27618</v>
      </c>
      <c r="M9" s="282">
        <v>27618</v>
      </c>
      <c r="N9" s="280">
        <v>9</v>
      </c>
      <c r="O9" s="280">
        <v>0</v>
      </c>
      <c r="P9" s="277">
        <v>9</v>
      </c>
      <c r="Q9" s="279">
        <v>0</v>
      </c>
      <c r="R9" s="280">
        <v>138</v>
      </c>
      <c r="S9" s="280">
        <v>187</v>
      </c>
      <c r="T9" s="280">
        <v>432</v>
      </c>
      <c r="U9" s="280">
        <v>247</v>
      </c>
      <c r="V9" s="280">
        <v>252</v>
      </c>
      <c r="W9" s="277">
        <v>1256</v>
      </c>
      <c r="X9" s="282">
        <v>1265</v>
      </c>
    </row>
    <row r="10" spans="2:24" ht="21" customHeight="1" x14ac:dyDescent="0.2">
      <c r="B10" s="256" t="s">
        <v>7</v>
      </c>
      <c r="C10" s="280">
        <v>0</v>
      </c>
      <c r="D10" s="280">
        <v>0</v>
      </c>
      <c r="E10" s="277">
        <v>0</v>
      </c>
      <c r="F10" s="279">
        <v>0</v>
      </c>
      <c r="G10" s="280">
        <v>8414</v>
      </c>
      <c r="H10" s="280">
        <v>5515</v>
      </c>
      <c r="I10" s="280">
        <v>2899</v>
      </c>
      <c r="J10" s="280">
        <v>1311</v>
      </c>
      <c r="K10" s="280">
        <v>393</v>
      </c>
      <c r="L10" s="277">
        <v>18532</v>
      </c>
      <c r="M10" s="282">
        <v>18532</v>
      </c>
      <c r="N10" s="280">
        <v>0</v>
      </c>
      <c r="O10" s="280">
        <v>0</v>
      </c>
      <c r="P10" s="277">
        <v>0</v>
      </c>
      <c r="Q10" s="279">
        <v>0</v>
      </c>
      <c r="R10" s="280">
        <v>764</v>
      </c>
      <c r="S10" s="280">
        <v>986</v>
      </c>
      <c r="T10" s="280">
        <v>1087</v>
      </c>
      <c r="U10" s="280">
        <v>525</v>
      </c>
      <c r="V10" s="280">
        <v>195</v>
      </c>
      <c r="W10" s="277">
        <v>3557</v>
      </c>
      <c r="X10" s="282">
        <v>3557</v>
      </c>
    </row>
    <row r="11" spans="2:24" ht="21" customHeight="1" x14ac:dyDescent="0.2">
      <c r="B11" s="256" t="s">
        <v>8</v>
      </c>
      <c r="C11" s="280">
        <v>0</v>
      </c>
      <c r="D11" s="280">
        <v>0</v>
      </c>
      <c r="E11" s="277">
        <v>0</v>
      </c>
      <c r="F11" s="279">
        <v>0</v>
      </c>
      <c r="G11" s="280">
        <v>5098</v>
      </c>
      <c r="H11" s="280">
        <v>4844</v>
      </c>
      <c r="I11" s="280">
        <v>2662</v>
      </c>
      <c r="J11" s="280">
        <v>1153</v>
      </c>
      <c r="K11" s="280">
        <v>425</v>
      </c>
      <c r="L11" s="277">
        <v>14182</v>
      </c>
      <c r="M11" s="282">
        <v>14182</v>
      </c>
      <c r="N11" s="280">
        <v>0</v>
      </c>
      <c r="O11" s="280">
        <v>0</v>
      </c>
      <c r="P11" s="277">
        <v>0</v>
      </c>
      <c r="Q11" s="279">
        <v>0</v>
      </c>
      <c r="R11" s="280">
        <v>67</v>
      </c>
      <c r="S11" s="280">
        <v>71</v>
      </c>
      <c r="T11" s="280">
        <v>157</v>
      </c>
      <c r="U11" s="280">
        <v>112</v>
      </c>
      <c r="V11" s="280">
        <v>78</v>
      </c>
      <c r="W11" s="277">
        <v>485</v>
      </c>
      <c r="X11" s="282">
        <v>485</v>
      </c>
    </row>
    <row r="12" spans="2:24" ht="21" customHeight="1" x14ac:dyDescent="0.2">
      <c r="B12" s="256" t="s">
        <v>9</v>
      </c>
      <c r="C12" s="280">
        <v>0</v>
      </c>
      <c r="D12" s="280">
        <v>0</v>
      </c>
      <c r="E12" s="277">
        <v>0</v>
      </c>
      <c r="F12" s="279">
        <v>0</v>
      </c>
      <c r="G12" s="280">
        <v>3341</v>
      </c>
      <c r="H12" s="280">
        <v>2218</v>
      </c>
      <c r="I12" s="280">
        <v>1818</v>
      </c>
      <c r="J12" s="280">
        <v>985</v>
      </c>
      <c r="K12" s="280">
        <v>306</v>
      </c>
      <c r="L12" s="277">
        <v>8668</v>
      </c>
      <c r="M12" s="282">
        <v>8668</v>
      </c>
      <c r="N12" s="280">
        <v>0</v>
      </c>
      <c r="O12" s="280">
        <v>0</v>
      </c>
      <c r="P12" s="277">
        <v>0</v>
      </c>
      <c r="Q12" s="279">
        <v>0</v>
      </c>
      <c r="R12" s="280">
        <v>32</v>
      </c>
      <c r="S12" s="280">
        <v>55</v>
      </c>
      <c r="T12" s="280">
        <v>93</v>
      </c>
      <c r="U12" s="280">
        <v>35</v>
      </c>
      <c r="V12" s="280">
        <v>58</v>
      </c>
      <c r="W12" s="277">
        <v>273</v>
      </c>
      <c r="X12" s="282">
        <v>273</v>
      </c>
    </row>
    <row r="13" spans="2:24" ht="21" customHeight="1" x14ac:dyDescent="0.2">
      <c r="B13" s="256" t="s">
        <v>10</v>
      </c>
      <c r="C13" s="280">
        <v>0</v>
      </c>
      <c r="D13" s="280">
        <v>0</v>
      </c>
      <c r="E13" s="277">
        <v>0</v>
      </c>
      <c r="F13" s="279">
        <v>0</v>
      </c>
      <c r="G13" s="280">
        <v>4501</v>
      </c>
      <c r="H13" s="280">
        <v>2254</v>
      </c>
      <c r="I13" s="280">
        <v>1326</v>
      </c>
      <c r="J13" s="280">
        <v>617</v>
      </c>
      <c r="K13" s="280">
        <v>270</v>
      </c>
      <c r="L13" s="277">
        <v>8968</v>
      </c>
      <c r="M13" s="282">
        <v>8968</v>
      </c>
      <c r="N13" s="280">
        <v>0</v>
      </c>
      <c r="O13" s="280">
        <v>5</v>
      </c>
      <c r="P13" s="277">
        <v>5</v>
      </c>
      <c r="Q13" s="279">
        <v>0</v>
      </c>
      <c r="R13" s="280">
        <v>94</v>
      </c>
      <c r="S13" s="280">
        <v>133</v>
      </c>
      <c r="T13" s="280">
        <v>283</v>
      </c>
      <c r="U13" s="280">
        <v>144</v>
      </c>
      <c r="V13" s="280">
        <v>135</v>
      </c>
      <c r="W13" s="277">
        <v>789</v>
      </c>
      <c r="X13" s="282">
        <v>794</v>
      </c>
    </row>
    <row r="14" spans="2:24" ht="21" customHeight="1" x14ac:dyDescent="0.2">
      <c r="B14" s="256" t="s">
        <v>11</v>
      </c>
      <c r="C14" s="280">
        <v>0</v>
      </c>
      <c r="D14" s="280">
        <v>0</v>
      </c>
      <c r="E14" s="277">
        <v>0</v>
      </c>
      <c r="F14" s="279">
        <v>0</v>
      </c>
      <c r="G14" s="280">
        <v>4413</v>
      </c>
      <c r="H14" s="280">
        <v>2571</v>
      </c>
      <c r="I14" s="280">
        <v>1676</v>
      </c>
      <c r="J14" s="280">
        <v>864</v>
      </c>
      <c r="K14" s="280">
        <v>334</v>
      </c>
      <c r="L14" s="277">
        <v>9858</v>
      </c>
      <c r="M14" s="282">
        <v>9858</v>
      </c>
      <c r="N14" s="280">
        <v>0</v>
      </c>
      <c r="O14" s="280">
        <v>4</v>
      </c>
      <c r="P14" s="277">
        <v>4</v>
      </c>
      <c r="Q14" s="279">
        <v>0</v>
      </c>
      <c r="R14" s="280">
        <v>125</v>
      </c>
      <c r="S14" s="280">
        <v>138</v>
      </c>
      <c r="T14" s="280">
        <v>175</v>
      </c>
      <c r="U14" s="280">
        <v>14</v>
      </c>
      <c r="V14" s="280">
        <v>11</v>
      </c>
      <c r="W14" s="277">
        <v>463</v>
      </c>
      <c r="X14" s="282">
        <v>467</v>
      </c>
    </row>
    <row r="15" spans="2:24" ht="21" customHeight="1" x14ac:dyDescent="0.2">
      <c r="B15" s="256" t="s">
        <v>12</v>
      </c>
      <c r="C15" s="280">
        <v>0</v>
      </c>
      <c r="D15" s="280">
        <v>0</v>
      </c>
      <c r="E15" s="277">
        <v>0</v>
      </c>
      <c r="F15" s="279">
        <v>0</v>
      </c>
      <c r="G15" s="280">
        <v>3206</v>
      </c>
      <c r="H15" s="280">
        <v>2115</v>
      </c>
      <c r="I15" s="280">
        <v>1538</v>
      </c>
      <c r="J15" s="280">
        <v>764</v>
      </c>
      <c r="K15" s="280">
        <v>267</v>
      </c>
      <c r="L15" s="277">
        <v>7890</v>
      </c>
      <c r="M15" s="282">
        <v>7890</v>
      </c>
      <c r="N15" s="280">
        <v>0</v>
      </c>
      <c r="O15" s="280">
        <v>0</v>
      </c>
      <c r="P15" s="277">
        <v>0</v>
      </c>
      <c r="Q15" s="279">
        <v>0</v>
      </c>
      <c r="R15" s="280">
        <v>28</v>
      </c>
      <c r="S15" s="280">
        <v>15</v>
      </c>
      <c r="T15" s="280">
        <v>12</v>
      </c>
      <c r="U15" s="280">
        <v>6</v>
      </c>
      <c r="V15" s="280">
        <v>13</v>
      </c>
      <c r="W15" s="277">
        <v>74</v>
      </c>
      <c r="X15" s="282">
        <v>74</v>
      </c>
    </row>
    <row r="16" spans="2:24" ht="21" customHeight="1" x14ac:dyDescent="0.2">
      <c r="B16" s="256" t="s">
        <v>13</v>
      </c>
      <c r="C16" s="280">
        <v>0</v>
      </c>
      <c r="D16" s="280">
        <v>0</v>
      </c>
      <c r="E16" s="277">
        <v>0</v>
      </c>
      <c r="F16" s="279">
        <v>0</v>
      </c>
      <c r="G16" s="280">
        <v>1028</v>
      </c>
      <c r="H16" s="280">
        <v>944</v>
      </c>
      <c r="I16" s="280">
        <v>619</v>
      </c>
      <c r="J16" s="280">
        <v>375</v>
      </c>
      <c r="K16" s="280">
        <v>136</v>
      </c>
      <c r="L16" s="277">
        <v>3102</v>
      </c>
      <c r="M16" s="282">
        <v>3102</v>
      </c>
      <c r="N16" s="280">
        <v>0</v>
      </c>
      <c r="O16" s="280">
        <v>0</v>
      </c>
      <c r="P16" s="277">
        <v>0</v>
      </c>
      <c r="Q16" s="279">
        <v>0</v>
      </c>
      <c r="R16" s="280">
        <v>14</v>
      </c>
      <c r="S16" s="280">
        <v>44</v>
      </c>
      <c r="T16" s="280">
        <v>69</v>
      </c>
      <c r="U16" s="280">
        <v>32</v>
      </c>
      <c r="V16" s="280">
        <v>24</v>
      </c>
      <c r="W16" s="277">
        <v>183</v>
      </c>
      <c r="X16" s="282">
        <v>183</v>
      </c>
    </row>
    <row r="17" spans="2:24" ht="21" customHeight="1" x14ac:dyDescent="0.2">
      <c r="B17" s="256" t="s">
        <v>15</v>
      </c>
      <c r="C17" s="280">
        <v>0</v>
      </c>
      <c r="D17" s="280">
        <v>0</v>
      </c>
      <c r="E17" s="277">
        <v>0</v>
      </c>
      <c r="F17" s="279">
        <v>0</v>
      </c>
      <c r="G17" s="280">
        <v>1234</v>
      </c>
      <c r="H17" s="280">
        <v>1337</v>
      </c>
      <c r="I17" s="280">
        <v>779</v>
      </c>
      <c r="J17" s="280">
        <v>362</v>
      </c>
      <c r="K17" s="280">
        <v>111</v>
      </c>
      <c r="L17" s="277">
        <v>3823</v>
      </c>
      <c r="M17" s="282">
        <v>3823</v>
      </c>
      <c r="N17" s="280">
        <v>0</v>
      </c>
      <c r="O17" s="280">
        <v>0</v>
      </c>
      <c r="P17" s="277">
        <v>0</v>
      </c>
      <c r="Q17" s="279">
        <v>0</v>
      </c>
      <c r="R17" s="280">
        <v>32</v>
      </c>
      <c r="S17" s="280">
        <v>41</v>
      </c>
      <c r="T17" s="280">
        <v>33</v>
      </c>
      <c r="U17" s="280">
        <v>15</v>
      </c>
      <c r="V17" s="280">
        <v>40</v>
      </c>
      <c r="W17" s="277">
        <v>161</v>
      </c>
      <c r="X17" s="282">
        <v>161</v>
      </c>
    </row>
    <row r="18" spans="2:24" ht="21" customHeight="1" x14ac:dyDescent="0.2">
      <c r="B18" s="256" t="s">
        <v>16</v>
      </c>
      <c r="C18" s="280">
        <v>0</v>
      </c>
      <c r="D18" s="280">
        <v>0</v>
      </c>
      <c r="E18" s="277">
        <v>0</v>
      </c>
      <c r="F18" s="279">
        <v>0</v>
      </c>
      <c r="G18" s="280">
        <v>1345</v>
      </c>
      <c r="H18" s="280">
        <v>1454</v>
      </c>
      <c r="I18" s="280">
        <v>1053</v>
      </c>
      <c r="J18" s="280">
        <v>427</v>
      </c>
      <c r="K18" s="280">
        <v>342</v>
      </c>
      <c r="L18" s="277">
        <v>4621</v>
      </c>
      <c r="M18" s="282">
        <v>4621</v>
      </c>
      <c r="N18" s="280">
        <v>0</v>
      </c>
      <c r="O18" s="280">
        <v>0</v>
      </c>
      <c r="P18" s="277">
        <v>0</v>
      </c>
      <c r="Q18" s="279">
        <v>0</v>
      </c>
      <c r="R18" s="280">
        <v>18</v>
      </c>
      <c r="S18" s="280">
        <v>99</v>
      </c>
      <c r="T18" s="280">
        <v>81</v>
      </c>
      <c r="U18" s="280">
        <v>26</v>
      </c>
      <c r="V18" s="280">
        <v>49</v>
      </c>
      <c r="W18" s="277">
        <v>273</v>
      </c>
      <c r="X18" s="282">
        <v>273</v>
      </c>
    </row>
    <row r="19" spans="2:24" ht="21" customHeight="1" x14ac:dyDescent="0.2">
      <c r="B19" s="256" t="s">
        <v>17</v>
      </c>
      <c r="C19" s="280">
        <v>0</v>
      </c>
      <c r="D19" s="280">
        <v>0</v>
      </c>
      <c r="E19" s="277">
        <v>0</v>
      </c>
      <c r="F19" s="279">
        <v>0</v>
      </c>
      <c r="G19" s="280">
        <v>2046</v>
      </c>
      <c r="H19" s="280">
        <v>2685</v>
      </c>
      <c r="I19" s="280">
        <v>1756</v>
      </c>
      <c r="J19" s="280">
        <v>1295</v>
      </c>
      <c r="K19" s="280">
        <v>686</v>
      </c>
      <c r="L19" s="277">
        <v>8468</v>
      </c>
      <c r="M19" s="282">
        <v>8468</v>
      </c>
      <c r="N19" s="280">
        <v>4</v>
      </c>
      <c r="O19" s="280">
        <v>12</v>
      </c>
      <c r="P19" s="277">
        <v>16</v>
      </c>
      <c r="Q19" s="279">
        <v>0</v>
      </c>
      <c r="R19" s="280">
        <v>206</v>
      </c>
      <c r="S19" s="280">
        <v>203</v>
      </c>
      <c r="T19" s="280">
        <v>178</v>
      </c>
      <c r="U19" s="280">
        <v>169</v>
      </c>
      <c r="V19" s="280">
        <v>47</v>
      </c>
      <c r="W19" s="277">
        <v>803</v>
      </c>
      <c r="X19" s="282">
        <v>819</v>
      </c>
    </row>
    <row r="20" spans="2:24" ht="21" customHeight="1" x14ac:dyDescent="0.2">
      <c r="B20" s="256" t="s">
        <v>18</v>
      </c>
      <c r="C20" s="280">
        <v>0</v>
      </c>
      <c r="D20" s="280">
        <v>0</v>
      </c>
      <c r="E20" s="277">
        <v>0</v>
      </c>
      <c r="F20" s="279">
        <v>0</v>
      </c>
      <c r="G20" s="280">
        <v>2306</v>
      </c>
      <c r="H20" s="280">
        <v>1864</v>
      </c>
      <c r="I20" s="280">
        <v>1046</v>
      </c>
      <c r="J20" s="280">
        <v>444</v>
      </c>
      <c r="K20" s="280">
        <v>146</v>
      </c>
      <c r="L20" s="277">
        <v>5806</v>
      </c>
      <c r="M20" s="282">
        <v>5806</v>
      </c>
      <c r="N20" s="280">
        <v>0</v>
      </c>
      <c r="O20" s="280">
        <v>0</v>
      </c>
      <c r="P20" s="277">
        <v>0</v>
      </c>
      <c r="Q20" s="279">
        <v>0</v>
      </c>
      <c r="R20" s="280">
        <v>115</v>
      </c>
      <c r="S20" s="280">
        <v>43</v>
      </c>
      <c r="T20" s="280">
        <v>244</v>
      </c>
      <c r="U20" s="280">
        <v>150</v>
      </c>
      <c r="V20" s="280">
        <v>112</v>
      </c>
      <c r="W20" s="277">
        <v>664</v>
      </c>
      <c r="X20" s="282">
        <v>664</v>
      </c>
    </row>
    <row r="21" spans="2:24" ht="21" customHeight="1" x14ac:dyDescent="0.2">
      <c r="B21" s="256" t="s">
        <v>19</v>
      </c>
      <c r="C21" s="280">
        <v>0</v>
      </c>
      <c r="D21" s="280">
        <v>0</v>
      </c>
      <c r="E21" s="277">
        <v>0</v>
      </c>
      <c r="F21" s="279">
        <v>0</v>
      </c>
      <c r="G21" s="280">
        <v>1075</v>
      </c>
      <c r="H21" s="280">
        <v>887</v>
      </c>
      <c r="I21" s="280">
        <v>531</v>
      </c>
      <c r="J21" s="280">
        <v>356</v>
      </c>
      <c r="K21" s="280">
        <v>147</v>
      </c>
      <c r="L21" s="277">
        <v>2996</v>
      </c>
      <c r="M21" s="282">
        <v>2996</v>
      </c>
      <c r="N21" s="280">
        <v>0</v>
      </c>
      <c r="O21" s="280">
        <v>0</v>
      </c>
      <c r="P21" s="277">
        <v>0</v>
      </c>
      <c r="Q21" s="279">
        <v>0</v>
      </c>
      <c r="R21" s="280">
        <v>120</v>
      </c>
      <c r="S21" s="280">
        <v>190</v>
      </c>
      <c r="T21" s="280">
        <v>261</v>
      </c>
      <c r="U21" s="280">
        <v>7</v>
      </c>
      <c r="V21" s="280">
        <v>21</v>
      </c>
      <c r="W21" s="277">
        <v>599</v>
      </c>
      <c r="X21" s="282">
        <v>599</v>
      </c>
    </row>
    <row r="22" spans="2:24" ht="21" customHeight="1" x14ac:dyDescent="0.2">
      <c r="B22" s="256" t="s">
        <v>20</v>
      </c>
      <c r="C22" s="280">
        <v>0</v>
      </c>
      <c r="D22" s="280">
        <v>0</v>
      </c>
      <c r="E22" s="277">
        <v>0</v>
      </c>
      <c r="F22" s="279">
        <v>0</v>
      </c>
      <c r="G22" s="280">
        <v>1466</v>
      </c>
      <c r="H22" s="280">
        <v>674</v>
      </c>
      <c r="I22" s="280">
        <v>620</v>
      </c>
      <c r="J22" s="280">
        <v>206</v>
      </c>
      <c r="K22" s="280">
        <v>21</v>
      </c>
      <c r="L22" s="277">
        <v>2987</v>
      </c>
      <c r="M22" s="282">
        <v>2987</v>
      </c>
      <c r="N22" s="280">
        <v>0</v>
      </c>
      <c r="O22" s="280">
        <v>0</v>
      </c>
      <c r="P22" s="277">
        <v>0</v>
      </c>
      <c r="Q22" s="279">
        <v>0</v>
      </c>
      <c r="R22" s="280">
        <v>0</v>
      </c>
      <c r="S22" s="280">
        <v>16</v>
      </c>
      <c r="T22" s="280">
        <v>12</v>
      </c>
      <c r="U22" s="280">
        <v>0</v>
      </c>
      <c r="V22" s="280">
        <v>40</v>
      </c>
      <c r="W22" s="277">
        <v>68</v>
      </c>
      <c r="X22" s="282">
        <v>68</v>
      </c>
    </row>
    <row r="23" spans="2:24" ht="21" customHeight="1" x14ac:dyDescent="0.2">
      <c r="B23" s="256" t="s">
        <v>21</v>
      </c>
      <c r="C23" s="280">
        <v>0</v>
      </c>
      <c r="D23" s="280">
        <v>0</v>
      </c>
      <c r="E23" s="277">
        <v>0</v>
      </c>
      <c r="F23" s="279">
        <v>0</v>
      </c>
      <c r="G23" s="280">
        <v>1515</v>
      </c>
      <c r="H23" s="280">
        <v>1507</v>
      </c>
      <c r="I23" s="280">
        <v>784</v>
      </c>
      <c r="J23" s="280">
        <v>321</v>
      </c>
      <c r="K23" s="280">
        <v>121</v>
      </c>
      <c r="L23" s="277">
        <v>4248</v>
      </c>
      <c r="M23" s="282">
        <v>4248</v>
      </c>
      <c r="N23" s="280">
        <v>0</v>
      </c>
      <c r="O23" s="280">
        <v>0</v>
      </c>
      <c r="P23" s="277">
        <v>0</v>
      </c>
      <c r="Q23" s="279">
        <v>0</v>
      </c>
      <c r="R23" s="280">
        <v>0</v>
      </c>
      <c r="S23" s="280">
        <v>0</v>
      </c>
      <c r="T23" s="280">
        <v>11</v>
      </c>
      <c r="U23" s="280">
        <v>0</v>
      </c>
      <c r="V23" s="280">
        <v>1</v>
      </c>
      <c r="W23" s="277">
        <v>12</v>
      </c>
      <c r="X23" s="282">
        <v>12</v>
      </c>
    </row>
    <row r="24" spans="2:24" ht="21" customHeight="1" x14ac:dyDescent="0.2">
      <c r="B24" s="256" t="s">
        <v>22</v>
      </c>
      <c r="C24" s="280">
        <v>0</v>
      </c>
      <c r="D24" s="280">
        <v>0</v>
      </c>
      <c r="E24" s="277">
        <v>0</v>
      </c>
      <c r="F24" s="279">
        <v>0</v>
      </c>
      <c r="G24" s="280">
        <v>1111</v>
      </c>
      <c r="H24" s="280">
        <v>932</v>
      </c>
      <c r="I24" s="280">
        <v>303</v>
      </c>
      <c r="J24" s="280">
        <v>415</v>
      </c>
      <c r="K24" s="280">
        <v>100</v>
      </c>
      <c r="L24" s="277">
        <v>2861</v>
      </c>
      <c r="M24" s="282">
        <v>2861</v>
      </c>
      <c r="N24" s="280">
        <v>0</v>
      </c>
      <c r="O24" s="280">
        <v>0</v>
      </c>
      <c r="P24" s="277">
        <v>0</v>
      </c>
      <c r="Q24" s="279">
        <v>0</v>
      </c>
      <c r="R24" s="280">
        <v>39</v>
      </c>
      <c r="S24" s="280">
        <v>48</v>
      </c>
      <c r="T24" s="280">
        <v>21</v>
      </c>
      <c r="U24" s="280">
        <v>48</v>
      </c>
      <c r="V24" s="280">
        <v>11</v>
      </c>
      <c r="W24" s="277">
        <v>167</v>
      </c>
      <c r="X24" s="282">
        <v>167</v>
      </c>
    </row>
    <row r="25" spans="2:24" ht="21" customHeight="1" x14ac:dyDescent="0.2">
      <c r="B25" s="256" t="s">
        <v>23</v>
      </c>
      <c r="C25" s="280">
        <v>0</v>
      </c>
      <c r="D25" s="280">
        <v>0</v>
      </c>
      <c r="E25" s="277">
        <v>0</v>
      </c>
      <c r="F25" s="279">
        <v>0</v>
      </c>
      <c r="G25" s="280">
        <v>522</v>
      </c>
      <c r="H25" s="280">
        <v>386</v>
      </c>
      <c r="I25" s="280">
        <v>238</v>
      </c>
      <c r="J25" s="280">
        <v>127</v>
      </c>
      <c r="K25" s="280">
        <v>99</v>
      </c>
      <c r="L25" s="277">
        <v>1372</v>
      </c>
      <c r="M25" s="282">
        <v>1372</v>
      </c>
      <c r="N25" s="280">
        <v>0</v>
      </c>
      <c r="O25" s="280">
        <v>0</v>
      </c>
      <c r="P25" s="277">
        <v>0</v>
      </c>
      <c r="Q25" s="279">
        <v>0</v>
      </c>
      <c r="R25" s="280">
        <v>0</v>
      </c>
      <c r="S25" s="280">
        <v>0</v>
      </c>
      <c r="T25" s="280">
        <v>24</v>
      </c>
      <c r="U25" s="280">
        <v>23</v>
      </c>
      <c r="V25" s="280">
        <v>11</v>
      </c>
      <c r="W25" s="277">
        <v>58</v>
      </c>
      <c r="X25" s="282">
        <v>58</v>
      </c>
    </row>
    <row r="26" spans="2:24" ht="21" customHeight="1" x14ac:dyDescent="0.2">
      <c r="B26" s="256" t="s">
        <v>24</v>
      </c>
      <c r="C26" s="280">
        <v>0</v>
      </c>
      <c r="D26" s="280">
        <v>0</v>
      </c>
      <c r="E26" s="277">
        <v>0</v>
      </c>
      <c r="F26" s="279">
        <v>0</v>
      </c>
      <c r="G26" s="280">
        <v>217</v>
      </c>
      <c r="H26" s="280">
        <v>161</v>
      </c>
      <c r="I26" s="280">
        <v>153</v>
      </c>
      <c r="J26" s="280">
        <v>40</v>
      </c>
      <c r="K26" s="280">
        <v>12</v>
      </c>
      <c r="L26" s="277">
        <v>583</v>
      </c>
      <c r="M26" s="282">
        <v>583</v>
      </c>
      <c r="N26" s="280">
        <v>0</v>
      </c>
      <c r="O26" s="280">
        <v>0</v>
      </c>
      <c r="P26" s="277">
        <v>0</v>
      </c>
      <c r="Q26" s="279">
        <v>0</v>
      </c>
      <c r="R26" s="280">
        <v>80</v>
      </c>
      <c r="S26" s="280">
        <v>23</v>
      </c>
      <c r="T26" s="280">
        <v>60</v>
      </c>
      <c r="U26" s="280">
        <v>13</v>
      </c>
      <c r="V26" s="280">
        <v>12</v>
      </c>
      <c r="W26" s="277">
        <v>188</v>
      </c>
      <c r="X26" s="282">
        <v>188</v>
      </c>
    </row>
    <row r="27" spans="2:24" ht="21" customHeight="1" x14ac:dyDescent="0.2">
      <c r="B27" s="256" t="s">
        <v>25</v>
      </c>
      <c r="C27" s="280">
        <v>0</v>
      </c>
      <c r="D27" s="280">
        <v>0</v>
      </c>
      <c r="E27" s="277">
        <v>0</v>
      </c>
      <c r="F27" s="279">
        <v>0</v>
      </c>
      <c r="G27" s="280">
        <v>742</v>
      </c>
      <c r="H27" s="280">
        <v>259</v>
      </c>
      <c r="I27" s="280">
        <v>183</v>
      </c>
      <c r="J27" s="280">
        <v>45</v>
      </c>
      <c r="K27" s="280">
        <v>5</v>
      </c>
      <c r="L27" s="277">
        <v>1234</v>
      </c>
      <c r="M27" s="282">
        <v>1234</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98</v>
      </c>
      <c r="H28" s="280">
        <v>470</v>
      </c>
      <c r="I28" s="280">
        <v>274</v>
      </c>
      <c r="J28" s="280">
        <v>37</v>
      </c>
      <c r="K28" s="280">
        <v>89</v>
      </c>
      <c r="L28" s="277">
        <v>1268</v>
      </c>
      <c r="M28" s="282">
        <v>1268</v>
      </c>
      <c r="N28" s="280">
        <v>0</v>
      </c>
      <c r="O28" s="280">
        <v>0</v>
      </c>
      <c r="P28" s="277">
        <v>0</v>
      </c>
      <c r="Q28" s="279">
        <v>0</v>
      </c>
      <c r="R28" s="280">
        <v>18</v>
      </c>
      <c r="S28" s="280">
        <v>22</v>
      </c>
      <c r="T28" s="280">
        <v>32</v>
      </c>
      <c r="U28" s="280">
        <v>41</v>
      </c>
      <c r="V28" s="280">
        <v>8</v>
      </c>
      <c r="W28" s="277">
        <v>121</v>
      </c>
      <c r="X28" s="282">
        <v>121</v>
      </c>
    </row>
    <row r="29" spans="2:24" ht="21" customHeight="1" x14ac:dyDescent="0.2">
      <c r="B29" s="256" t="s">
        <v>27</v>
      </c>
      <c r="C29" s="280">
        <v>0</v>
      </c>
      <c r="D29" s="280">
        <v>0</v>
      </c>
      <c r="E29" s="277">
        <v>0</v>
      </c>
      <c r="F29" s="279">
        <v>0</v>
      </c>
      <c r="G29" s="280">
        <v>272</v>
      </c>
      <c r="H29" s="280">
        <v>122</v>
      </c>
      <c r="I29" s="280">
        <v>72</v>
      </c>
      <c r="J29" s="280">
        <v>25</v>
      </c>
      <c r="K29" s="280">
        <v>0</v>
      </c>
      <c r="L29" s="277">
        <v>491</v>
      </c>
      <c r="M29" s="282">
        <v>491</v>
      </c>
      <c r="N29" s="280">
        <v>0</v>
      </c>
      <c r="O29" s="280">
        <v>0</v>
      </c>
      <c r="P29" s="277">
        <v>0</v>
      </c>
      <c r="Q29" s="279">
        <v>0</v>
      </c>
      <c r="R29" s="280">
        <v>26</v>
      </c>
      <c r="S29" s="280">
        <v>0</v>
      </c>
      <c r="T29" s="280">
        <v>16</v>
      </c>
      <c r="U29" s="280">
        <v>25</v>
      </c>
      <c r="V29" s="280">
        <v>24</v>
      </c>
      <c r="W29" s="277">
        <v>91</v>
      </c>
      <c r="X29" s="282">
        <v>91</v>
      </c>
    </row>
    <row r="30" spans="2:24" ht="21" customHeight="1" x14ac:dyDescent="0.2">
      <c r="B30" s="256" t="s">
        <v>28</v>
      </c>
      <c r="C30" s="280">
        <v>0</v>
      </c>
      <c r="D30" s="280">
        <v>0</v>
      </c>
      <c r="E30" s="277">
        <v>0</v>
      </c>
      <c r="F30" s="279">
        <v>0</v>
      </c>
      <c r="G30" s="280">
        <v>181</v>
      </c>
      <c r="H30" s="280">
        <v>124</v>
      </c>
      <c r="I30" s="280">
        <v>12</v>
      </c>
      <c r="J30" s="280">
        <v>17</v>
      </c>
      <c r="K30" s="280">
        <v>8</v>
      </c>
      <c r="L30" s="277">
        <v>342</v>
      </c>
      <c r="M30" s="282">
        <v>342</v>
      </c>
      <c r="N30" s="280">
        <v>0</v>
      </c>
      <c r="O30" s="280">
        <v>0</v>
      </c>
      <c r="P30" s="277">
        <v>0</v>
      </c>
      <c r="Q30" s="279">
        <v>0</v>
      </c>
      <c r="R30" s="280">
        <v>11</v>
      </c>
      <c r="S30" s="280">
        <v>9</v>
      </c>
      <c r="T30" s="280">
        <v>20</v>
      </c>
      <c r="U30" s="280">
        <v>0</v>
      </c>
      <c r="V30" s="280">
        <v>3</v>
      </c>
      <c r="W30" s="277">
        <v>43</v>
      </c>
      <c r="X30" s="282">
        <v>43</v>
      </c>
    </row>
    <row r="31" spans="2:24" ht="21" customHeight="1" x14ac:dyDescent="0.2">
      <c r="B31" s="256" t="s">
        <v>29</v>
      </c>
      <c r="C31" s="280">
        <v>0</v>
      </c>
      <c r="D31" s="280">
        <v>0</v>
      </c>
      <c r="E31" s="277">
        <v>0</v>
      </c>
      <c r="F31" s="279">
        <v>0</v>
      </c>
      <c r="G31" s="280">
        <v>166</v>
      </c>
      <c r="H31" s="280">
        <v>153</v>
      </c>
      <c r="I31" s="280">
        <v>37</v>
      </c>
      <c r="J31" s="280">
        <v>43</v>
      </c>
      <c r="K31" s="280">
        <v>0</v>
      </c>
      <c r="L31" s="277">
        <v>399</v>
      </c>
      <c r="M31" s="282">
        <v>399</v>
      </c>
      <c r="N31" s="280">
        <v>0</v>
      </c>
      <c r="O31" s="280">
        <v>0</v>
      </c>
      <c r="P31" s="277">
        <v>0</v>
      </c>
      <c r="Q31" s="279">
        <v>0</v>
      </c>
      <c r="R31" s="280">
        <v>9</v>
      </c>
      <c r="S31" s="280">
        <v>0</v>
      </c>
      <c r="T31" s="280">
        <v>10</v>
      </c>
      <c r="U31" s="280">
        <v>5</v>
      </c>
      <c r="V31" s="280">
        <v>0</v>
      </c>
      <c r="W31" s="277">
        <v>24</v>
      </c>
      <c r="X31" s="282">
        <v>24</v>
      </c>
    </row>
    <row r="32" spans="2:24" ht="21" customHeight="1" x14ac:dyDescent="0.2">
      <c r="B32" s="256" t="s">
        <v>30</v>
      </c>
      <c r="C32" s="280">
        <v>0</v>
      </c>
      <c r="D32" s="280">
        <v>0</v>
      </c>
      <c r="E32" s="277">
        <v>0</v>
      </c>
      <c r="F32" s="279">
        <v>0</v>
      </c>
      <c r="G32" s="280">
        <v>178</v>
      </c>
      <c r="H32" s="280">
        <v>87</v>
      </c>
      <c r="I32" s="280">
        <v>91</v>
      </c>
      <c r="J32" s="280">
        <v>53</v>
      </c>
      <c r="K32" s="280">
        <v>0</v>
      </c>
      <c r="L32" s="277">
        <v>409</v>
      </c>
      <c r="M32" s="282">
        <v>409</v>
      </c>
      <c r="N32" s="280">
        <v>5</v>
      </c>
      <c r="O32" s="280">
        <v>0</v>
      </c>
      <c r="P32" s="277">
        <v>5</v>
      </c>
      <c r="Q32" s="279">
        <v>0</v>
      </c>
      <c r="R32" s="280">
        <v>17</v>
      </c>
      <c r="S32" s="280">
        <v>18</v>
      </c>
      <c r="T32" s="280">
        <v>11</v>
      </c>
      <c r="U32" s="280">
        <v>0</v>
      </c>
      <c r="V32" s="280">
        <v>0</v>
      </c>
      <c r="W32" s="277">
        <v>46</v>
      </c>
      <c r="X32" s="282">
        <v>51</v>
      </c>
    </row>
    <row r="33" spans="2:24" ht="21" customHeight="1" x14ac:dyDescent="0.2">
      <c r="B33" s="256" t="s">
        <v>31</v>
      </c>
      <c r="C33" s="280">
        <v>0</v>
      </c>
      <c r="D33" s="280">
        <v>0</v>
      </c>
      <c r="E33" s="277">
        <v>0</v>
      </c>
      <c r="F33" s="279">
        <v>0</v>
      </c>
      <c r="G33" s="280">
        <v>251</v>
      </c>
      <c r="H33" s="280">
        <v>96</v>
      </c>
      <c r="I33" s="280">
        <v>72</v>
      </c>
      <c r="J33" s="280">
        <v>7</v>
      </c>
      <c r="K33" s="280">
        <v>0</v>
      </c>
      <c r="L33" s="277">
        <v>426</v>
      </c>
      <c r="M33" s="282">
        <v>426</v>
      </c>
      <c r="N33" s="280">
        <v>0</v>
      </c>
      <c r="O33" s="280">
        <v>0</v>
      </c>
      <c r="P33" s="277">
        <v>0</v>
      </c>
      <c r="Q33" s="279">
        <v>0</v>
      </c>
      <c r="R33" s="280">
        <v>0</v>
      </c>
      <c r="S33" s="280">
        <v>0</v>
      </c>
      <c r="T33" s="280">
        <v>0</v>
      </c>
      <c r="U33" s="280">
        <v>16</v>
      </c>
      <c r="V33" s="280">
        <v>18</v>
      </c>
      <c r="W33" s="277">
        <v>34</v>
      </c>
      <c r="X33" s="282">
        <v>34</v>
      </c>
    </row>
    <row r="34" spans="2:24" ht="21" customHeight="1" x14ac:dyDescent="0.2">
      <c r="B34" s="256" t="s">
        <v>32</v>
      </c>
      <c r="C34" s="280">
        <v>0</v>
      </c>
      <c r="D34" s="280">
        <v>0</v>
      </c>
      <c r="E34" s="277">
        <v>0</v>
      </c>
      <c r="F34" s="279">
        <v>0</v>
      </c>
      <c r="G34" s="280">
        <v>322</v>
      </c>
      <c r="H34" s="280">
        <v>291</v>
      </c>
      <c r="I34" s="280">
        <v>104</v>
      </c>
      <c r="J34" s="280">
        <v>18</v>
      </c>
      <c r="K34" s="280">
        <v>18</v>
      </c>
      <c r="L34" s="277">
        <v>753</v>
      </c>
      <c r="M34" s="282">
        <v>753</v>
      </c>
      <c r="N34" s="280">
        <v>0</v>
      </c>
      <c r="O34" s="280">
        <v>0</v>
      </c>
      <c r="P34" s="277">
        <v>0</v>
      </c>
      <c r="Q34" s="279">
        <v>0</v>
      </c>
      <c r="R34" s="280">
        <v>34</v>
      </c>
      <c r="S34" s="280">
        <v>9</v>
      </c>
      <c r="T34" s="280">
        <v>27</v>
      </c>
      <c r="U34" s="280">
        <v>0</v>
      </c>
      <c r="V34" s="280">
        <v>12</v>
      </c>
      <c r="W34" s="277">
        <v>82</v>
      </c>
      <c r="X34" s="282">
        <v>82</v>
      </c>
    </row>
    <row r="35" spans="2:24" ht="21" customHeight="1" x14ac:dyDescent="0.2">
      <c r="B35" s="256" t="s">
        <v>33</v>
      </c>
      <c r="C35" s="280">
        <v>0</v>
      </c>
      <c r="D35" s="280">
        <v>0</v>
      </c>
      <c r="E35" s="277">
        <v>0</v>
      </c>
      <c r="F35" s="279">
        <v>0</v>
      </c>
      <c r="G35" s="280">
        <v>207</v>
      </c>
      <c r="H35" s="280">
        <v>104</v>
      </c>
      <c r="I35" s="280">
        <v>69</v>
      </c>
      <c r="J35" s="280">
        <v>0</v>
      </c>
      <c r="K35" s="280">
        <v>16</v>
      </c>
      <c r="L35" s="277">
        <v>396</v>
      </c>
      <c r="M35" s="282">
        <v>396</v>
      </c>
      <c r="N35" s="280">
        <v>0</v>
      </c>
      <c r="O35" s="280">
        <v>0</v>
      </c>
      <c r="P35" s="277">
        <v>0</v>
      </c>
      <c r="Q35" s="279">
        <v>0</v>
      </c>
      <c r="R35" s="280">
        <v>0</v>
      </c>
      <c r="S35" s="280">
        <v>0</v>
      </c>
      <c r="T35" s="280">
        <v>18</v>
      </c>
      <c r="U35" s="280">
        <v>0</v>
      </c>
      <c r="V35" s="280">
        <v>0</v>
      </c>
      <c r="W35" s="277">
        <v>18</v>
      </c>
      <c r="X35" s="282">
        <v>18</v>
      </c>
    </row>
    <row r="36" spans="2:24" ht="21" customHeight="1" x14ac:dyDescent="0.2">
      <c r="B36" s="256" t="s">
        <v>34</v>
      </c>
      <c r="C36" s="280">
        <v>0</v>
      </c>
      <c r="D36" s="280">
        <v>0</v>
      </c>
      <c r="E36" s="277">
        <v>0</v>
      </c>
      <c r="F36" s="279">
        <v>0</v>
      </c>
      <c r="G36" s="280">
        <v>116</v>
      </c>
      <c r="H36" s="280">
        <v>59</v>
      </c>
      <c r="I36" s="280">
        <v>29</v>
      </c>
      <c r="J36" s="280">
        <v>12</v>
      </c>
      <c r="K36" s="280">
        <v>4</v>
      </c>
      <c r="L36" s="277">
        <v>220</v>
      </c>
      <c r="M36" s="282">
        <v>220</v>
      </c>
      <c r="N36" s="280">
        <v>0</v>
      </c>
      <c r="O36" s="280">
        <v>0</v>
      </c>
      <c r="P36" s="277">
        <v>0</v>
      </c>
      <c r="Q36" s="279">
        <v>0</v>
      </c>
      <c r="R36" s="280">
        <v>0</v>
      </c>
      <c r="S36" s="280">
        <v>0</v>
      </c>
      <c r="T36" s="280">
        <v>0</v>
      </c>
      <c r="U36" s="280">
        <v>0</v>
      </c>
      <c r="V36" s="280">
        <v>7</v>
      </c>
      <c r="W36" s="277">
        <v>7</v>
      </c>
      <c r="X36" s="282">
        <v>7</v>
      </c>
    </row>
    <row r="37" spans="2:24" ht="21" customHeight="1" x14ac:dyDescent="0.2">
      <c r="B37" s="256" t="s">
        <v>35</v>
      </c>
      <c r="C37" s="280">
        <v>0</v>
      </c>
      <c r="D37" s="280">
        <v>0</v>
      </c>
      <c r="E37" s="277">
        <v>0</v>
      </c>
      <c r="F37" s="279">
        <v>0</v>
      </c>
      <c r="G37" s="280">
        <v>206</v>
      </c>
      <c r="H37" s="280">
        <v>302</v>
      </c>
      <c r="I37" s="280">
        <v>212</v>
      </c>
      <c r="J37" s="280">
        <v>150</v>
      </c>
      <c r="K37" s="280">
        <v>99</v>
      </c>
      <c r="L37" s="277">
        <v>969</v>
      </c>
      <c r="M37" s="282">
        <v>969</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72</v>
      </c>
      <c r="H38" s="280">
        <v>467</v>
      </c>
      <c r="I38" s="280">
        <v>437</v>
      </c>
      <c r="J38" s="280">
        <v>285</v>
      </c>
      <c r="K38" s="280">
        <v>210</v>
      </c>
      <c r="L38" s="277">
        <v>1871</v>
      </c>
      <c r="M38" s="282">
        <v>1871</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111</v>
      </c>
      <c r="H39" s="287">
        <v>89</v>
      </c>
      <c r="I39" s="287">
        <v>106</v>
      </c>
      <c r="J39" s="287">
        <v>0</v>
      </c>
      <c r="K39" s="287">
        <v>28</v>
      </c>
      <c r="L39" s="284">
        <v>334</v>
      </c>
      <c r="M39" s="289">
        <v>334</v>
      </c>
      <c r="N39" s="287">
        <v>0</v>
      </c>
      <c r="O39" s="287">
        <v>0</v>
      </c>
      <c r="P39" s="284">
        <v>0</v>
      </c>
      <c r="Q39" s="286">
        <v>0</v>
      </c>
      <c r="R39" s="287">
        <v>4</v>
      </c>
      <c r="S39" s="287">
        <v>0</v>
      </c>
      <c r="T39" s="287">
        <v>0</v>
      </c>
      <c r="U39" s="287">
        <v>19</v>
      </c>
      <c r="V39" s="287">
        <v>16</v>
      </c>
      <c r="W39" s="284">
        <v>39</v>
      </c>
      <c r="X39" s="289">
        <v>39</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4">
        <f>第１表!F2</f>
        <v>5</v>
      </c>
      <c r="I1" s="524"/>
      <c r="J1" s="248">
        <f>第１表!G2</f>
        <v>5</v>
      </c>
      <c r="K1" s="529">
        <f>IF(J1&lt;3,J1+12-2,J1-2)</f>
        <v>3</v>
      </c>
      <c r="L1" s="529"/>
    </row>
    <row r="2" spans="2:24" ht="24" customHeight="1" thickBot="1" x14ac:dyDescent="0.25">
      <c r="B2" s="290" t="s">
        <v>135</v>
      </c>
    </row>
    <row r="3" spans="2:24" ht="21"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7351</v>
      </c>
      <c r="H6" s="273">
        <v>6130</v>
      </c>
      <c r="I6" s="273">
        <v>3604</v>
      </c>
      <c r="J6" s="273">
        <v>1435</v>
      </c>
      <c r="K6" s="273">
        <v>605</v>
      </c>
      <c r="L6" s="270">
        <v>19125</v>
      </c>
      <c r="M6" s="275">
        <v>19125</v>
      </c>
      <c r="N6" s="273">
        <v>5</v>
      </c>
      <c r="O6" s="273">
        <v>0</v>
      </c>
      <c r="P6" s="270">
        <v>5</v>
      </c>
      <c r="Q6" s="272">
        <v>0</v>
      </c>
      <c r="R6" s="273">
        <v>695</v>
      </c>
      <c r="S6" s="273">
        <v>725</v>
      </c>
      <c r="T6" s="273">
        <v>788</v>
      </c>
      <c r="U6" s="273">
        <v>339</v>
      </c>
      <c r="V6" s="273">
        <v>220</v>
      </c>
      <c r="W6" s="270">
        <v>2767</v>
      </c>
      <c r="X6" s="275">
        <v>2772</v>
      </c>
    </row>
    <row r="7" spans="2:24" ht="21" customHeight="1" x14ac:dyDescent="0.2">
      <c r="B7" s="256" t="s">
        <v>5</v>
      </c>
      <c r="C7" s="280">
        <v>0</v>
      </c>
      <c r="D7" s="280">
        <v>0</v>
      </c>
      <c r="E7" s="277">
        <v>0</v>
      </c>
      <c r="F7" s="279">
        <v>0</v>
      </c>
      <c r="G7" s="280">
        <v>2874</v>
      </c>
      <c r="H7" s="280">
        <v>3004</v>
      </c>
      <c r="I7" s="280">
        <v>1652</v>
      </c>
      <c r="J7" s="280">
        <v>770</v>
      </c>
      <c r="K7" s="280">
        <v>307</v>
      </c>
      <c r="L7" s="277">
        <v>8607</v>
      </c>
      <c r="M7" s="282">
        <v>8607</v>
      </c>
      <c r="N7" s="280">
        <v>0</v>
      </c>
      <c r="O7" s="280">
        <v>0</v>
      </c>
      <c r="P7" s="277">
        <v>0</v>
      </c>
      <c r="Q7" s="279">
        <v>0</v>
      </c>
      <c r="R7" s="280">
        <v>341</v>
      </c>
      <c r="S7" s="280">
        <v>344</v>
      </c>
      <c r="T7" s="280">
        <v>540</v>
      </c>
      <c r="U7" s="280">
        <v>181</v>
      </c>
      <c r="V7" s="280">
        <v>112</v>
      </c>
      <c r="W7" s="277">
        <v>1518</v>
      </c>
      <c r="X7" s="282">
        <v>1518</v>
      </c>
    </row>
    <row r="8" spans="2:24" ht="21" customHeight="1" x14ac:dyDescent="0.2">
      <c r="B8" s="256" t="s">
        <v>6</v>
      </c>
      <c r="C8" s="280">
        <v>0</v>
      </c>
      <c r="D8" s="280">
        <v>0</v>
      </c>
      <c r="E8" s="277">
        <v>0</v>
      </c>
      <c r="F8" s="279">
        <v>0</v>
      </c>
      <c r="G8" s="280">
        <v>788</v>
      </c>
      <c r="H8" s="280">
        <v>490</v>
      </c>
      <c r="I8" s="280">
        <v>352</v>
      </c>
      <c r="J8" s="280">
        <v>207</v>
      </c>
      <c r="K8" s="280">
        <v>37</v>
      </c>
      <c r="L8" s="277">
        <v>1874</v>
      </c>
      <c r="M8" s="282">
        <v>1874</v>
      </c>
      <c r="N8" s="280">
        <v>0</v>
      </c>
      <c r="O8" s="280">
        <v>0</v>
      </c>
      <c r="P8" s="277">
        <v>0</v>
      </c>
      <c r="Q8" s="279">
        <v>0</v>
      </c>
      <c r="R8" s="280">
        <v>168</v>
      </c>
      <c r="S8" s="280">
        <v>113</v>
      </c>
      <c r="T8" s="280">
        <v>87</v>
      </c>
      <c r="U8" s="280">
        <v>35</v>
      </c>
      <c r="V8" s="280">
        <v>65</v>
      </c>
      <c r="W8" s="277">
        <v>468</v>
      </c>
      <c r="X8" s="282">
        <v>468</v>
      </c>
    </row>
    <row r="9" spans="2:24" ht="21" customHeight="1" x14ac:dyDescent="0.2">
      <c r="B9" s="256" t="s">
        <v>14</v>
      </c>
      <c r="C9" s="280">
        <v>0</v>
      </c>
      <c r="D9" s="280">
        <v>0</v>
      </c>
      <c r="E9" s="277">
        <v>0</v>
      </c>
      <c r="F9" s="279">
        <v>0</v>
      </c>
      <c r="G9" s="280">
        <v>602</v>
      </c>
      <c r="H9" s="280">
        <v>579</v>
      </c>
      <c r="I9" s="280">
        <v>375</v>
      </c>
      <c r="J9" s="280">
        <v>72</v>
      </c>
      <c r="K9" s="280">
        <v>67</v>
      </c>
      <c r="L9" s="277">
        <v>1695</v>
      </c>
      <c r="M9" s="282">
        <v>1695</v>
      </c>
      <c r="N9" s="280">
        <v>0</v>
      </c>
      <c r="O9" s="280">
        <v>0</v>
      </c>
      <c r="P9" s="277">
        <v>0</v>
      </c>
      <c r="Q9" s="279">
        <v>0</v>
      </c>
      <c r="R9" s="280">
        <v>17</v>
      </c>
      <c r="S9" s="280">
        <v>31</v>
      </c>
      <c r="T9" s="280">
        <v>10</v>
      </c>
      <c r="U9" s="280">
        <v>0</v>
      </c>
      <c r="V9" s="280">
        <v>0</v>
      </c>
      <c r="W9" s="277">
        <v>58</v>
      </c>
      <c r="X9" s="282">
        <v>58</v>
      </c>
    </row>
    <row r="10" spans="2:24" ht="21" customHeight="1" x14ac:dyDescent="0.2">
      <c r="B10" s="256" t="s">
        <v>7</v>
      </c>
      <c r="C10" s="280">
        <v>0</v>
      </c>
      <c r="D10" s="280">
        <v>0</v>
      </c>
      <c r="E10" s="277">
        <v>0</v>
      </c>
      <c r="F10" s="279">
        <v>0</v>
      </c>
      <c r="G10" s="280">
        <v>651</v>
      </c>
      <c r="H10" s="280">
        <v>396</v>
      </c>
      <c r="I10" s="280">
        <v>232</v>
      </c>
      <c r="J10" s="280">
        <v>31</v>
      </c>
      <c r="K10" s="280">
        <v>14</v>
      </c>
      <c r="L10" s="277">
        <v>1324</v>
      </c>
      <c r="M10" s="282">
        <v>1324</v>
      </c>
      <c r="N10" s="280">
        <v>0</v>
      </c>
      <c r="O10" s="280">
        <v>0</v>
      </c>
      <c r="P10" s="277">
        <v>0</v>
      </c>
      <c r="Q10" s="279">
        <v>0</v>
      </c>
      <c r="R10" s="280">
        <v>75</v>
      </c>
      <c r="S10" s="280">
        <v>119</v>
      </c>
      <c r="T10" s="280">
        <v>49</v>
      </c>
      <c r="U10" s="280">
        <v>30</v>
      </c>
      <c r="V10" s="280">
        <v>21</v>
      </c>
      <c r="W10" s="277">
        <v>294</v>
      </c>
      <c r="X10" s="282">
        <v>294</v>
      </c>
    </row>
    <row r="11" spans="2:24" ht="21" customHeight="1" x14ac:dyDescent="0.2">
      <c r="B11" s="256" t="s">
        <v>8</v>
      </c>
      <c r="C11" s="280">
        <v>0</v>
      </c>
      <c r="D11" s="280">
        <v>0</v>
      </c>
      <c r="E11" s="277">
        <v>0</v>
      </c>
      <c r="F11" s="279">
        <v>0</v>
      </c>
      <c r="G11" s="280">
        <v>323</v>
      </c>
      <c r="H11" s="280">
        <v>198</v>
      </c>
      <c r="I11" s="280">
        <v>129</v>
      </c>
      <c r="J11" s="280">
        <v>32</v>
      </c>
      <c r="K11" s="280">
        <v>20</v>
      </c>
      <c r="L11" s="277">
        <v>702</v>
      </c>
      <c r="M11" s="282">
        <v>702</v>
      </c>
      <c r="N11" s="280">
        <v>0</v>
      </c>
      <c r="O11" s="280">
        <v>0</v>
      </c>
      <c r="P11" s="277">
        <v>0</v>
      </c>
      <c r="Q11" s="279">
        <v>0</v>
      </c>
      <c r="R11" s="280">
        <v>0</v>
      </c>
      <c r="S11" s="280">
        <v>0</v>
      </c>
      <c r="T11" s="280">
        <v>0</v>
      </c>
      <c r="U11" s="280">
        <v>0</v>
      </c>
      <c r="V11" s="280">
        <v>5</v>
      </c>
      <c r="W11" s="277">
        <v>5</v>
      </c>
      <c r="X11" s="282">
        <v>5</v>
      </c>
    </row>
    <row r="12" spans="2:24" ht="21" customHeight="1" x14ac:dyDescent="0.2">
      <c r="B12" s="256" t="s">
        <v>9</v>
      </c>
      <c r="C12" s="280">
        <v>0</v>
      </c>
      <c r="D12" s="280">
        <v>0</v>
      </c>
      <c r="E12" s="277">
        <v>0</v>
      </c>
      <c r="F12" s="279">
        <v>0</v>
      </c>
      <c r="G12" s="280">
        <v>424</v>
      </c>
      <c r="H12" s="280">
        <v>173</v>
      </c>
      <c r="I12" s="280">
        <v>174</v>
      </c>
      <c r="J12" s="280">
        <v>63</v>
      </c>
      <c r="K12" s="280">
        <v>31</v>
      </c>
      <c r="L12" s="277">
        <v>865</v>
      </c>
      <c r="M12" s="282">
        <v>865</v>
      </c>
      <c r="N12" s="280">
        <v>0</v>
      </c>
      <c r="O12" s="280">
        <v>0</v>
      </c>
      <c r="P12" s="277">
        <v>0</v>
      </c>
      <c r="Q12" s="279">
        <v>0</v>
      </c>
      <c r="R12" s="280">
        <v>0</v>
      </c>
      <c r="S12" s="280">
        <v>0</v>
      </c>
      <c r="T12" s="280">
        <v>13</v>
      </c>
      <c r="U12" s="280">
        <v>0</v>
      </c>
      <c r="V12" s="280">
        <v>0</v>
      </c>
      <c r="W12" s="277">
        <v>13</v>
      </c>
      <c r="X12" s="282">
        <v>13</v>
      </c>
    </row>
    <row r="13" spans="2:24" ht="21" customHeight="1" x14ac:dyDescent="0.2">
      <c r="B13" s="256" t="s">
        <v>10</v>
      </c>
      <c r="C13" s="280">
        <v>0</v>
      </c>
      <c r="D13" s="280">
        <v>0</v>
      </c>
      <c r="E13" s="277">
        <v>0</v>
      </c>
      <c r="F13" s="279">
        <v>0</v>
      </c>
      <c r="G13" s="280">
        <v>338</v>
      </c>
      <c r="H13" s="280">
        <v>186</v>
      </c>
      <c r="I13" s="280">
        <v>112</v>
      </c>
      <c r="J13" s="280">
        <v>42</v>
      </c>
      <c r="K13" s="280">
        <v>0</v>
      </c>
      <c r="L13" s="277">
        <v>678</v>
      </c>
      <c r="M13" s="282">
        <v>678</v>
      </c>
      <c r="N13" s="280">
        <v>0</v>
      </c>
      <c r="O13" s="280">
        <v>0</v>
      </c>
      <c r="P13" s="277">
        <v>0</v>
      </c>
      <c r="Q13" s="279">
        <v>0</v>
      </c>
      <c r="R13" s="280">
        <v>27</v>
      </c>
      <c r="S13" s="280">
        <v>10</v>
      </c>
      <c r="T13" s="280">
        <v>12</v>
      </c>
      <c r="U13" s="280">
        <v>29</v>
      </c>
      <c r="V13" s="280">
        <v>14</v>
      </c>
      <c r="W13" s="277">
        <v>92</v>
      </c>
      <c r="X13" s="282">
        <v>92</v>
      </c>
    </row>
    <row r="14" spans="2:24" ht="21" customHeight="1" x14ac:dyDescent="0.2">
      <c r="B14" s="256" t="s">
        <v>11</v>
      </c>
      <c r="C14" s="280">
        <v>0</v>
      </c>
      <c r="D14" s="280">
        <v>0</v>
      </c>
      <c r="E14" s="277">
        <v>0</v>
      </c>
      <c r="F14" s="279">
        <v>0</v>
      </c>
      <c r="G14" s="280">
        <v>138</v>
      </c>
      <c r="H14" s="280">
        <v>63</v>
      </c>
      <c r="I14" s="280">
        <v>51</v>
      </c>
      <c r="J14" s="280">
        <v>10</v>
      </c>
      <c r="K14" s="280">
        <v>41</v>
      </c>
      <c r="L14" s="277">
        <v>303</v>
      </c>
      <c r="M14" s="282">
        <v>303</v>
      </c>
      <c r="N14" s="280">
        <v>0</v>
      </c>
      <c r="O14" s="280">
        <v>0</v>
      </c>
      <c r="P14" s="277">
        <v>0</v>
      </c>
      <c r="Q14" s="279">
        <v>0</v>
      </c>
      <c r="R14" s="280">
        <v>0</v>
      </c>
      <c r="S14" s="280">
        <v>29</v>
      </c>
      <c r="T14" s="280">
        <v>22</v>
      </c>
      <c r="U14" s="280">
        <v>0</v>
      </c>
      <c r="V14" s="280">
        <v>0</v>
      </c>
      <c r="W14" s="277">
        <v>51</v>
      </c>
      <c r="X14" s="282">
        <v>51</v>
      </c>
    </row>
    <row r="15" spans="2:24" ht="21" customHeight="1" x14ac:dyDescent="0.2">
      <c r="B15" s="256" t="s">
        <v>12</v>
      </c>
      <c r="C15" s="280">
        <v>0</v>
      </c>
      <c r="D15" s="280">
        <v>0</v>
      </c>
      <c r="E15" s="277">
        <v>0</v>
      </c>
      <c r="F15" s="279">
        <v>0</v>
      </c>
      <c r="G15" s="280">
        <v>247</v>
      </c>
      <c r="H15" s="280">
        <v>172</v>
      </c>
      <c r="I15" s="280">
        <v>85</v>
      </c>
      <c r="J15" s="280">
        <v>58</v>
      </c>
      <c r="K15" s="280">
        <v>16</v>
      </c>
      <c r="L15" s="277">
        <v>578</v>
      </c>
      <c r="M15" s="282">
        <v>578</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91</v>
      </c>
      <c r="H16" s="280">
        <v>77</v>
      </c>
      <c r="I16" s="280">
        <v>36</v>
      </c>
      <c r="J16" s="280">
        <v>35</v>
      </c>
      <c r="K16" s="280">
        <v>17</v>
      </c>
      <c r="L16" s="277">
        <v>256</v>
      </c>
      <c r="M16" s="282">
        <v>256</v>
      </c>
      <c r="N16" s="280">
        <v>0</v>
      </c>
      <c r="O16" s="280">
        <v>0</v>
      </c>
      <c r="P16" s="277">
        <v>0</v>
      </c>
      <c r="Q16" s="279">
        <v>0</v>
      </c>
      <c r="R16" s="280">
        <v>0</v>
      </c>
      <c r="S16" s="280">
        <v>16</v>
      </c>
      <c r="T16" s="280">
        <v>0</v>
      </c>
      <c r="U16" s="280">
        <v>4</v>
      </c>
      <c r="V16" s="280">
        <v>0</v>
      </c>
      <c r="W16" s="277">
        <v>20</v>
      </c>
      <c r="X16" s="282">
        <v>20</v>
      </c>
    </row>
    <row r="17" spans="2:24" ht="21" customHeight="1" x14ac:dyDescent="0.2">
      <c r="B17" s="256" t="s">
        <v>15</v>
      </c>
      <c r="C17" s="280">
        <v>0</v>
      </c>
      <c r="D17" s="280">
        <v>0</v>
      </c>
      <c r="E17" s="277">
        <v>0</v>
      </c>
      <c r="F17" s="279">
        <v>0</v>
      </c>
      <c r="G17" s="280">
        <v>59</v>
      </c>
      <c r="H17" s="280">
        <v>60</v>
      </c>
      <c r="I17" s="280">
        <v>35</v>
      </c>
      <c r="J17" s="280">
        <v>9</v>
      </c>
      <c r="K17" s="280">
        <v>8</v>
      </c>
      <c r="L17" s="277">
        <v>171</v>
      </c>
      <c r="M17" s="282">
        <v>171</v>
      </c>
      <c r="N17" s="280">
        <v>0</v>
      </c>
      <c r="O17" s="280">
        <v>0</v>
      </c>
      <c r="P17" s="277">
        <v>0</v>
      </c>
      <c r="Q17" s="279">
        <v>0</v>
      </c>
      <c r="R17" s="280">
        <v>0</v>
      </c>
      <c r="S17" s="280">
        <v>0</v>
      </c>
      <c r="T17" s="280">
        <v>0</v>
      </c>
      <c r="U17" s="280">
        <v>9</v>
      </c>
      <c r="V17" s="280">
        <v>0</v>
      </c>
      <c r="W17" s="277">
        <v>9</v>
      </c>
      <c r="X17" s="282">
        <v>9</v>
      </c>
    </row>
    <row r="18" spans="2:24" ht="21" customHeight="1" x14ac:dyDescent="0.2">
      <c r="B18" s="256" t="s">
        <v>16</v>
      </c>
      <c r="C18" s="280">
        <v>0</v>
      </c>
      <c r="D18" s="280">
        <v>0</v>
      </c>
      <c r="E18" s="277">
        <v>0</v>
      </c>
      <c r="F18" s="279">
        <v>0</v>
      </c>
      <c r="G18" s="280">
        <v>74</v>
      </c>
      <c r="H18" s="280">
        <v>76</v>
      </c>
      <c r="I18" s="280">
        <v>46</v>
      </c>
      <c r="J18" s="280">
        <v>7</v>
      </c>
      <c r="K18" s="280">
        <v>0</v>
      </c>
      <c r="L18" s="277">
        <v>203</v>
      </c>
      <c r="M18" s="282">
        <v>203</v>
      </c>
      <c r="N18" s="280">
        <v>0</v>
      </c>
      <c r="O18" s="280">
        <v>0</v>
      </c>
      <c r="P18" s="277">
        <v>0</v>
      </c>
      <c r="Q18" s="279">
        <v>0</v>
      </c>
      <c r="R18" s="280">
        <v>0</v>
      </c>
      <c r="S18" s="280">
        <v>0</v>
      </c>
      <c r="T18" s="280">
        <v>8</v>
      </c>
      <c r="U18" s="280">
        <v>0</v>
      </c>
      <c r="V18" s="280">
        <v>0</v>
      </c>
      <c r="W18" s="277">
        <v>8</v>
      </c>
      <c r="X18" s="282">
        <v>8</v>
      </c>
    </row>
    <row r="19" spans="2:24" ht="21" customHeight="1" x14ac:dyDescent="0.2">
      <c r="B19" s="256" t="s">
        <v>17</v>
      </c>
      <c r="C19" s="280">
        <v>0</v>
      </c>
      <c r="D19" s="280">
        <v>0</v>
      </c>
      <c r="E19" s="277">
        <v>0</v>
      </c>
      <c r="F19" s="279">
        <v>0</v>
      </c>
      <c r="G19" s="280">
        <v>115</v>
      </c>
      <c r="H19" s="280">
        <v>130</v>
      </c>
      <c r="I19" s="280">
        <v>125</v>
      </c>
      <c r="J19" s="280">
        <v>19</v>
      </c>
      <c r="K19" s="280">
        <v>37</v>
      </c>
      <c r="L19" s="277">
        <v>426</v>
      </c>
      <c r="M19" s="282">
        <v>426</v>
      </c>
      <c r="N19" s="280">
        <v>0</v>
      </c>
      <c r="O19" s="280">
        <v>0</v>
      </c>
      <c r="P19" s="277">
        <v>0</v>
      </c>
      <c r="Q19" s="279">
        <v>0</v>
      </c>
      <c r="R19" s="280">
        <v>20</v>
      </c>
      <c r="S19" s="280">
        <v>7</v>
      </c>
      <c r="T19" s="280">
        <v>8</v>
      </c>
      <c r="U19" s="280">
        <v>0</v>
      </c>
      <c r="V19" s="280">
        <v>0</v>
      </c>
      <c r="W19" s="277">
        <v>35</v>
      </c>
      <c r="X19" s="282">
        <v>35</v>
      </c>
    </row>
    <row r="20" spans="2:24" ht="21" customHeight="1" x14ac:dyDescent="0.2">
      <c r="B20" s="256" t="s">
        <v>18</v>
      </c>
      <c r="C20" s="280">
        <v>0</v>
      </c>
      <c r="D20" s="280">
        <v>0</v>
      </c>
      <c r="E20" s="277">
        <v>0</v>
      </c>
      <c r="F20" s="279">
        <v>0</v>
      </c>
      <c r="G20" s="280">
        <v>141</v>
      </c>
      <c r="H20" s="280">
        <v>118</v>
      </c>
      <c r="I20" s="280">
        <v>52</v>
      </c>
      <c r="J20" s="280">
        <v>11</v>
      </c>
      <c r="K20" s="280">
        <v>0</v>
      </c>
      <c r="L20" s="277">
        <v>322</v>
      </c>
      <c r="M20" s="282">
        <v>322</v>
      </c>
      <c r="N20" s="280">
        <v>0</v>
      </c>
      <c r="O20" s="280">
        <v>0</v>
      </c>
      <c r="P20" s="277">
        <v>0</v>
      </c>
      <c r="Q20" s="279">
        <v>0</v>
      </c>
      <c r="R20" s="280">
        <v>18</v>
      </c>
      <c r="S20" s="280">
        <v>0</v>
      </c>
      <c r="T20" s="280">
        <v>25</v>
      </c>
      <c r="U20" s="280">
        <v>2</v>
      </c>
      <c r="V20" s="280">
        <v>0</v>
      </c>
      <c r="W20" s="277">
        <v>45</v>
      </c>
      <c r="X20" s="282">
        <v>45</v>
      </c>
    </row>
    <row r="21" spans="2:24" ht="21" customHeight="1" x14ac:dyDescent="0.2">
      <c r="B21" s="256" t="s">
        <v>19</v>
      </c>
      <c r="C21" s="280">
        <v>0</v>
      </c>
      <c r="D21" s="280">
        <v>0</v>
      </c>
      <c r="E21" s="277">
        <v>0</v>
      </c>
      <c r="F21" s="279">
        <v>0</v>
      </c>
      <c r="G21" s="280">
        <v>9</v>
      </c>
      <c r="H21" s="280">
        <v>46</v>
      </c>
      <c r="I21" s="280">
        <v>0</v>
      </c>
      <c r="J21" s="280">
        <v>9</v>
      </c>
      <c r="K21" s="280">
        <v>1</v>
      </c>
      <c r="L21" s="277">
        <v>65</v>
      </c>
      <c r="M21" s="282">
        <v>65</v>
      </c>
      <c r="N21" s="280">
        <v>0</v>
      </c>
      <c r="O21" s="280">
        <v>0</v>
      </c>
      <c r="P21" s="277">
        <v>0</v>
      </c>
      <c r="Q21" s="279">
        <v>0</v>
      </c>
      <c r="R21" s="280">
        <v>7</v>
      </c>
      <c r="S21" s="280">
        <v>43</v>
      </c>
      <c r="T21" s="280">
        <v>0</v>
      </c>
      <c r="U21" s="280">
        <v>0</v>
      </c>
      <c r="V21" s="280">
        <v>0</v>
      </c>
      <c r="W21" s="277">
        <v>50</v>
      </c>
      <c r="X21" s="282">
        <v>50</v>
      </c>
    </row>
    <row r="22" spans="2:24" ht="21" customHeight="1" x14ac:dyDescent="0.2">
      <c r="B22" s="256" t="s">
        <v>20</v>
      </c>
      <c r="C22" s="280">
        <v>0</v>
      </c>
      <c r="D22" s="280">
        <v>0</v>
      </c>
      <c r="E22" s="277">
        <v>0</v>
      </c>
      <c r="F22" s="279">
        <v>0</v>
      </c>
      <c r="G22" s="280">
        <v>110</v>
      </c>
      <c r="H22" s="280">
        <v>48</v>
      </c>
      <c r="I22" s="280">
        <v>73</v>
      </c>
      <c r="J22" s="280">
        <v>24</v>
      </c>
      <c r="K22" s="280">
        <v>4</v>
      </c>
      <c r="L22" s="277">
        <v>259</v>
      </c>
      <c r="M22" s="282">
        <v>259</v>
      </c>
      <c r="N22" s="280">
        <v>0</v>
      </c>
      <c r="O22" s="280">
        <v>0</v>
      </c>
      <c r="P22" s="277">
        <v>0</v>
      </c>
      <c r="Q22" s="279">
        <v>0</v>
      </c>
      <c r="R22" s="280">
        <v>0</v>
      </c>
      <c r="S22" s="280">
        <v>0</v>
      </c>
      <c r="T22" s="280">
        <v>0</v>
      </c>
      <c r="U22" s="280">
        <v>0</v>
      </c>
      <c r="V22" s="280">
        <v>0</v>
      </c>
      <c r="W22" s="277">
        <v>0</v>
      </c>
      <c r="X22" s="282">
        <v>0</v>
      </c>
    </row>
    <row r="23" spans="2:24" ht="21" customHeight="1" x14ac:dyDescent="0.2">
      <c r="B23" s="256" t="s">
        <v>21</v>
      </c>
      <c r="C23" s="280">
        <v>0</v>
      </c>
      <c r="D23" s="280">
        <v>0</v>
      </c>
      <c r="E23" s="277">
        <v>0</v>
      </c>
      <c r="F23" s="279">
        <v>0</v>
      </c>
      <c r="G23" s="280">
        <v>62</v>
      </c>
      <c r="H23" s="280">
        <v>86</v>
      </c>
      <c r="I23" s="280">
        <v>13</v>
      </c>
      <c r="J23" s="280">
        <v>20</v>
      </c>
      <c r="K23" s="280">
        <v>0</v>
      </c>
      <c r="L23" s="277">
        <v>181</v>
      </c>
      <c r="M23" s="282">
        <v>181</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35</v>
      </c>
      <c r="H24" s="280">
        <v>27</v>
      </c>
      <c r="I24" s="280">
        <v>0</v>
      </c>
      <c r="J24" s="280">
        <v>12</v>
      </c>
      <c r="K24" s="280">
        <v>0</v>
      </c>
      <c r="L24" s="277">
        <v>74</v>
      </c>
      <c r="M24" s="282">
        <v>74</v>
      </c>
      <c r="N24" s="280">
        <v>0</v>
      </c>
      <c r="O24" s="280">
        <v>0</v>
      </c>
      <c r="P24" s="277">
        <v>0</v>
      </c>
      <c r="Q24" s="279">
        <v>0</v>
      </c>
      <c r="R24" s="280">
        <v>0</v>
      </c>
      <c r="S24" s="280">
        <v>0</v>
      </c>
      <c r="T24" s="280">
        <v>0</v>
      </c>
      <c r="U24" s="280">
        <v>13</v>
      </c>
      <c r="V24" s="280">
        <v>0</v>
      </c>
      <c r="W24" s="277">
        <v>13</v>
      </c>
      <c r="X24" s="282">
        <v>13</v>
      </c>
    </row>
    <row r="25" spans="2:24" ht="21" customHeight="1" x14ac:dyDescent="0.2">
      <c r="B25" s="256" t="s">
        <v>23</v>
      </c>
      <c r="C25" s="280">
        <v>0</v>
      </c>
      <c r="D25" s="280">
        <v>0</v>
      </c>
      <c r="E25" s="277">
        <v>0</v>
      </c>
      <c r="F25" s="279">
        <v>0</v>
      </c>
      <c r="G25" s="280">
        <v>58</v>
      </c>
      <c r="H25" s="280">
        <v>7</v>
      </c>
      <c r="I25" s="280">
        <v>0</v>
      </c>
      <c r="J25" s="280">
        <v>4</v>
      </c>
      <c r="K25" s="280">
        <v>0</v>
      </c>
      <c r="L25" s="277">
        <v>69</v>
      </c>
      <c r="M25" s="282">
        <v>69</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9</v>
      </c>
      <c r="H26" s="280">
        <v>12</v>
      </c>
      <c r="I26" s="280">
        <v>35</v>
      </c>
      <c r="J26" s="280">
        <v>0</v>
      </c>
      <c r="K26" s="280">
        <v>0</v>
      </c>
      <c r="L26" s="277">
        <v>56</v>
      </c>
      <c r="M26" s="282">
        <v>56</v>
      </c>
      <c r="N26" s="280">
        <v>0</v>
      </c>
      <c r="O26" s="280">
        <v>0</v>
      </c>
      <c r="P26" s="277">
        <v>0</v>
      </c>
      <c r="Q26" s="279">
        <v>0</v>
      </c>
      <c r="R26" s="280">
        <v>10</v>
      </c>
      <c r="S26" s="280">
        <v>0</v>
      </c>
      <c r="T26" s="280">
        <v>10</v>
      </c>
      <c r="U26" s="280">
        <v>0</v>
      </c>
      <c r="V26" s="280">
        <v>0</v>
      </c>
      <c r="W26" s="277">
        <v>20</v>
      </c>
      <c r="X26" s="282">
        <v>20</v>
      </c>
    </row>
    <row r="27" spans="2:24" ht="21" customHeight="1" x14ac:dyDescent="0.2">
      <c r="B27" s="256" t="s">
        <v>25</v>
      </c>
      <c r="C27" s="280">
        <v>0</v>
      </c>
      <c r="D27" s="280">
        <v>0</v>
      </c>
      <c r="E27" s="277">
        <v>0</v>
      </c>
      <c r="F27" s="279">
        <v>0</v>
      </c>
      <c r="G27" s="280">
        <v>41</v>
      </c>
      <c r="H27" s="280">
        <v>5</v>
      </c>
      <c r="I27" s="280">
        <v>0</v>
      </c>
      <c r="J27" s="280">
        <v>0</v>
      </c>
      <c r="K27" s="280">
        <v>0</v>
      </c>
      <c r="L27" s="277">
        <v>46</v>
      </c>
      <c r="M27" s="282">
        <v>46</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4</v>
      </c>
      <c r="H28" s="280">
        <v>111</v>
      </c>
      <c r="I28" s="280">
        <v>9</v>
      </c>
      <c r="J28" s="280">
        <v>0</v>
      </c>
      <c r="K28" s="280">
        <v>0</v>
      </c>
      <c r="L28" s="277">
        <v>154</v>
      </c>
      <c r="M28" s="282">
        <v>154</v>
      </c>
      <c r="N28" s="280">
        <v>0</v>
      </c>
      <c r="O28" s="280">
        <v>0</v>
      </c>
      <c r="P28" s="277">
        <v>0</v>
      </c>
      <c r="Q28" s="279">
        <v>0</v>
      </c>
      <c r="R28" s="280">
        <v>0</v>
      </c>
      <c r="S28" s="280">
        <v>13</v>
      </c>
      <c r="T28" s="280">
        <v>0</v>
      </c>
      <c r="U28" s="280">
        <v>0</v>
      </c>
      <c r="V28" s="280">
        <v>0</v>
      </c>
      <c r="W28" s="277">
        <v>13</v>
      </c>
      <c r="X28" s="282">
        <v>13</v>
      </c>
    </row>
    <row r="29" spans="2:24" ht="21" customHeight="1" x14ac:dyDescent="0.2">
      <c r="B29" s="256" t="s">
        <v>27</v>
      </c>
      <c r="C29" s="280">
        <v>0</v>
      </c>
      <c r="D29" s="280">
        <v>0</v>
      </c>
      <c r="E29" s="277">
        <v>0</v>
      </c>
      <c r="F29" s="279">
        <v>0</v>
      </c>
      <c r="G29" s="280">
        <v>0</v>
      </c>
      <c r="H29" s="280">
        <v>5</v>
      </c>
      <c r="I29" s="280">
        <v>0</v>
      </c>
      <c r="J29" s="280">
        <v>0</v>
      </c>
      <c r="K29" s="280">
        <v>0</v>
      </c>
      <c r="L29" s="277">
        <v>5</v>
      </c>
      <c r="M29" s="282">
        <v>5</v>
      </c>
      <c r="N29" s="280">
        <v>0</v>
      </c>
      <c r="O29" s="280">
        <v>0</v>
      </c>
      <c r="P29" s="277">
        <v>0</v>
      </c>
      <c r="Q29" s="279">
        <v>0</v>
      </c>
      <c r="R29" s="280">
        <v>12</v>
      </c>
      <c r="S29" s="280">
        <v>0</v>
      </c>
      <c r="T29" s="280">
        <v>4</v>
      </c>
      <c r="U29" s="280">
        <v>20</v>
      </c>
      <c r="V29" s="280">
        <v>0</v>
      </c>
      <c r="W29" s="277">
        <v>36</v>
      </c>
      <c r="X29" s="282">
        <v>36</v>
      </c>
    </row>
    <row r="30" spans="2:24" ht="21" customHeight="1" x14ac:dyDescent="0.2">
      <c r="B30" s="256" t="s">
        <v>28</v>
      </c>
      <c r="C30" s="280">
        <v>0</v>
      </c>
      <c r="D30" s="280">
        <v>0</v>
      </c>
      <c r="E30" s="277">
        <v>0</v>
      </c>
      <c r="F30" s="279">
        <v>0</v>
      </c>
      <c r="G30" s="280">
        <v>36</v>
      </c>
      <c r="H30" s="280">
        <v>9</v>
      </c>
      <c r="I30" s="280">
        <v>0</v>
      </c>
      <c r="J30" s="280">
        <v>0</v>
      </c>
      <c r="K30" s="280">
        <v>0</v>
      </c>
      <c r="L30" s="277">
        <v>45</v>
      </c>
      <c r="M30" s="282">
        <v>45</v>
      </c>
      <c r="N30" s="280">
        <v>0</v>
      </c>
      <c r="O30" s="280">
        <v>0</v>
      </c>
      <c r="P30" s="277">
        <v>0</v>
      </c>
      <c r="Q30" s="279">
        <v>0</v>
      </c>
      <c r="R30" s="280">
        <v>0</v>
      </c>
      <c r="S30" s="280">
        <v>0</v>
      </c>
      <c r="T30" s="280">
        <v>0</v>
      </c>
      <c r="U30" s="280">
        <v>0</v>
      </c>
      <c r="V30" s="280">
        <v>3</v>
      </c>
      <c r="W30" s="277">
        <v>3</v>
      </c>
      <c r="X30" s="282">
        <v>3</v>
      </c>
    </row>
    <row r="31" spans="2:24" ht="21" customHeight="1" x14ac:dyDescent="0.2">
      <c r="B31" s="256" t="s">
        <v>29</v>
      </c>
      <c r="C31" s="280">
        <v>0</v>
      </c>
      <c r="D31" s="280">
        <v>0</v>
      </c>
      <c r="E31" s="277">
        <v>0</v>
      </c>
      <c r="F31" s="279">
        <v>0</v>
      </c>
      <c r="G31" s="280">
        <v>18</v>
      </c>
      <c r="H31" s="280">
        <v>9</v>
      </c>
      <c r="I31" s="280">
        <v>0</v>
      </c>
      <c r="J31" s="280">
        <v>0</v>
      </c>
      <c r="K31" s="280">
        <v>0</v>
      </c>
      <c r="L31" s="277">
        <v>27</v>
      </c>
      <c r="M31" s="282">
        <v>27</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10</v>
      </c>
      <c r="H32" s="280">
        <v>0</v>
      </c>
      <c r="I32" s="280">
        <v>18</v>
      </c>
      <c r="J32" s="280">
        <v>0</v>
      </c>
      <c r="K32" s="280">
        <v>0</v>
      </c>
      <c r="L32" s="277">
        <v>28</v>
      </c>
      <c r="M32" s="282">
        <v>28</v>
      </c>
      <c r="N32" s="280">
        <v>5</v>
      </c>
      <c r="O32" s="280">
        <v>0</v>
      </c>
      <c r="P32" s="277">
        <v>5</v>
      </c>
      <c r="Q32" s="279">
        <v>0</v>
      </c>
      <c r="R32" s="280">
        <v>0</v>
      </c>
      <c r="S32" s="280">
        <v>0</v>
      </c>
      <c r="T32" s="280">
        <v>0</v>
      </c>
      <c r="U32" s="280">
        <v>0</v>
      </c>
      <c r="V32" s="280">
        <v>0</v>
      </c>
      <c r="W32" s="277">
        <v>0</v>
      </c>
      <c r="X32" s="282">
        <v>5</v>
      </c>
    </row>
    <row r="33" spans="2:24" ht="21" customHeight="1" x14ac:dyDescent="0.2">
      <c r="B33" s="256" t="s">
        <v>31</v>
      </c>
      <c r="C33" s="280">
        <v>0</v>
      </c>
      <c r="D33" s="280">
        <v>0</v>
      </c>
      <c r="E33" s="277">
        <v>0</v>
      </c>
      <c r="F33" s="279">
        <v>0</v>
      </c>
      <c r="G33" s="280">
        <v>2</v>
      </c>
      <c r="H33" s="280">
        <v>6</v>
      </c>
      <c r="I33" s="280">
        <v>0</v>
      </c>
      <c r="J33" s="280">
        <v>0</v>
      </c>
      <c r="K33" s="280">
        <v>0</v>
      </c>
      <c r="L33" s="277">
        <v>8</v>
      </c>
      <c r="M33" s="282">
        <v>8</v>
      </c>
      <c r="N33" s="280">
        <v>0</v>
      </c>
      <c r="O33" s="280">
        <v>0</v>
      </c>
      <c r="P33" s="277">
        <v>0</v>
      </c>
      <c r="Q33" s="279">
        <v>0</v>
      </c>
      <c r="R33" s="280">
        <v>0</v>
      </c>
      <c r="S33" s="280">
        <v>0</v>
      </c>
      <c r="T33" s="280">
        <v>0</v>
      </c>
      <c r="U33" s="280">
        <v>16</v>
      </c>
      <c r="V33" s="280">
        <v>0</v>
      </c>
      <c r="W33" s="277">
        <v>16</v>
      </c>
      <c r="X33" s="282">
        <v>16</v>
      </c>
    </row>
    <row r="34" spans="2:24" ht="21" customHeight="1" x14ac:dyDescent="0.2">
      <c r="B34" s="256" t="s">
        <v>32</v>
      </c>
      <c r="C34" s="280">
        <v>0</v>
      </c>
      <c r="D34" s="280">
        <v>0</v>
      </c>
      <c r="E34" s="277">
        <v>0</v>
      </c>
      <c r="F34" s="279">
        <v>0</v>
      </c>
      <c r="G34" s="280">
        <v>18</v>
      </c>
      <c r="H34" s="280">
        <v>14</v>
      </c>
      <c r="I34" s="280">
        <v>0</v>
      </c>
      <c r="J34" s="280">
        <v>0</v>
      </c>
      <c r="K34" s="280">
        <v>5</v>
      </c>
      <c r="L34" s="277">
        <v>37</v>
      </c>
      <c r="M34" s="282">
        <v>37</v>
      </c>
      <c r="N34" s="280">
        <v>0</v>
      </c>
      <c r="O34" s="280">
        <v>0</v>
      </c>
      <c r="P34" s="277">
        <v>0</v>
      </c>
      <c r="Q34" s="279">
        <v>0</v>
      </c>
      <c r="R34" s="280">
        <v>0</v>
      </c>
      <c r="S34" s="280">
        <v>0</v>
      </c>
      <c r="T34" s="280">
        <v>0</v>
      </c>
      <c r="U34" s="280">
        <v>0</v>
      </c>
      <c r="V34" s="280">
        <v>0</v>
      </c>
      <c r="W34" s="277">
        <v>0</v>
      </c>
      <c r="X34" s="282">
        <v>0</v>
      </c>
    </row>
    <row r="35" spans="2:24" ht="21" customHeight="1" x14ac:dyDescent="0.2">
      <c r="B35" s="256" t="s">
        <v>33</v>
      </c>
      <c r="C35" s="280">
        <v>0</v>
      </c>
      <c r="D35" s="280">
        <v>0</v>
      </c>
      <c r="E35" s="277">
        <v>0</v>
      </c>
      <c r="F35" s="279">
        <v>0</v>
      </c>
      <c r="G35" s="280">
        <v>7</v>
      </c>
      <c r="H35" s="280">
        <v>0</v>
      </c>
      <c r="I35" s="280">
        <v>0</v>
      </c>
      <c r="J35" s="280">
        <v>0</v>
      </c>
      <c r="K35" s="280">
        <v>0</v>
      </c>
      <c r="L35" s="277">
        <v>7</v>
      </c>
      <c r="M35" s="282">
        <v>7</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13</v>
      </c>
      <c r="H36" s="280">
        <v>13</v>
      </c>
      <c r="I36" s="280">
        <v>0</v>
      </c>
      <c r="J36" s="280">
        <v>0</v>
      </c>
      <c r="K36" s="280">
        <v>0</v>
      </c>
      <c r="L36" s="277">
        <v>26</v>
      </c>
      <c r="M36" s="282">
        <v>26</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24</v>
      </c>
      <c r="H38" s="280">
        <v>10</v>
      </c>
      <c r="I38" s="280">
        <v>0</v>
      </c>
      <c r="J38" s="280">
        <v>0</v>
      </c>
      <c r="K38" s="280">
        <v>0</v>
      </c>
      <c r="L38" s="277">
        <v>34</v>
      </c>
      <c r="M38" s="282">
        <v>34</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0</v>
      </c>
      <c r="L39" s="284">
        <v>0</v>
      </c>
      <c r="M39" s="289">
        <v>0</v>
      </c>
      <c r="N39" s="287">
        <v>0</v>
      </c>
      <c r="O39" s="287">
        <v>0</v>
      </c>
      <c r="P39" s="284">
        <v>0</v>
      </c>
      <c r="Q39" s="286">
        <v>0</v>
      </c>
      <c r="R39" s="287">
        <v>0</v>
      </c>
      <c r="S39" s="287">
        <v>0</v>
      </c>
      <c r="T39" s="287">
        <v>0</v>
      </c>
      <c r="U39" s="287">
        <v>0</v>
      </c>
      <c r="V39" s="287">
        <v>0</v>
      </c>
      <c r="W39" s="284">
        <v>0</v>
      </c>
      <c r="X39" s="289">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4">
        <f>第１表!F2</f>
        <v>5</v>
      </c>
      <c r="I1" s="524"/>
      <c r="J1" s="248">
        <f>第１表!G2</f>
        <v>5</v>
      </c>
      <c r="K1" s="529">
        <f>IF(J1&lt;3,J1+12-2,J1-2)</f>
        <v>3</v>
      </c>
      <c r="L1" s="529"/>
    </row>
    <row r="2" spans="2:24" ht="24" customHeight="1" thickBot="1" x14ac:dyDescent="0.25">
      <c r="B2" s="290" t="s">
        <v>155</v>
      </c>
    </row>
    <row r="3" spans="2:24" ht="21" customHeight="1" x14ac:dyDescent="0.2">
      <c r="B3" s="532"/>
      <c r="C3" s="533" t="s">
        <v>142</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5589</v>
      </c>
      <c r="H6" s="273">
        <v>5108</v>
      </c>
      <c r="I6" s="273">
        <v>2886</v>
      </c>
      <c r="J6" s="273">
        <v>1362</v>
      </c>
      <c r="K6" s="273">
        <v>600</v>
      </c>
      <c r="L6" s="270">
        <v>15545</v>
      </c>
      <c r="M6" s="275">
        <v>15545</v>
      </c>
      <c r="N6" s="273">
        <v>2</v>
      </c>
      <c r="O6" s="273">
        <v>0</v>
      </c>
      <c r="P6" s="270">
        <v>2</v>
      </c>
      <c r="Q6" s="272">
        <v>0</v>
      </c>
      <c r="R6" s="273">
        <v>408</v>
      </c>
      <c r="S6" s="273">
        <v>665</v>
      </c>
      <c r="T6" s="273">
        <v>826</v>
      </c>
      <c r="U6" s="273">
        <v>355</v>
      </c>
      <c r="V6" s="273">
        <v>224</v>
      </c>
      <c r="W6" s="270">
        <v>2478</v>
      </c>
      <c r="X6" s="275">
        <v>2480</v>
      </c>
    </row>
    <row r="7" spans="2:24" ht="21" customHeight="1" x14ac:dyDescent="0.2">
      <c r="B7" s="256" t="s">
        <v>5</v>
      </c>
      <c r="C7" s="280">
        <v>0</v>
      </c>
      <c r="D7" s="280">
        <v>0</v>
      </c>
      <c r="E7" s="277">
        <v>0</v>
      </c>
      <c r="F7" s="279">
        <v>0</v>
      </c>
      <c r="G7" s="280">
        <v>2079</v>
      </c>
      <c r="H7" s="280">
        <v>2653</v>
      </c>
      <c r="I7" s="280">
        <v>1406</v>
      </c>
      <c r="J7" s="280">
        <v>635</v>
      </c>
      <c r="K7" s="280">
        <v>345</v>
      </c>
      <c r="L7" s="277">
        <v>7118</v>
      </c>
      <c r="M7" s="282">
        <v>7118</v>
      </c>
      <c r="N7" s="280">
        <v>2</v>
      </c>
      <c r="O7" s="280">
        <v>0</v>
      </c>
      <c r="P7" s="277">
        <v>2</v>
      </c>
      <c r="Q7" s="279">
        <v>0</v>
      </c>
      <c r="R7" s="280">
        <v>223</v>
      </c>
      <c r="S7" s="280">
        <v>351</v>
      </c>
      <c r="T7" s="280">
        <v>352</v>
      </c>
      <c r="U7" s="280">
        <v>215</v>
      </c>
      <c r="V7" s="280">
        <v>138</v>
      </c>
      <c r="W7" s="277">
        <v>1279</v>
      </c>
      <c r="X7" s="282">
        <v>1281</v>
      </c>
    </row>
    <row r="8" spans="2:24" ht="21" customHeight="1" x14ac:dyDescent="0.2">
      <c r="B8" s="256" t="s">
        <v>6</v>
      </c>
      <c r="C8" s="280">
        <v>0</v>
      </c>
      <c r="D8" s="280">
        <v>0</v>
      </c>
      <c r="E8" s="277">
        <v>0</v>
      </c>
      <c r="F8" s="279">
        <v>0</v>
      </c>
      <c r="G8" s="280">
        <v>1001</v>
      </c>
      <c r="H8" s="280">
        <v>619</v>
      </c>
      <c r="I8" s="280">
        <v>401</v>
      </c>
      <c r="J8" s="280">
        <v>160</v>
      </c>
      <c r="K8" s="280">
        <v>82</v>
      </c>
      <c r="L8" s="277">
        <v>2263</v>
      </c>
      <c r="M8" s="282">
        <v>2263</v>
      </c>
      <c r="N8" s="280">
        <v>0</v>
      </c>
      <c r="O8" s="280">
        <v>0</v>
      </c>
      <c r="P8" s="277">
        <v>0</v>
      </c>
      <c r="Q8" s="279">
        <v>0</v>
      </c>
      <c r="R8" s="280">
        <v>125</v>
      </c>
      <c r="S8" s="280">
        <v>163</v>
      </c>
      <c r="T8" s="280">
        <v>235</v>
      </c>
      <c r="U8" s="280">
        <v>39</v>
      </c>
      <c r="V8" s="280">
        <v>51</v>
      </c>
      <c r="W8" s="277">
        <v>613</v>
      </c>
      <c r="X8" s="282">
        <v>613</v>
      </c>
    </row>
    <row r="9" spans="2:24" ht="21" customHeight="1" x14ac:dyDescent="0.2">
      <c r="B9" s="256" t="s">
        <v>14</v>
      </c>
      <c r="C9" s="280">
        <v>0</v>
      </c>
      <c r="D9" s="280">
        <v>0</v>
      </c>
      <c r="E9" s="277">
        <v>0</v>
      </c>
      <c r="F9" s="279">
        <v>0</v>
      </c>
      <c r="G9" s="280">
        <v>373</v>
      </c>
      <c r="H9" s="280">
        <v>389</v>
      </c>
      <c r="I9" s="280">
        <v>279</v>
      </c>
      <c r="J9" s="280">
        <v>37</v>
      </c>
      <c r="K9" s="280">
        <v>35</v>
      </c>
      <c r="L9" s="277">
        <v>1113</v>
      </c>
      <c r="M9" s="282">
        <v>1113</v>
      </c>
      <c r="N9" s="280">
        <v>0</v>
      </c>
      <c r="O9" s="280">
        <v>0</v>
      </c>
      <c r="P9" s="277">
        <v>0</v>
      </c>
      <c r="Q9" s="279">
        <v>0</v>
      </c>
      <c r="R9" s="280">
        <v>0</v>
      </c>
      <c r="S9" s="280">
        <v>11</v>
      </c>
      <c r="T9" s="280">
        <v>0</v>
      </c>
      <c r="U9" s="280">
        <v>0</v>
      </c>
      <c r="V9" s="280">
        <v>1</v>
      </c>
      <c r="W9" s="277">
        <v>12</v>
      </c>
      <c r="X9" s="282">
        <v>12</v>
      </c>
    </row>
    <row r="10" spans="2:24" ht="21" customHeight="1" x14ac:dyDescent="0.2">
      <c r="B10" s="256" t="s">
        <v>7</v>
      </c>
      <c r="C10" s="280">
        <v>0</v>
      </c>
      <c r="D10" s="280">
        <v>0</v>
      </c>
      <c r="E10" s="277">
        <v>0</v>
      </c>
      <c r="F10" s="279">
        <v>0</v>
      </c>
      <c r="G10" s="280">
        <v>209</v>
      </c>
      <c r="H10" s="280">
        <v>201</v>
      </c>
      <c r="I10" s="280">
        <v>109</v>
      </c>
      <c r="J10" s="280">
        <v>37</v>
      </c>
      <c r="K10" s="280">
        <v>9</v>
      </c>
      <c r="L10" s="277">
        <v>565</v>
      </c>
      <c r="M10" s="282">
        <v>565</v>
      </c>
      <c r="N10" s="280">
        <v>0</v>
      </c>
      <c r="O10" s="280">
        <v>0</v>
      </c>
      <c r="P10" s="277">
        <v>0</v>
      </c>
      <c r="Q10" s="279">
        <v>0</v>
      </c>
      <c r="R10" s="280">
        <v>19</v>
      </c>
      <c r="S10" s="280">
        <v>32</v>
      </c>
      <c r="T10" s="280">
        <v>74</v>
      </c>
      <c r="U10" s="280">
        <v>66</v>
      </c>
      <c r="V10" s="280">
        <v>0</v>
      </c>
      <c r="W10" s="277">
        <v>191</v>
      </c>
      <c r="X10" s="282">
        <v>191</v>
      </c>
    </row>
    <row r="11" spans="2:24" ht="21" customHeight="1" x14ac:dyDescent="0.2">
      <c r="B11" s="256" t="s">
        <v>8</v>
      </c>
      <c r="C11" s="280">
        <v>0</v>
      </c>
      <c r="D11" s="280">
        <v>0</v>
      </c>
      <c r="E11" s="277">
        <v>0</v>
      </c>
      <c r="F11" s="279">
        <v>0</v>
      </c>
      <c r="G11" s="280">
        <v>248</v>
      </c>
      <c r="H11" s="280">
        <v>168</v>
      </c>
      <c r="I11" s="280">
        <v>32</v>
      </c>
      <c r="J11" s="280">
        <v>53</v>
      </c>
      <c r="K11" s="280">
        <v>0</v>
      </c>
      <c r="L11" s="277">
        <v>501</v>
      </c>
      <c r="M11" s="282">
        <v>501</v>
      </c>
      <c r="N11" s="280">
        <v>0</v>
      </c>
      <c r="O11" s="280">
        <v>0</v>
      </c>
      <c r="P11" s="277">
        <v>0</v>
      </c>
      <c r="Q11" s="279">
        <v>0</v>
      </c>
      <c r="R11" s="280">
        <v>0</v>
      </c>
      <c r="S11" s="280">
        <v>0</v>
      </c>
      <c r="T11" s="280">
        <v>12</v>
      </c>
      <c r="U11" s="280">
        <v>0</v>
      </c>
      <c r="V11" s="280">
        <v>0</v>
      </c>
      <c r="W11" s="277">
        <v>12</v>
      </c>
      <c r="X11" s="282">
        <v>12</v>
      </c>
    </row>
    <row r="12" spans="2:24" ht="21" customHeight="1" x14ac:dyDescent="0.2">
      <c r="B12" s="256" t="s">
        <v>9</v>
      </c>
      <c r="C12" s="280">
        <v>0</v>
      </c>
      <c r="D12" s="280">
        <v>0</v>
      </c>
      <c r="E12" s="277">
        <v>0</v>
      </c>
      <c r="F12" s="279">
        <v>0</v>
      </c>
      <c r="G12" s="280">
        <v>321</v>
      </c>
      <c r="H12" s="280">
        <v>189</v>
      </c>
      <c r="I12" s="280">
        <v>154</v>
      </c>
      <c r="J12" s="280">
        <v>77</v>
      </c>
      <c r="K12" s="280">
        <v>30</v>
      </c>
      <c r="L12" s="277">
        <v>771</v>
      </c>
      <c r="M12" s="282">
        <v>771</v>
      </c>
      <c r="N12" s="280">
        <v>0</v>
      </c>
      <c r="O12" s="280">
        <v>0</v>
      </c>
      <c r="P12" s="277">
        <v>0</v>
      </c>
      <c r="Q12" s="279">
        <v>0</v>
      </c>
      <c r="R12" s="280">
        <v>0</v>
      </c>
      <c r="S12" s="280">
        <v>0</v>
      </c>
      <c r="T12" s="280">
        <v>27</v>
      </c>
      <c r="U12" s="280">
        <v>17</v>
      </c>
      <c r="V12" s="280">
        <v>9</v>
      </c>
      <c r="W12" s="277">
        <v>53</v>
      </c>
      <c r="X12" s="282">
        <v>53</v>
      </c>
    </row>
    <row r="13" spans="2:24" ht="21" customHeight="1" x14ac:dyDescent="0.2">
      <c r="B13" s="256" t="s">
        <v>10</v>
      </c>
      <c r="C13" s="280">
        <v>0</v>
      </c>
      <c r="D13" s="280">
        <v>0</v>
      </c>
      <c r="E13" s="277">
        <v>0</v>
      </c>
      <c r="F13" s="279">
        <v>0</v>
      </c>
      <c r="G13" s="280">
        <v>270</v>
      </c>
      <c r="H13" s="280">
        <v>143</v>
      </c>
      <c r="I13" s="280">
        <v>34</v>
      </c>
      <c r="J13" s="280">
        <v>52</v>
      </c>
      <c r="K13" s="280">
        <v>0</v>
      </c>
      <c r="L13" s="277">
        <v>499</v>
      </c>
      <c r="M13" s="282">
        <v>499</v>
      </c>
      <c r="N13" s="280">
        <v>0</v>
      </c>
      <c r="O13" s="280">
        <v>0</v>
      </c>
      <c r="P13" s="277">
        <v>0</v>
      </c>
      <c r="Q13" s="279">
        <v>0</v>
      </c>
      <c r="R13" s="280">
        <v>0</v>
      </c>
      <c r="S13" s="280">
        <v>40</v>
      </c>
      <c r="T13" s="280">
        <v>43</v>
      </c>
      <c r="U13" s="280">
        <v>0</v>
      </c>
      <c r="V13" s="280">
        <v>0</v>
      </c>
      <c r="W13" s="277">
        <v>83</v>
      </c>
      <c r="X13" s="282">
        <v>83</v>
      </c>
    </row>
    <row r="14" spans="2:24" ht="21" customHeight="1" x14ac:dyDescent="0.2">
      <c r="B14" s="256" t="s">
        <v>11</v>
      </c>
      <c r="C14" s="280">
        <v>0</v>
      </c>
      <c r="D14" s="280">
        <v>0</v>
      </c>
      <c r="E14" s="277">
        <v>0</v>
      </c>
      <c r="F14" s="279">
        <v>0</v>
      </c>
      <c r="G14" s="280">
        <v>144</v>
      </c>
      <c r="H14" s="280">
        <v>97</v>
      </c>
      <c r="I14" s="280">
        <v>56</v>
      </c>
      <c r="J14" s="280">
        <v>17</v>
      </c>
      <c r="K14" s="280">
        <v>9</v>
      </c>
      <c r="L14" s="277">
        <v>323</v>
      </c>
      <c r="M14" s="282">
        <v>323</v>
      </c>
      <c r="N14" s="280">
        <v>0</v>
      </c>
      <c r="O14" s="280">
        <v>0</v>
      </c>
      <c r="P14" s="277">
        <v>0</v>
      </c>
      <c r="Q14" s="279">
        <v>0</v>
      </c>
      <c r="R14" s="280">
        <v>5</v>
      </c>
      <c r="S14" s="280">
        <v>0</v>
      </c>
      <c r="T14" s="280">
        <v>0</v>
      </c>
      <c r="U14" s="280">
        <v>0</v>
      </c>
      <c r="V14" s="280">
        <v>0</v>
      </c>
      <c r="W14" s="277">
        <v>5</v>
      </c>
      <c r="X14" s="282">
        <v>5</v>
      </c>
    </row>
    <row r="15" spans="2:24" ht="21" customHeight="1" x14ac:dyDescent="0.2">
      <c r="B15" s="256" t="s">
        <v>12</v>
      </c>
      <c r="C15" s="280">
        <v>0</v>
      </c>
      <c r="D15" s="280">
        <v>0</v>
      </c>
      <c r="E15" s="277">
        <v>0</v>
      </c>
      <c r="F15" s="279">
        <v>0</v>
      </c>
      <c r="G15" s="280">
        <v>121</v>
      </c>
      <c r="H15" s="280">
        <v>109</v>
      </c>
      <c r="I15" s="280">
        <v>42</v>
      </c>
      <c r="J15" s="280">
        <v>65</v>
      </c>
      <c r="K15" s="280">
        <v>20</v>
      </c>
      <c r="L15" s="277">
        <v>357</v>
      </c>
      <c r="M15" s="282">
        <v>357</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83</v>
      </c>
      <c r="H16" s="280">
        <v>76</v>
      </c>
      <c r="I16" s="280">
        <v>69</v>
      </c>
      <c r="J16" s="280">
        <v>21</v>
      </c>
      <c r="K16" s="280">
        <v>0</v>
      </c>
      <c r="L16" s="277">
        <v>249</v>
      </c>
      <c r="M16" s="282">
        <v>249</v>
      </c>
      <c r="N16" s="280">
        <v>0</v>
      </c>
      <c r="O16" s="280">
        <v>0</v>
      </c>
      <c r="P16" s="277">
        <v>0</v>
      </c>
      <c r="Q16" s="279">
        <v>0</v>
      </c>
      <c r="R16" s="280">
        <v>0</v>
      </c>
      <c r="S16" s="280">
        <v>5</v>
      </c>
      <c r="T16" s="280">
        <v>0</v>
      </c>
      <c r="U16" s="280">
        <v>0</v>
      </c>
      <c r="V16" s="280">
        <v>0</v>
      </c>
      <c r="W16" s="277">
        <v>5</v>
      </c>
      <c r="X16" s="282">
        <v>5</v>
      </c>
    </row>
    <row r="17" spans="2:24" ht="21" customHeight="1" x14ac:dyDescent="0.2">
      <c r="B17" s="256" t="s">
        <v>15</v>
      </c>
      <c r="C17" s="280">
        <v>0</v>
      </c>
      <c r="D17" s="280">
        <v>0</v>
      </c>
      <c r="E17" s="277">
        <v>0</v>
      </c>
      <c r="F17" s="279">
        <v>0</v>
      </c>
      <c r="G17" s="280">
        <v>43</v>
      </c>
      <c r="H17" s="280">
        <v>35</v>
      </c>
      <c r="I17" s="280">
        <v>20</v>
      </c>
      <c r="J17" s="280">
        <v>9</v>
      </c>
      <c r="K17" s="280">
        <v>5</v>
      </c>
      <c r="L17" s="277">
        <v>112</v>
      </c>
      <c r="M17" s="282">
        <v>112</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64</v>
      </c>
      <c r="H18" s="280">
        <v>44</v>
      </c>
      <c r="I18" s="280">
        <v>70</v>
      </c>
      <c r="J18" s="280">
        <v>21</v>
      </c>
      <c r="K18" s="280">
        <v>23</v>
      </c>
      <c r="L18" s="277">
        <v>222</v>
      </c>
      <c r="M18" s="282">
        <v>222</v>
      </c>
      <c r="N18" s="280">
        <v>0</v>
      </c>
      <c r="O18" s="280">
        <v>0</v>
      </c>
      <c r="P18" s="277">
        <v>0</v>
      </c>
      <c r="Q18" s="279">
        <v>0</v>
      </c>
      <c r="R18" s="280">
        <v>0</v>
      </c>
      <c r="S18" s="280">
        <v>27</v>
      </c>
      <c r="T18" s="280">
        <v>0</v>
      </c>
      <c r="U18" s="280">
        <v>0</v>
      </c>
      <c r="V18" s="280">
        <v>0</v>
      </c>
      <c r="W18" s="277">
        <v>27</v>
      </c>
      <c r="X18" s="282">
        <v>27</v>
      </c>
    </row>
    <row r="19" spans="2:24" ht="21" customHeight="1" x14ac:dyDescent="0.2">
      <c r="B19" s="256" t="s">
        <v>17</v>
      </c>
      <c r="C19" s="280">
        <v>0</v>
      </c>
      <c r="D19" s="280">
        <v>0</v>
      </c>
      <c r="E19" s="277">
        <v>0</v>
      </c>
      <c r="F19" s="279">
        <v>0</v>
      </c>
      <c r="G19" s="280">
        <v>78</v>
      </c>
      <c r="H19" s="280">
        <v>117</v>
      </c>
      <c r="I19" s="280">
        <v>43</v>
      </c>
      <c r="J19" s="280">
        <v>86</v>
      </c>
      <c r="K19" s="280">
        <v>9</v>
      </c>
      <c r="L19" s="277">
        <v>333</v>
      </c>
      <c r="M19" s="282">
        <v>333</v>
      </c>
      <c r="N19" s="280">
        <v>0</v>
      </c>
      <c r="O19" s="280">
        <v>0</v>
      </c>
      <c r="P19" s="277">
        <v>0</v>
      </c>
      <c r="Q19" s="279">
        <v>0</v>
      </c>
      <c r="R19" s="280">
        <v>3</v>
      </c>
      <c r="S19" s="280">
        <v>0</v>
      </c>
      <c r="T19" s="280">
        <v>13</v>
      </c>
      <c r="U19" s="280">
        <v>0</v>
      </c>
      <c r="V19" s="280">
        <v>0</v>
      </c>
      <c r="W19" s="277">
        <v>16</v>
      </c>
      <c r="X19" s="282">
        <v>16</v>
      </c>
    </row>
    <row r="20" spans="2:24" ht="21" customHeight="1" x14ac:dyDescent="0.2">
      <c r="B20" s="256" t="s">
        <v>18</v>
      </c>
      <c r="C20" s="280">
        <v>0</v>
      </c>
      <c r="D20" s="280">
        <v>0</v>
      </c>
      <c r="E20" s="277">
        <v>0</v>
      </c>
      <c r="F20" s="279">
        <v>0</v>
      </c>
      <c r="G20" s="280">
        <v>155</v>
      </c>
      <c r="H20" s="280">
        <v>92</v>
      </c>
      <c r="I20" s="280">
        <v>65</v>
      </c>
      <c r="J20" s="280">
        <v>36</v>
      </c>
      <c r="K20" s="280">
        <v>0</v>
      </c>
      <c r="L20" s="277">
        <v>348</v>
      </c>
      <c r="M20" s="282">
        <v>348</v>
      </c>
      <c r="N20" s="280">
        <v>0</v>
      </c>
      <c r="O20" s="280">
        <v>0</v>
      </c>
      <c r="P20" s="277">
        <v>0</v>
      </c>
      <c r="Q20" s="279">
        <v>0</v>
      </c>
      <c r="R20" s="280">
        <v>11</v>
      </c>
      <c r="S20" s="280">
        <v>4</v>
      </c>
      <c r="T20" s="280">
        <v>29</v>
      </c>
      <c r="U20" s="280">
        <v>18</v>
      </c>
      <c r="V20" s="280">
        <v>0</v>
      </c>
      <c r="W20" s="277">
        <v>62</v>
      </c>
      <c r="X20" s="282">
        <v>62</v>
      </c>
    </row>
    <row r="21" spans="2:24" ht="21" customHeight="1" x14ac:dyDescent="0.2">
      <c r="B21" s="256" t="s">
        <v>19</v>
      </c>
      <c r="C21" s="280">
        <v>0</v>
      </c>
      <c r="D21" s="280">
        <v>0</v>
      </c>
      <c r="E21" s="277">
        <v>0</v>
      </c>
      <c r="F21" s="279">
        <v>0</v>
      </c>
      <c r="G21" s="280">
        <v>75</v>
      </c>
      <c r="H21" s="280">
        <v>26</v>
      </c>
      <c r="I21" s="280">
        <v>17</v>
      </c>
      <c r="J21" s="280">
        <v>26</v>
      </c>
      <c r="K21" s="280">
        <v>0</v>
      </c>
      <c r="L21" s="277">
        <v>144</v>
      </c>
      <c r="M21" s="282">
        <v>144</v>
      </c>
      <c r="N21" s="280">
        <v>0</v>
      </c>
      <c r="O21" s="280">
        <v>0</v>
      </c>
      <c r="P21" s="277">
        <v>0</v>
      </c>
      <c r="Q21" s="279">
        <v>0</v>
      </c>
      <c r="R21" s="280">
        <v>5</v>
      </c>
      <c r="S21" s="280">
        <v>27</v>
      </c>
      <c r="T21" s="280">
        <v>0</v>
      </c>
      <c r="U21" s="280">
        <v>0</v>
      </c>
      <c r="V21" s="280">
        <v>0</v>
      </c>
      <c r="W21" s="277">
        <v>32</v>
      </c>
      <c r="X21" s="282">
        <v>32</v>
      </c>
    </row>
    <row r="22" spans="2:24" ht="21" customHeight="1" x14ac:dyDescent="0.2">
      <c r="B22" s="256" t="s">
        <v>20</v>
      </c>
      <c r="C22" s="280">
        <v>0</v>
      </c>
      <c r="D22" s="280">
        <v>0</v>
      </c>
      <c r="E22" s="277">
        <v>0</v>
      </c>
      <c r="F22" s="279">
        <v>0</v>
      </c>
      <c r="G22" s="280">
        <v>35</v>
      </c>
      <c r="H22" s="280">
        <v>44</v>
      </c>
      <c r="I22" s="280">
        <v>1</v>
      </c>
      <c r="J22" s="280">
        <v>0</v>
      </c>
      <c r="K22" s="280">
        <v>0</v>
      </c>
      <c r="L22" s="277">
        <v>80</v>
      </c>
      <c r="M22" s="282">
        <v>80</v>
      </c>
      <c r="N22" s="280">
        <v>0</v>
      </c>
      <c r="O22" s="280">
        <v>0</v>
      </c>
      <c r="P22" s="277">
        <v>0</v>
      </c>
      <c r="Q22" s="279">
        <v>0</v>
      </c>
      <c r="R22" s="280">
        <v>0</v>
      </c>
      <c r="S22" s="280">
        <v>0</v>
      </c>
      <c r="T22" s="280">
        <v>0</v>
      </c>
      <c r="U22" s="280">
        <v>0</v>
      </c>
      <c r="V22" s="280">
        <v>13</v>
      </c>
      <c r="W22" s="277">
        <v>13</v>
      </c>
      <c r="X22" s="282">
        <v>13</v>
      </c>
    </row>
    <row r="23" spans="2:24" ht="21" customHeight="1" x14ac:dyDescent="0.2">
      <c r="B23" s="256" t="s">
        <v>21</v>
      </c>
      <c r="C23" s="280">
        <v>0</v>
      </c>
      <c r="D23" s="280">
        <v>0</v>
      </c>
      <c r="E23" s="277">
        <v>0</v>
      </c>
      <c r="F23" s="279">
        <v>0</v>
      </c>
      <c r="G23" s="280">
        <v>75</v>
      </c>
      <c r="H23" s="280">
        <v>28</v>
      </c>
      <c r="I23" s="280">
        <v>26</v>
      </c>
      <c r="J23" s="280">
        <v>18</v>
      </c>
      <c r="K23" s="280">
        <v>0</v>
      </c>
      <c r="L23" s="277">
        <v>147</v>
      </c>
      <c r="M23" s="282">
        <v>147</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58</v>
      </c>
      <c r="H24" s="280">
        <v>8</v>
      </c>
      <c r="I24" s="280">
        <v>0</v>
      </c>
      <c r="J24" s="280">
        <v>0</v>
      </c>
      <c r="K24" s="280">
        <v>0</v>
      </c>
      <c r="L24" s="277">
        <v>66</v>
      </c>
      <c r="M24" s="282">
        <v>66</v>
      </c>
      <c r="N24" s="280">
        <v>0</v>
      </c>
      <c r="O24" s="280">
        <v>0</v>
      </c>
      <c r="P24" s="277">
        <v>0</v>
      </c>
      <c r="Q24" s="279">
        <v>0</v>
      </c>
      <c r="R24" s="280">
        <v>0</v>
      </c>
      <c r="S24" s="280">
        <v>0</v>
      </c>
      <c r="T24" s="280">
        <v>9</v>
      </c>
      <c r="U24" s="280">
        <v>0</v>
      </c>
      <c r="V24" s="280">
        <v>0</v>
      </c>
      <c r="W24" s="277">
        <v>9</v>
      </c>
      <c r="X24" s="282">
        <v>9</v>
      </c>
    </row>
    <row r="25" spans="2:24" ht="21" customHeight="1" x14ac:dyDescent="0.2">
      <c r="B25" s="256" t="s">
        <v>23</v>
      </c>
      <c r="C25" s="280">
        <v>0</v>
      </c>
      <c r="D25" s="280">
        <v>0</v>
      </c>
      <c r="E25" s="277">
        <v>0</v>
      </c>
      <c r="F25" s="279">
        <v>0</v>
      </c>
      <c r="G25" s="280">
        <v>0</v>
      </c>
      <c r="H25" s="280">
        <v>28</v>
      </c>
      <c r="I25" s="280">
        <v>20</v>
      </c>
      <c r="J25" s="280">
        <v>0</v>
      </c>
      <c r="K25" s="280">
        <v>20</v>
      </c>
      <c r="L25" s="277">
        <v>68</v>
      </c>
      <c r="M25" s="282">
        <v>68</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0</v>
      </c>
      <c r="H26" s="280">
        <v>0</v>
      </c>
      <c r="I26" s="280">
        <v>0</v>
      </c>
      <c r="J26" s="280">
        <v>0</v>
      </c>
      <c r="K26" s="280">
        <v>0</v>
      </c>
      <c r="L26" s="277">
        <v>0</v>
      </c>
      <c r="M26" s="282">
        <v>0</v>
      </c>
      <c r="N26" s="280">
        <v>0</v>
      </c>
      <c r="O26" s="280">
        <v>0</v>
      </c>
      <c r="P26" s="277">
        <v>0</v>
      </c>
      <c r="Q26" s="279">
        <v>0</v>
      </c>
      <c r="R26" s="280">
        <v>0</v>
      </c>
      <c r="S26" s="280">
        <v>0</v>
      </c>
      <c r="T26" s="280">
        <v>10</v>
      </c>
      <c r="U26" s="280">
        <v>0</v>
      </c>
      <c r="V26" s="280">
        <v>12</v>
      </c>
      <c r="W26" s="277">
        <v>22</v>
      </c>
      <c r="X26" s="282">
        <v>22</v>
      </c>
    </row>
    <row r="27" spans="2:24" ht="21" customHeight="1" x14ac:dyDescent="0.2">
      <c r="B27" s="256" t="s">
        <v>25</v>
      </c>
      <c r="C27" s="280">
        <v>0</v>
      </c>
      <c r="D27" s="280">
        <v>0</v>
      </c>
      <c r="E27" s="277">
        <v>0</v>
      </c>
      <c r="F27" s="279">
        <v>0</v>
      </c>
      <c r="G27" s="280">
        <v>29</v>
      </c>
      <c r="H27" s="280">
        <v>6</v>
      </c>
      <c r="I27" s="280">
        <v>2</v>
      </c>
      <c r="J27" s="280">
        <v>0</v>
      </c>
      <c r="K27" s="280">
        <v>0</v>
      </c>
      <c r="L27" s="277">
        <v>37</v>
      </c>
      <c r="M27" s="282">
        <v>37</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22</v>
      </c>
      <c r="H28" s="280">
        <v>13</v>
      </c>
      <c r="I28" s="280">
        <v>4</v>
      </c>
      <c r="J28" s="280">
        <v>0</v>
      </c>
      <c r="K28" s="280">
        <v>0</v>
      </c>
      <c r="L28" s="277">
        <v>39</v>
      </c>
      <c r="M28" s="282">
        <v>39</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14</v>
      </c>
      <c r="H29" s="280">
        <v>8</v>
      </c>
      <c r="I29" s="280">
        <v>0</v>
      </c>
      <c r="J29" s="280">
        <v>0</v>
      </c>
      <c r="K29" s="280">
        <v>0</v>
      </c>
      <c r="L29" s="277">
        <v>22</v>
      </c>
      <c r="M29" s="282">
        <v>22</v>
      </c>
      <c r="N29" s="280">
        <v>0</v>
      </c>
      <c r="O29" s="280">
        <v>0</v>
      </c>
      <c r="P29" s="277">
        <v>0</v>
      </c>
      <c r="Q29" s="279">
        <v>0</v>
      </c>
      <c r="R29" s="280">
        <v>3</v>
      </c>
      <c r="S29" s="280">
        <v>0</v>
      </c>
      <c r="T29" s="280">
        <v>12</v>
      </c>
      <c r="U29" s="280">
        <v>0</v>
      </c>
      <c r="V29" s="280">
        <v>0</v>
      </c>
      <c r="W29" s="277">
        <v>15</v>
      </c>
      <c r="X29" s="282">
        <v>15</v>
      </c>
    </row>
    <row r="30" spans="2:24" ht="21" customHeight="1" x14ac:dyDescent="0.2">
      <c r="B30" s="256" t="s">
        <v>28</v>
      </c>
      <c r="C30" s="280">
        <v>0</v>
      </c>
      <c r="D30" s="280">
        <v>0</v>
      </c>
      <c r="E30" s="277">
        <v>0</v>
      </c>
      <c r="F30" s="279">
        <v>0</v>
      </c>
      <c r="G30" s="280">
        <v>38</v>
      </c>
      <c r="H30" s="280">
        <v>3</v>
      </c>
      <c r="I30" s="280">
        <v>0</v>
      </c>
      <c r="J30" s="280">
        <v>0</v>
      </c>
      <c r="K30" s="280">
        <v>0</v>
      </c>
      <c r="L30" s="277">
        <v>41</v>
      </c>
      <c r="M30" s="282">
        <v>41</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3</v>
      </c>
      <c r="H31" s="280">
        <v>0</v>
      </c>
      <c r="I31" s="280">
        <v>0</v>
      </c>
      <c r="J31" s="280">
        <v>0</v>
      </c>
      <c r="K31" s="280">
        <v>0</v>
      </c>
      <c r="L31" s="277">
        <v>3</v>
      </c>
      <c r="M31" s="282">
        <v>3</v>
      </c>
      <c r="N31" s="280">
        <v>0</v>
      </c>
      <c r="O31" s="280">
        <v>0</v>
      </c>
      <c r="P31" s="277">
        <v>0</v>
      </c>
      <c r="Q31" s="279">
        <v>0</v>
      </c>
      <c r="R31" s="280">
        <v>0</v>
      </c>
      <c r="S31" s="280">
        <v>0</v>
      </c>
      <c r="T31" s="280">
        <v>10</v>
      </c>
      <c r="U31" s="280">
        <v>0</v>
      </c>
      <c r="V31" s="280">
        <v>0</v>
      </c>
      <c r="W31" s="277">
        <v>10</v>
      </c>
      <c r="X31" s="282">
        <v>10</v>
      </c>
    </row>
    <row r="32" spans="2:24" ht="21" customHeight="1" x14ac:dyDescent="0.2">
      <c r="B32" s="256" t="s">
        <v>30</v>
      </c>
      <c r="C32" s="280">
        <v>0</v>
      </c>
      <c r="D32" s="280">
        <v>0</v>
      </c>
      <c r="E32" s="277">
        <v>0</v>
      </c>
      <c r="F32" s="279">
        <v>0</v>
      </c>
      <c r="G32" s="280">
        <v>14</v>
      </c>
      <c r="H32" s="280">
        <v>0</v>
      </c>
      <c r="I32" s="280">
        <v>0</v>
      </c>
      <c r="J32" s="280">
        <v>0</v>
      </c>
      <c r="K32" s="280">
        <v>0</v>
      </c>
      <c r="L32" s="277">
        <v>14</v>
      </c>
      <c r="M32" s="282">
        <v>14</v>
      </c>
      <c r="N32" s="280">
        <v>0</v>
      </c>
      <c r="O32" s="280">
        <v>0</v>
      </c>
      <c r="P32" s="277">
        <v>0</v>
      </c>
      <c r="Q32" s="279">
        <v>0</v>
      </c>
      <c r="R32" s="280">
        <v>0</v>
      </c>
      <c r="S32" s="280">
        <v>5</v>
      </c>
      <c r="T32" s="280">
        <v>0</v>
      </c>
      <c r="U32" s="280">
        <v>0</v>
      </c>
      <c r="V32" s="280">
        <v>0</v>
      </c>
      <c r="W32" s="277">
        <v>5</v>
      </c>
      <c r="X32" s="282">
        <v>5</v>
      </c>
    </row>
    <row r="33" spans="2:24" ht="21" customHeight="1" x14ac:dyDescent="0.2">
      <c r="B33" s="256" t="s">
        <v>31</v>
      </c>
      <c r="C33" s="280">
        <v>0</v>
      </c>
      <c r="D33" s="280">
        <v>0</v>
      </c>
      <c r="E33" s="277">
        <v>0</v>
      </c>
      <c r="F33" s="279">
        <v>0</v>
      </c>
      <c r="G33" s="280">
        <v>10</v>
      </c>
      <c r="H33" s="280">
        <v>4</v>
      </c>
      <c r="I33" s="280">
        <v>9</v>
      </c>
      <c r="J33" s="280">
        <v>0</v>
      </c>
      <c r="K33" s="280">
        <v>0</v>
      </c>
      <c r="L33" s="277">
        <v>23</v>
      </c>
      <c r="M33" s="282">
        <v>23</v>
      </c>
      <c r="N33" s="280">
        <v>0</v>
      </c>
      <c r="O33" s="280">
        <v>0</v>
      </c>
      <c r="P33" s="277">
        <v>0</v>
      </c>
      <c r="Q33" s="279">
        <v>0</v>
      </c>
      <c r="R33" s="280">
        <v>0</v>
      </c>
      <c r="S33" s="280">
        <v>0</v>
      </c>
      <c r="T33" s="280">
        <v>0</v>
      </c>
      <c r="U33" s="280">
        <v>0</v>
      </c>
      <c r="V33" s="280">
        <v>0</v>
      </c>
      <c r="W33" s="277">
        <v>0</v>
      </c>
      <c r="X33" s="282">
        <v>0</v>
      </c>
    </row>
    <row r="34" spans="2:24" ht="21" customHeight="1" x14ac:dyDescent="0.2">
      <c r="B34" s="256" t="s">
        <v>32</v>
      </c>
      <c r="C34" s="280">
        <v>0</v>
      </c>
      <c r="D34" s="280">
        <v>0</v>
      </c>
      <c r="E34" s="277">
        <v>0</v>
      </c>
      <c r="F34" s="279">
        <v>0</v>
      </c>
      <c r="G34" s="280">
        <v>8</v>
      </c>
      <c r="H34" s="280">
        <v>6</v>
      </c>
      <c r="I34" s="280">
        <v>4</v>
      </c>
      <c r="J34" s="280">
        <v>0</v>
      </c>
      <c r="K34" s="280">
        <v>0</v>
      </c>
      <c r="L34" s="277">
        <v>18</v>
      </c>
      <c r="M34" s="282">
        <v>18</v>
      </c>
      <c r="N34" s="280">
        <v>0</v>
      </c>
      <c r="O34" s="280">
        <v>0</v>
      </c>
      <c r="P34" s="277">
        <v>0</v>
      </c>
      <c r="Q34" s="279">
        <v>0</v>
      </c>
      <c r="R34" s="280">
        <v>14</v>
      </c>
      <c r="S34" s="280">
        <v>0</v>
      </c>
      <c r="T34" s="280">
        <v>0</v>
      </c>
      <c r="U34" s="280">
        <v>0</v>
      </c>
      <c r="V34" s="280">
        <v>0</v>
      </c>
      <c r="W34" s="277">
        <v>14</v>
      </c>
      <c r="X34" s="282">
        <v>14</v>
      </c>
    </row>
    <row r="35" spans="2:24" ht="21" customHeight="1" x14ac:dyDescent="0.2">
      <c r="B35" s="256" t="s">
        <v>33</v>
      </c>
      <c r="C35" s="280">
        <v>0</v>
      </c>
      <c r="D35" s="280">
        <v>0</v>
      </c>
      <c r="E35" s="277">
        <v>0</v>
      </c>
      <c r="F35" s="279">
        <v>0</v>
      </c>
      <c r="G35" s="280">
        <v>9</v>
      </c>
      <c r="H35" s="280">
        <v>0</v>
      </c>
      <c r="I35" s="280">
        <v>16</v>
      </c>
      <c r="J35" s="280">
        <v>0</v>
      </c>
      <c r="K35" s="280">
        <v>0</v>
      </c>
      <c r="L35" s="277">
        <v>25</v>
      </c>
      <c r="M35" s="282">
        <v>25</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0</v>
      </c>
      <c r="H36" s="280">
        <v>0</v>
      </c>
      <c r="I36" s="280">
        <v>0</v>
      </c>
      <c r="J36" s="280">
        <v>0</v>
      </c>
      <c r="K36" s="280">
        <v>0</v>
      </c>
      <c r="L36" s="277">
        <v>0</v>
      </c>
      <c r="M36" s="282">
        <v>0</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3</v>
      </c>
      <c r="H37" s="280">
        <v>0</v>
      </c>
      <c r="I37" s="280">
        <v>7</v>
      </c>
      <c r="J37" s="280">
        <v>0</v>
      </c>
      <c r="K37" s="280">
        <v>0</v>
      </c>
      <c r="L37" s="277">
        <v>10</v>
      </c>
      <c r="M37" s="282">
        <v>1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7</v>
      </c>
      <c r="H38" s="280">
        <v>2</v>
      </c>
      <c r="I38" s="280">
        <v>0</v>
      </c>
      <c r="J38" s="280">
        <v>12</v>
      </c>
      <c r="K38" s="280">
        <v>0</v>
      </c>
      <c r="L38" s="277">
        <v>21</v>
      </c>
      <c r="M38" s="282">
        <v>21</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13</v>
      </c>
      <c r="L39" s="284">
        <v>13</v>
      </c>
      <c r="M39" s="289">
        <v>13</v>
      </c>
      <c r="N39" s="287">
        <v>0</v>
      </c>
      <c r="O39" s="287">
        <v>0</v>
      </c>
      <c r="P39" s="284">
        <v>0</v>
      </c>
      <c r="Q39" s="286">
        <v>0</v>
      </c>
      <c r="R39" s="287">
        <v>0</v>
      </c>
      <c r="S39" s="287">
        <v>0</v>
      </c>
      <c r="T39" s="287">
        <v>0</v>
      </c>
      <c r="U39" s="287">
        <v>0</v>
      </c>
      <c r="V39" s="287">
        <v>0</v>
      </c>
      <c r="W39" s="284">
        <v>0</v>
      </c>
      <c r="X39" s="289">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H1" s="524">
        <f>第１表!F2</f>
        <v>5</v>
      </c>
      <c r="I1" s="524"/>
      <c r="J1" s="248">
        <f>第１表!G2</f>
        <v>5</v>
      </c>
      <c r="K1" s="555">
        <f>IF(J1&lt;3,J1-2+12,J1-2)</f>
        <v>3</v>
      </c>
      <c r="L1" s="555"/>
    </row>
    <row r="2" spans="2:133" ht="24" customHeight="1" thickBot="1" x14ac:dyDescent="0.25"/>
    <row r="3" spans="2:133" ht="21" customHeight="1" thickBot="1" x14ac:dyDescent="0.25">
      <c r="B3" s="573"/>
      <c r="C3" s="576" t="s">
        <v>57</v>
      </c>
      <c r="D3" s="577"/>
      <c r="E3" s="577"/>
      <c r="F3" s="577"/>
      <c r="G3" s="577"/>
      <c r="H3" s="577"/>
      <c r="I3" s="577"/>
      <c r="J3" s="577"/>
      <c r="K3" s="577"/>
      <c r="L3" s="577"/>
      <c r="M3" s="577"/>
      <c r="N3" s="577"/>
      <c r="O3" s="577"/>
      <c r="P3" s="577"/>
      <c r="Q3" s="577"/>
      <c r="R3" s="577"/>
      <c r="S3" s="577"/>
      <c r="T3" s="577"/>
      <c r="U3" s="577"/>
      <c r="V3" s="577"/>
      <c r="W3" s="577"/>
      <c r="X3" s="577"/>
      <c r="Y3" s="577"/>
      <c r="Z3" s="577"/>
      <c r="AA3" s="577"/>
      <c r="AB3" s="577"/>
      <c r="AC3" s="577"/>
      <c r="AD3" s="577"/>
      <c r="AE3" s="577"/>
      <c r="AF3" s="578"/>
      <c r="AG3" s="576" t="s">
        <v>58</v>
      </c>
      <c r="AH3" s="579"/>
      <c r="AI3" s="579"/>
      <c r="AJ3" s="579"/>
      <c r="AK3" s="579"/>
      <c r="AL3" s="579"/>
      <c r="AM3" s="579"/>
      <c r="AN3" s="579"/>
      <c r="AO3" s="579"/>
      <c r="AP3" s="579"/>
      <c r="AQ3" s="579"/>
      <c r="AR3" s="579"/>
      <c r="AS3" s="579"/>
      <c r="AT3" s="579"/>
      <c r="AU3" s="579"/>
      <c r="AV3" s="579"/>
      <c r="AW3" s="579"/>
      <c r="AX3" s="579"/>
      <c r="AY3" s="579"/>
      <c r="AZ3" s="579"/>
      <c r="BA3" s="579"/>
      <c r="BB3" s="579"/>
      <c r="BC3" s="579"/>
      <c r="BD3" s="579"/>
      <c r="BE3" s="579"/>
      <c r="BF3" s="579"/>
      <c r="BG3" s="579"/>
      <c r="BH3" s="579"/>
      <c r="BI3" s="579"/>
      <c r="BJ3" s="580"/>
      <c r="BK3" s="576" t="s">
        <v>59</v>
      </c>
      <c r="BL3" s="577"/>
      <c r="BM3" s="577"/>
      <c r="BN3" s="577"/>
      <c r="BO3" s="577"/>
      <c r="BP3" s="577"/>
      <c r="BQ3" s="577"/>
      <c r="BR3" s="577"/>
      <c r="BS3" s="577"/>
      <c r="BT3" s="577"/>
      <c r="BU3" s="577"/>
      <c r="BV3" s="577"/>
      <c r="BW3" s="577"/>
      <c r="BX3" s="577"/>
      <c r="BY3" s="577"/>
      <c r="BZ3" s="577"/>
      <c r="CA3" s="577"/>
      <c r="CB3" s="577"/>
      <c r="CC3" s="577"/>
      <c r="CD3" s="577"/>
      <c r="CE3" s="577"/>
      <c r="CF3" s="577"/>
      <c r="CG3" s="577"/>
      <c r="CH3" s="577"/>
      <c r="CI3" s="577"/>
      <c r="CJ3" s="577"/>
      <c r="CK3" s="577"/>
      <c r="CL3" s="577"/>
      <c r="CM3" s="577"/>
      <c r="CN3" s="578"/>
      <c r="CO3" s="605" t="s">
        <v>151</v>
      </c>
      <c r="CP3" s="577"/>
      <c r="CQ3" s="577"/>
      <c r="CR3" s="577"/>
      <c r="CS3" s="577"/>
      <c r="CT3" s="577"/>
      <c r="CU3" s="577"/>
      <c r="CV3" s="577"/>
      <c r="CW3" s="577"/>
      <c r="CX3" s="577"/>
      <c r="CY3" s="577"/>
      <c r="CZ3" s="577"/>
      <c r="DA3" s="577"/>
      <c r="DB3" s="577"/>
      <c r="DC3" s="577"/>
      <c r="DD3" s="577"/>
      <c r="DE3" s="577"/>
      <c r="DF3" s="577"/>
      <c r="DG3" s="577"/>
      <c r="DH3" s="577"/>
      <c r="DI3" s="577"/>
      <c r="DJ3" s="577"/>
      <c r="DK3" s="577"/>
      <c r="DL3" s="577"/>
      <c r="DM3" s="577"/>
      <c r="DN3" s="577"/>
      <c r="DO3" s="577"/>
      <c r="DP3" s="577"/>
      <c r="DQ3" s="577"/>
      <c r="DR3" s="578"/>
      <c r="DS3" s="599" t="s">
        <v>60</v>
      </c>
      <c r="DT3" s="504"/>
      <c r="DU3" s="504"/>
      <c r="DV3" s="504"/>
      <c r="DW3" s="504"/>
      <c r="DX3" s="504"/>
      <c r="DY3" s="504"/>
      <c r="DZ3" s="504"/>
      <c r="EA3" s="504"/>
      <c r="EB3" s="505"/>
    </row>
    <row r="4" spans="2:133" ht="21" customHeight="1" thickBot="1" x14ac:dyDescent="0.25">
      <c r="B4" s="574"/>
      <c r="C4" s="600"/>
      <c r="D4" s="593"/>
      <c r="E4" s="593"/>
      <c r="F4" s="593"/>
      <c r="G4" s="593"/>
      <c r="H4" s="593"/>
      <c r="I4" s="593"/>
      <c r="J4" s="593"/>
      <c r="K4" s="593"/>
      <c r="L4" s="593"/>
      <c r="M4" s="602" t="s">
        <v>39</v>
      </c>
      <c r="N4" s="603"/>
      <c r="O4" s="603"/>
      <c r="P4" s="603"/>
      <c r="Q4" s="603"/>
      <c r="R4" s="603"/>
      <c r="S4" s="603"/>
      <c r="T4" s="603"/>
      <c r="U4" s="603"/>
      <c r="V4" s="604"/>
      <c r="W4" s="602" t="s">
        <v>40</v>
      </c>
      <c r="X4" s="603"/>
      <c r="Y4" s="603"/>
      <c r="Z4" s="603"/>
      <c r="AA4" s="603"/>
      <c r="AB4" s="603"/>
      <c r="AC4" s="603"/>
      <c r="AD4" s="603"/>
      <c r="AE4" s="603"/>
      <c r="AF4" s="604"/>
      <c r="AG4" s="600"/>
      <c r="AH4" s="593"/>
      <c r="AI4" s="593"/>
      <c r="AJ4" s="593"/>
      <c r="AK4" s="593"/>
      <c r="AL4" s="593"/>
      <c r="AM4" s="593"/>
      <c r="AN4" s="593"/>
      <c r="AO4" s="593"/>
      <c r="AP4" s="593"/>
      <c r="AQ4" s="602" t="s">
        <v>39</v>
      </c>
      <c r="AR4" s="603"/>
      <c r="AS4" s="603"/>
      <c r="AT4" s="603"/>
      <c r="AU4" s="603"/>
      <c r="AV4" s="603"/>
      <c r="AW4" s="603"/>
      <c r="AX4" s="603"/>
      <c r="AY4" s="603"/>
      <c r="AZ4" s="604"/>
      <c r="BA4" s="602" t="s">
        <v>40</v>
      </c>
      <c r="BB4" s="603"/>
      <c r="BC4" s="603"/>
      <c r="BD4" s="603"/>
      <c r="BE4" s="603"/>
      <c r="BF4" s="603"/>
      <c r="BG4" s="603"/>
      <c r="BH4" s="603"/>
      <c r="BI4" s="603"/>
      <c r="BJ4" s="604"/>
      <c r="BK4" s="600"/>
      <c r="BL4" s="593"/>
      <c r="BM4" s="593"/>
      <c r="BN4" s="593"/>
      <c r="BO4" s="593"/>
      <c r="BP4" s="593"/>
      <c r="BQ4" s="593"/>
      <c r="BR4" s="593"/>
      <c r="BS4" s="593"/>
      <c r="BT4" s="593"/>
      <c r="BU4" s="602" t="s">
        <v>39</v>
      </c>
      <c r="BV4" s="603"/>
      <c r="BW4" s="603"/>
      <c r="BX4" s="603"/>
      <c r="BY4" s="603"/>
      <c r="BZ4" s="603"/>
      <c r="CA4" s="603"/>
      <c r="CB4" s="603"/>
      <c r="CC4" s="603"/>
      <c r="CD4" s="604"/>
      <c r="CE4" s="602" t="s">
        <v>40</v>
      </c>
      <c r="CF4" s="603"/>
      <c r="CG4" s="603"/>
      <c r="CH4" s="603"/>
      <c r="CI4" s="603"/>
      <c r="CJ4" s="603"/>
      <c r="CK4" s="603"/>
      <c r="CL4" s="603"/>
      <c r="CM4" s="603"/>
      <c r="CN4" s="604"/>
      <c r="CO4" s="600"/>
      <c r="CP4" s="593"/>
      <c r="CQ4" s="593"/>
      <c r="CR4" s="593"/>
      <c r="CS4" s="593"/>
      <c r="CT4" s="593"/>
      <c r="CU4" s="593"/>
      <c r="CV4" s="593"/>
      <c r="CW4" s="593"/>
      <c r="CX4" s="593"/>
      <c r="CY4" s="602" t="s">
        <v>39</v>
      </c>
      <c r="CZ4" s="603"/>
      <c r="DA4" s="603"/>
      <c r="DB4" s="603"/>
      <c r="DC4" s="603"/>
      <c r="DD4" s="603"/>
      <c r="DE4" s="603"/>
      <c r="DF4" s="603"/>
      <c r="DG4" s="603"/>
      <c r="DH4" s="604"/>
      <c r="DI4" s="602" t="s">
        <v>40</v>
      </c>
      <c r="DJ4" s="603"/>
      <c r="DK4" s="603"/>
      <c r="DL4" s="603"/>
      <c r="DM4" s="603"/>
      <c r="DN4" s="603"/>
      <c r="DO4" s="603"/>
      <c r="DP4" s="603"/>
      <c r="DQ4" s="603"/>
      <c r="DR4" s="604"/>
      <c r="DS4" s="600"/>
      <c r="DT4" s="593"/>
      <c r="DU4" s="593"/>
      <c r="DV4" s="593"/>
      <c r="DW4" s="593"/>
      <c r="DX4" s="593"/>
      <c r="DY4" s="593"/>
      <c r="DZ4" s="593"/>
      <c r="EA4" s="593"/>
      <c r="EB4" s="601"/>
    </row>
    <row r="5" spans="2:133" ht="21" customHeight="1" x14ac:dyDescent="0.2">
      <c r="B5" s="575"/>
      <c r="C5" s="581" t="s">
        <v>61</v>
      </c>
      <c r="D5" s="582"/>
      <c r="E5" s="583"/>
      <c r="F5" s="584" t="s">
        <v>62</v>
      </c>
      <c r="G5" s="585"/>
      <c r="H5" s="585"/>
      <c r="I5" s="585"/>
      <c r="J5" s="585"/>
      <c r="K5" s="586"/>
      <c r="L5" s="597" t="s">
        <v>52</v>
      </c>
      <c r="M5" s="589" t="s">
        <v>61</v>
      </c>
      <c r="N5" s="590"/>
      <c r="O5" s="591"/>
      <c r="P5" s="592" t="s">
        <v>62</v>
      </c>
      <c r="Q5" s="593"/>
      <c r="R5" s="593"/>
      <c r="S5" s="593"/>
      <c r="T5" s="593"/>
      <c r="U5" s="594"/>
      <c r="V5" s="598" t="s">
        <v>52</v>
      </c>
      <c r="W5" s="606" t="s">
        <v>61</v>
      </c>
      <c r="X5" s="590"/>
      <c r="Y5" s="591"/>
      <c r="Z5" s="592" t="s">
        <v>62</v>
      </c>
      <c r="AA5" s="593"/>
      <c r="AB5" s="593"/>
      <c r="AC5" s="593"/>
      <c r="AD5" s="593"/>
      <c r="AE5" s="594"/>
      <c r="AF5" s="598" t="s">
        <v>52</v>
      </c>
      <c r="AG5" s="581" t="s">
        <v>61</v>
      </c>
      <c r="AH5" s="582"/>
      <c r="AI5" s="583"/>
      <c r="AJ5" s="584" t="s">
        <v>62</v>
      </c>
      <c r="AK5" s="585"/>
      <c r="AL5" s="585"/>
      <c r="AM5" s="585"/>
      <c r="AN5" s="585"/>
      <c r="AO5" s="586"/>
      <c r="AP5" s="587" t="s">
        <v>52</v>
      </c>
      <c r="AQ5" s="589" t="s">
        <v>61</v>
      </c>
      <c r="AR5" s="590"/>
      <c r="AS5" s="591"/>
      <c r="AT5" s="592" t="s">
        <v>62</v>
      </c>
      <c r="AU5" s="593"/>
      <c r="AV5" s="593"/>
      <c r="AW5" s="593"/>
      <c r="AX5" s="593"/>
      <c r="AY5" s="594"/>
      <c r="AZ5" s="595" t="s">
        <v>52</v>
      </c>
      <c r="BA5" s="589" t="s">
        <v>61</v>
      </c>
      <c r="BB5" s="590"/>
      <c r="BC5" s="591"/>
      <c r="BD5" s="592" t="s">
        <v>62</v>
      </c>
      <c r="BE5" s="593"/>
      <c r="BF5" s="593"/>
      <c r="BG5" s="593"/>
      <c r="BH5" s="593"/>
      <c r="BI5" s="594"/>
      <c r="BJ5" s="598" t="s">
        <v>52</v>
      </c>
      <c r="BK5" s="581" t="s">
        <v>61</v>
      </c>
      <c r="BL5" s="582"/>
      <c r="BM5" s="583"/>
      <c r="BN5" s="584" t="s">
        <v>62</v>
      </c>
      <c r="BO5" s="585"/>
      <c r="BP5" s="585"/>
      <c r="BQ5" s="585"/>
      <c r="BR5" s="585"/>
      <c r="BS5" s="586"/>
      <c r="BT5" s="597" t="s">
        <v>52</v>
      </c>
      <c r="BU5" s="589" t="s">
        <v>61</v>
      </c>
      <c r="BV5" s="590"/>
      <c r="BW5" s="591"/>
      <c r="BX5" s="592" t="s">
        <v>62</v>
      </c>
      <c r="BY5" s="593"/>
      <c r="BZ5" s="593"/>
      <c r="CA5" s="593"/>
      <c r="CB5" s="593"/>
      <c r="CC5" s="594"/>
      <c r="CD5" s="598" t="s">
        <v>52</v>
      </c>
      <c r="CE5" s="606" t="s">
        <v>61</v>
      </c>
      <c r="CF5" s="590"/>
      <c r="CG5" s="591"/>
      <c r="CH5" s="592" t="s">
        <v>62</v>
      </c>
      <c r="CI5" s="593"/>
      <c r="CJ5" s="593"/>
      <c r="CK5" s="593"/>
      <c r="CL5" s="593"/>
      <c r="CM5" s="594"/>
      <c r="CN5" s="598" t="s">
        <v>52</v>
      </c>
      <c r="CO5" s="581" t="s">
        <v>61</v>
      </c>
      <c r="CP5" s="582"/>
      <c r="CQ5" s="583"/>
      <c r="CR5" s="584" t="s">
        <v>62</v>
      </c>
      <c r="CS5" s="585"/>
      <c r="CT5" s="585"/>
      <c r="CU5" s="585"/>
      <c r="CV5" s="585"/>
      <c r="CW5" s="586"/>
      <c r="CX5" s="597" t="s">
        <v>52</v>
      </c>
      <c r="CY5" s="589" t="s">
        <v>61</v>
      </c>
      <c r="CZ5" s="590"/>
      <c r="DA5" s="591"/>
      <c r="DB5" s="592" t="s">
        <v>62</v>
      </c>
      <c r="DC5" s="593"/>
      <c r="DD5" s="593"/>
      <c r="DE5" s="593"/>
      <c r="DF5" s="593"/>
      <c r="DG5" s="594"/>
      <c r="DH5" s="598" t="s">
        <v>52</v>
      </c>
      <c r="DI5" s="606" t="s">
        <v>61</v>
      </c>
      <c r="DJ5" s="590"/>
      <c r="DK5" s="591"/>
      <c r="DL5" s="592" t="s">
        <v>62</v>
      </c>
      <c r="DM5" s="593"/>
      <c r="DN5" s="593"/>
      <c r="DO5" s="593"/>
      <c r="DP5" s="593"/>
      <c r="DQ5" s="594"/>
      <c r="DR5" s="598" t="s">
        <v>52</v>
      </c>
      <c r="DS5" s="581" t="s">
        <v>61</v>
      </c>
      <c r="DT5" s="582"/>
      <c r="DU5" s="583"/>
      <c r="DV5" s="584" t="s">
        <v>62</v>
      </c>
      <c r="DW5" s="585"/>
      <c r="DX5" s="585"/>
      <c r="DY5" s="585"/>
      <c r="DZ5" s="585"/>
      <c r="EA5" s="586"/>
      <c r="EB5" s="587" t="s">
        <v>52</v>
      </c>
    </row>
    <row r="6" spans="2:133" ht="30" customHeight="1" thickBot="1" x14ac:dyDescent="0.25">
      <c r="B6" s="311" t="s">
        <v>42</v>
      </c>
      <c r="C6" s="31" t="s">
        <v>43</v>
      </c>
      <c r="D6" s="32" t="s">
        <v>44</v>
      </c>
      <c r="E6" s="32" t="s">
        <v>45</v>
      </c>
      <c r="F6" s="33" t="s">
        <v>47</v>
      </c>
      <c r="G6" s="34" t="s">
        <v>48</v>
      </c>
      <c r="H6" s="34" t="s">
        <v>49</v>
      </c>
      <c r="I6" s="35" t="s">
        <v>50</v>
      </c>
      <c r="J6" s="32" t="s">
        <v>51</v>
      </c>
      <c r="K6" s="36" t="s">
        <v>95</v>
      </c>
      <c r="L6" s="596"/>
      <c r="M6" s="31" t="s">
        <v>43</v>
      </c>
      <c r="N6" s="32" t="s">
        <v>44</v>
      </c>
      <c r="O6" s="36" t="s">
        <v>45</v>
      </c>
      <c r="P6" s="33" t="s">
        <v>47</v>
      </c>
      <c r="Q6" s="34" t="s">
        <v>48</v>
      </c>
      <c r="R6" s="34" t="s">
        <v>49</v>
      </c>
      <c r="S6" s="35" t="s">
        <v>50</v>
      </c>
      <c r="T6" s="32" t="s">
        <v>51</v>
      </c>
      <c r="U6" s="36" t="s">
        <v>45</v>
      </c>
      <c r="V6" s="588"/>
      <c r="W6" s="15" t="s">
        <v>43</v>
      </c>
      <c r="X6" s="32" t="s">
        <v>44</v>
      </c>
      <c r="Y6" s="36" t="s">
        <v>45</v>
      </c>
      <c r="Z6" s="15" t="s">
        <v>47</v>
      </c>
      <c r="AA6" s="34" t="s">
        <v>48</v>
      </c>
      <c r="AB6" s="34" t="s">
        <v>49</v>
      </c>
      <c r="AC6" s="35" t="s">
        <v>50</v>
      </c>
      <c r="AD6" s="32" t="s">
        <v>51</v>
      </c>
      <c r="AE6" s="36" t="s">
        <v>45</v>
      </c>
      <c r="AF6" s="588"/>
      <c r="AG6" s="31" t="s">
        <v>43</v>
      </c>
      <c r="AH6" s="32" t="s">
        <v>44</v>
      </c>
      <c r="AI6" s="36" t="s">
        <v>45</v>
      </c>
      <c r="AJ6" s="15" t="s">
        <v>47</v>
      </c>
      <c r="AK6" s="34" t="s">
        <v>48</v>
      </c>
      <c r="AL6" s="34" t="s">
        <v>49</v>
      </c>
      <c r="AM6" s="35" t="s">
        <v>50</v>
      </c>
      <c r="AN6" s="32" t="s">
        <v>51</v>
      </c>
      <c r="AO6" s="36" t="s">
        <v>45</v>
      </c>
      <c r="AP6" s="588"/>
      <c r="AQ6" s="31" t="s">
        <v>43</v>
      </c>
      <c r="AR6" s="32" t="s">
        <v>44</v>
      </c>
      <c r="AS6" s="36" t="s">
        <v>45</v>
      </c>
      <c r="AT6" s="33" t="s">
        <v>47</v>
      </c>
      <c r="AU6" s="34" t="s">
        <v>48</v>
      </c>
      <c r="AV6" s="34" t="s">
        <v>49</v>
      </c>
      <c r="AW6" s="35" t="s">
        <v>50</v>
      </c>
      <c r="AX6" s="32" t="s">
        <v>51</v>
      </c>
      <c r="AY6" s="36" t="s">
        <v>45</v>
      </c>
      <c r="AZ6" s="596"/>
      <c r="BA6" s="31" t="s">
        <v>43</v>
      </c>
      <c r="BB6" s="32" t="s">
        <v>44</v>
      </c>
      <c r="BC6" s="32" t="s">
        <v>45</v>
      </c>
      <c r="BD6" s="33" t="s">
        <v>47</v>
      </c>
      <c r="BE6" s="34" t="s">
        <v>48</v>
      </c>
      <c r="BF6" s="34" t="s">
        <v>49</v>
      </c>
      <c r="BG6" s="35" t="s">
        <v>50</v>
      </c>
      <c r="BH6" s="32" t="s">
        <v>51</v>
      </c>
      <c r="BI6" s="36" t="s">
        <v>45</v>
      </c>
      <c r="BJ6" s="588"/>
      <c r="BK6" s="31" t="s">
        <v>43</v>
      </c>
      <c r="BL6" s="32" t="s">
        <v>44</v>
      </c>
      <c r="BM6" s="32" t="s">
        <v>45</v>
      </c>
      <c r="BN6" s="33" t="s">
        <v>47</v>
      </c>
      <c r="BO6" s="34" t="s">
        <v>48</v>
      </c>
      <c r="BP6" s="34" t="s">
        <v>49</v>
      </c>
      <c r="BQ6" s="35" t="s">
        <v>50</v>
      </c>
      <c r="BR6" s="32" t="s">
        <v>51</v>
      </c>
      <c r="BS6" s="36" t="s">
        <v>45</v>
      </c>
      <c r="BT6" s="596"/>
      <c r="BU6" s="31" t="s">
        <v>43</v>
      </c>
      <c r="BV6" s="32" t="s">
        <v>44</v>
      </c>
      <c r="BW6" s="32" t="s">
        <v>45</v>
      </c>
      <c r="BX6" s="33" t="s">
        <v>47</v>
      </c>
      <c r="BY6" s="34" t="s">
        <v>48</v>
      </c>
      <c r="BZ6" s="34" t="s">
        <v>49</v>
      </c>
      <c r="CA6" s="35" t="s">
        <v>50</v>
      </c>
      <c r="CB6" s="32" t="s">
        <v>51</v>
      </c>
      <c r="CC6" s="36" t="s">
        <v>45</v>
      </c>
      <c r="CD6" s="588"/>
      <c r="CE6" s="15" t="s">
        <v>43</v>
      </c>
      <c r="CF6" s="32" t="s">
        <v>44</v>
      </c>
      <c r="CG6" s="32" t="s">
        <v>45</v>
      </c>
      <c r="CH6" s="33" t="s">
        <v>47</v>
      </c>
      <c r="CI6" s="34" t="s">
        <v>48</v>
      </c>
      <c r="CJ6" s="34" t="s">
        <v>49</v>
      </c>
      <c r="CK6" s="35" t="s">
        <v>50</v>
      </c>
      <c r="CL6" s="32" t="s">
        <v>51</v>
      </c>
      <c r="CM6" s="36" t="s">
        <v>45</v>
      </c>
      <c r="CN6" s="588"/>
      <c r="CO6" s="31" t="s">
        <v>43</v>
      </c>
      <c r="CP6" s="32" t="s">
        <v>44</v>
      </c>
      <c r="CQ6" s="32" t="s">
        <v>45</v>
      </c>
      <c r="CR6" s="33" t="s">
        <v>47</v>
      </c>
      <c r="CS6" s="34" t="s">
        <v>48</v>
      </c>
      <c r="CT6" s="34" t="s">
        <v>49</v>
      </c>
      <c r="CU6" s="35" t="s">
        <v>50</v>
      </c>
      <c r="CV6" s="32" t="s">
        <v>51</v>
      </c>
      <c r="CW6" s="36" t="s">
        <v>45</v>
      </c>
      <c r="CX6" s="596"/>
      <c r="CY6" s="31" t="s">
        <v>43</v>
      </c>
      <c r="CZ6" s="32" t="s">
        <v>44</v>
      </c>
      <c r="DA6" s="32" t="s">
        <v>45</v>
      </c>
      <c r="DB6" s="33" t="s">
        <v>47</v>
      </c>
      <c r="DC6" s="34" t="s">
        <v>48</v>
      </c>
      <c r="DD6" s="34" t="s">
        <v>49</v>
      </c>
      <c r="DE6" s="35" t="s">
        <v>50</v>
      </c>
      <c r="DF6" s="32" t="s">
        <v>51</v>
      </c>
      <c r="DG6" s="36" t="s">
        <v>45</v>
      </c>
      <c r="DH6" s="588"/>
      <c r="DI6" s="15" t="s">
        <v>43</v>
      </c>
      <c r="DJ6" s="32" t="s">
        <v>44</v>
      </c>
      <c r="DK6" s="32" t="s">
        <v>45</v>
      </c>
      <c r="DL6" s="33" t="s">
        <v>47</v>
      </c>
      <c r="DM6" s="34" t="s">
        <v>48</v>
      </c>
      <c r="DN6" s="34" t="s">
        <v>49</v>
      </c>
      <c r="DO6" s="35" t="s">
        <v>50</v>
      </c>
      <c r="DP6" s="32" t="s">
        <v>51</v>
      </c>
      <c r="DQ6" s="36" t="s">
        <v>45</v>
      </c>
      <c r="DR6" s="588"/>
      <c r="DS6" s="31" t="s">
        <v>43</v>
      </c>
      <c r="DT6" s="32" t="s">
        <v>44</v>
      </c>
      <c r="DU6" s="32" t="s">
        <v>45</v>
      </c>
      <c r="DV6" s="33" t="s">
        <v>47</v>
      </c>
      <c r="DW6" s="34" t="s">
        <v>48</v>
      </c>
      <c r="DX6" s="34" t="s">
        <v>49</v>
      </c>
      <c r="DY6" s="35" t="s">
        <v>50</v>
      </c>
      <c r="DZ6" s="32" t="s">
        <v>51</v>
      </c>
      <c r="EA6" s="36" t="s">
        <v>45</v>
      </c>
      <c r="EB6" s="588"/>
    </row>
    <row r="7" spans="2:133" ht="21" customHeight="1" x14ac:dyDescent="0.2">
      <c r="B7" s="310" t="s">
        <v>4</v>
      </c>
      <c r="C7" s="185">
        <v>0</v>
      </c>
      <c r="D7" s="186">
        <v>0</v>
      </c>
      <c r="E7" s="186">
        <v>0</v>
      </c>
      <c r="F7" s="187">
        <v>434</v>
      </c>
      <c r="G7" s="188">
        <v>1474</v>
      </c>
      <c r="H7" s="188">
        <v>9791</v>
      </c>
      <c r="I7" s="188">
        <v>14765</v>
      </c>
      <c r="J7" s="186">
        <v>10305</v>
      </c>
      <c r="K7" s="189">
        <v>36769</v>
      </c>
      <c r="L7" s="190">
        <v>36769</v>
      </c>
      <c r="M7" s="185">
        <v>0</v>
      </c>
      <c r="N7" s="186">
        <v>0</v>
      </c>
      <c r="O7" s="189">
        <v>0</v>
      </c>
      <c r="P7" s="187">
        <v>429</v>
      </c>
      <c r="Q7" s="188">
        <v>1463</v>
      </c>
      <c r="R7" s="188">
        <v>9727</v>
      </c>
      <c r="S7" s="188">
        <v>14636</v>
      </c>
      <c r="T7" s="186">
        <v>10154</v>
      </c>
      <c r="U7" s="189">
        <v>36409</v>
      </c>
      <c r="V7" s="191">
        <v>36409</v>
      </c>
      <c r="W7" s="192">
        <v>0</v>
      </c>
      <c r="X7" s="186">
        <v>0</v>
      </c>
      <c r="Y7" s="189">
        <v>0</v>
      </c>
      <c r="Z7" s="192">
        <v>5</v>
      </c>
      <c r="AA7" s="188">
        <v>11</v>
      </c>
      <c r="AB7" s="188">
        <v>64</v>
      </c>
      <c r="AC7" s="188">
        <v>129</v>
      </c>
      <c r="AD7" s="186">
        <v>151</v>
      </c>
      <c r="AE7" s="189">
        <v>360</v>
      </c>
      <c r="AF7" s="193">
        <v>360</v>
      </c>
      <c r="AG7" s="192">
        <v>0</v>
      </c>
      <c r="AH7" s="186">
        <v>0</v>
      </c>
      <c r="AI7" s="189">
        <v>0</v>
      </c>
      <c r="AJ7" s="192">
        <v>1657</v>
      </c>
      <c r="AK7" s="188">
        <v>3440</v>
      </c>
      <c r="AL7" s="188">
        <v>4721</v>
      </c>
      <c r="AM7" s="188">
        <v>5664</v>
      </c>
      <c r="AN7" s="186">
        <v>2968</v>
      </c>
      <c r="AO7" s="189">
        <v>18450</v>
      </c>
      <c r="AP7" s="193">
        <v>18450</v>
      </c>
      <c r="AQ7" s="192">
        <v>0</v>
      </c>
      <c r="AR7" s="186">
        <v>0</v>
      </c>
      <c r="AS7" s="189">
        <v>0</v>
      </c>
      <c r="AT7" s="187">
        <v>1632</v>
      </c>
      <c r="AU7" s="188">
        <v>3406</v>
      </c>
      <c r="AV7" s="188">
        <v>4637</v>
      </c>
      <c r="AW7" s="188">
        <v>5551</v>
      </c>
      <c r="AX7" s="186">
        <v>2893</v>
      </c>
      <c r="AY7" s="189">
        <v>18119</v>
      </c>
      <c r="AZ7" s="190">
        <v>18119</v>
      </c>
      <c r="BA7" s="185">
        <v>0</v>
      </c>
      <c r="BB7" s="186">
        <v>0</v>
      </c>
      <c r="BC7" s="186">
        <v>0</v>
      </c>
      <c r="BD7" s="187">
        <v>25</v>
      </c>
      <c r="BE7" s="188">
        <v>34</v>
      </c>
      <c r="BF7" s="188">
        <v>84</v>
      </c>
      <c r="BG7" s="188">
        <v>113</v>
      </c>
      <c r="BH7" s="186">
        <v>75</v>
      </c>
      <c r="BI7" s="189">
        <v>331</v>
      </c>
      <c r="BJ7" s="191">
        <v>331</v>
      </c>
      <c r="BK7" s="192">
        <v>0</v>
      </c>
      <c r="BL7" s="186">
        <v>0</v>
      </c>
      <c r="BM7" s="186">
        <v>0</v>
      </c>
      <c r="BN7" s="187">
        <v>0</v>
      </c>
      <c r="BO7" s="188">
        <v>2</v>
      </c>
      <c r="BP7" s="188">
        <v>10</v>
      </c>
      <c r="BQ7" s="188">
        <v>131</v>
      </c>
      <c r="BR7" s="186">
        <v>182</v>
      </c>
      <c r="BS7" s="189">
        <v>325</v>
      </c>
      <c r="BT7" s="190">
        <v>325</v>
      </c>
      <c r="BU7" s="185">
        <v>0</v>
      </c>
      <c r="BV7" s="186">
        <v>0</v>
      </c>
      <c r="BW7" s="186">
        <v>0</v>
      </c>
      <c r="BX7" s="187">
        <v>0</v>
      </c>
      <c r="BY7" s="188">
        <v>2</v>
      </c>
      <c r="BZ7" s="188">
        <v>10</v>
      </c>
      <c r="CA7" s="188">
        <v>130</v>
      </c>
      <c r="CB7" s="186">
        <v>180</v>
      </c>
      <c r="CC7" s="189">
        <v>322</v>
      </c>
      <c r="CD7" s="191">
        <v>322</v>
      </c>
      <c r="CE7" s="192">
        <v>0</v>
      </c>
      <c r="CF7" s="186">
        <v>0</v>
      </c>
      <c r="CG7" s="186">
        <v>0</v>
      </c>
      <c r="CH7" s="187">
        <v>0</v>
      </c>
      <c r="CI7" s="188">
        <v>0</v>
      </c>
      <c r="CJ7" s="188">
        <v>0</v>
      </c>
      <c r="CK7" s="188">
        <v>1</v>
      </c>
      <c r="CL7" s="186">
        <v>2</v>
      </c>
      <c r="CM7" s="189">
        <v>3</v>
      </c>
      <c r="CN7" s="191">
        <v>3</v>
      </c>
      <c r="CO7" s="192">
        <v>0</v>
      </c>
      <c r="CP7" s="186">
        <v>0</v>
      </c>
      <c r="CQ7" s="186">
        <v>0</v>
      </c>
      <c r="CR7" s="187">
        <v>11</v>
      </c>
      <c r="CS7" s="188">
        <v>26</v>
      </c>
      <c r="CT7" s="188">
        <v>64</v>
      </c>
      <c r="CU7" s="188">
        <v>311</v>
      </c>
      <c r="CV7" s="186">
        <v>458</v>
      </c>
      <c r="CW7" s="189">
        <v>870</v>
      </c>
      <c r="CX7" s="190">
        <v>870</v>
      </c>
      <c r="CY7" s="185">
        <v>0</v>
      </c>
      <c r="CZ7" s="186">
        <v>0</v>
      </c>
      <c r="DA7" s="186">
        <v>0</v>
      </c>
      <c r="DB7" s="187">
        <v>10</v>
      </c>
      <c r="DC7" s="188">
        <v>25</v>
      </c>
      <c r="DD7" s="188">
        <v>64</v>
      </c>
      <c r="DE7" s="188">
        <v>305</v>
      </c>
      <c r="DF7" s="186">
        <v>440</v>
      </c>
      <c r="DG7" s="189">
        <v>844</v>
      </c>
      <c r="DH7" s="191">
        <v>844</v>
      </c>
      <c r="DI7" s="192">
        <v>0</v>
      </c>
      <c r="DJ7" s="186">
        <v>0</v>
      </c>
      <c r="DK7" s="186">
        <v>0</v>
      </c>
      <c r="DL7" s="187">
        <v>1</v>
      </c>
      <c r="DM7" s="188">
        <v>1</v>
      </c>
      <c r="DN7" s="188">
        <v>0</v>
      </c>
      <c r="DO7" s="188">
        <v>6</v>
      </c>
      <c r="DP7" s="186">
        <v>18</v>
      </c>
      <c r="DQ7" s="189">
        <v>26</v>
      </c>
      <c r="DR7" s="191">
        <v>26</v>
      </c>
      <c r="DS7" s="192">
        <v>0</v>
      </c>
      <c r="DT7" s="186">
        <v>0</v>
      </c>
      <c r="DU7" s="186">
        <v>0</v>
      </c>
      <c r="DV7" s="187">
        <v>2102</v>
      </c>
      <c r="DW7" s="188">
        <v>4942</v>
      </c>
      <c r="DX7" s="188">
        <v>14570</v>
      </c>
      <c r="DY7" s="188">
        <v>20828</v>
      </c>
      <c r="DZ7" s="186">
        <v>13895</v>
      </c>
      <c r="EA7" s="189">
        <v>56337</v>
      </c>
      <c r="EB7" s="191">
        <v>56337</v>
      </c>
      <c r="EC7" s="37"/>
    </row>
    <row r="8" spans="2:133" ht="21" customHeight="1" x14ac:dyDescent="0.2">
      <c r="B8" s="62" t="s">
        <v>5</v>
      </c>
      <c r="C8" s="194">
        <v>0</v>
      </c>
      <c r="D8" s="195">
        <v>0</v>
      </c>
      <c r="E8" s="195">
        <v>0</v>
      </c>
      <c r="F8" s="196">
        <v>242</v>
      </c>
      <c r="G8" s="197">
        <v>932</v>
      </c>
      <c r="H8" s="197">
        <v>4194</v>
      </c>
      <c r="I8" s="197">
        <v>6085</v>
      </c>
      <c r="J8" s="195">
        <v>4430</v>
      </c>
      <c r="K8" s="198">
        <v>15883</v>
      </c>
      <c r="L8" s="199">
        <v>15883</v>
      </c>
      <c r="M8" s="194">
        <v>0</v>
      </c>
      <c r="N8" s="195">
        <v>0</v>
      </c>
      <c r="O8" s="198">
        <v>0</v>
      </c>
      <c r="P8" s="196">
        <v>239</v>
      </c>
      <c r="Q8" s="197">
        <v>925</v>
      </c>
      <c r="R8" s="197">
        <v>4164</v>
      </c>
      <c r="S8" s="197">
        <v>6025</v>
      </c>
      <c r="T8" s="195">
        <v>4351</v>
      </c>
      <c r="U8" s="198">
        <v>15704</v>
      </c>
      <c r="V8" s="200">
        <v>15704</v>
      </c>
      <c r="W8" s="201">
        <v>0</v>
      </c>
      <c r="X8" s="195">
        <v>0</v>
      </c>
      <c r="Y8" s="198">
        <v>0</v>
      </c>
      <c r="Z8" s="201">
        <v>3</v>
      </c>
      <c r="AA8" s="197">
        <v>7</v>
      </c>
      <c r="AB8" s="197">
        <v>30</v>
      </c>
      <c r="AC8" s="197">
        <v>60</v>
      </c>
      <c r="AD8" s="195">
        <v>79</v>
      </c>
      <c r="AE8" s="198">
        <v>179</v>
      </c>
      <c r="AF8" s="202">
        <v>179</v>
      </c>
      <c r="AG8" s="201">
        <v>0</v>
      </c>
      <c r="AH8" s="195">
        <v>0</v>
      </c>
      <c r="AI8" s="198">
        <v>0</v>
      </c>
      <c r="AJ8" s="201">
        <v>617</v>
      </c>
      <c r="AK8" s="197">
        <v>1528</v>
      </c>
      <c r="AL8" s="197">
        <v>2030</v>
      </c>
      <c r="AM8" s="197">
        <v>2503</v>
      </c>
      <c r="AN8" s="195">
        <v>1443</v>
      </c>
      <c r="AO8" s="198">
        <v>8121</v>
      </c>
      <c r="AP8" s="202">
        <v>8121</v>
      </c>
      <c r="AQ8" s="201">
        <v>0</v>
      </c>
      <c r="AR8" s="195">
        <v>0</v>
      </c>
      <c r="AS8" s="198">
        <v>0</v>
      </c>
      <c r="AT8" s="196">
        <v>613</v>
      </c>
      <c r="AU8" s="197">
        <v>1510</v>
      </c>
      <c r="AV8" s="197">
        <v>1996</v>
      </c>
      <c r="AW8" s="197">
        <v>2459</v>
      </c>
      <c r="AX8" s="195">
        <v>1408</v>
      </c>
      <c r="AY8" s="198">
        <v>7986</v>
      </c>
      <c r="AZ8" s="199">
        <v>7986</v>
      </c>
      <c r="BA8" s="194">
        <v>0</v>
      </c>
      <c r="BB8" s="195">
        <v>0</v>
      </c>
      <c r="BC8" s="195">
        <v>0</v>
      </c>
      <c r="BD8" s="196">
        <v>4</v>
      </c>
      <c r="BE8" s="197">
        <v>18</v>
      </c>
      <c r="BF8" s="197">
        <v>34</v>
      </c>
      <c r="BG8" s="197">
        <v>44</v>
      </c>
      <c r="BH8" s="195">
        <v>35</v>
      </c>
      <c r="BI8" s="198">
        <v>135</v>
      </c>
      <c r="BJ8" s="200">
        <v>135</v>
      </c>
      <c r="BK8" s="201">
        <v>0</v>
      </c>
      <c r="BL8" s="195">
        <v>0</v>
      </c>
      <c r="BM8" s="195">
        <v>0</v>
      </c>
      <c r="BN8" s="196">
        <v>0</v>
      </c>
      <c r="BO8" s="197">
        <v>0</v>
      </c>
      <c r="BP8" s="197">
        <v>3</v>
      </c>
      <c r="BQ8" s="197">
        <v>54</v>
      </c>
      <c r="BR8" s="195">
        <v>77</v>
      </c>
      <c r="BS8" s="198">
        <v>134</v>
      </c>
      <c r="BT8" s="199">
        <v>134</v>
      </c>
      <c r="BU8" s="194">
        <v>0</v>
      </c>
      <c r="BV8" s="195">
        <v>0</v>
      </c>
      <c r="BW8" s="195">
        <v>0</v>
      </c>
      <c r="BX8" s="196">
        <v>0</v>
      </c>
      <c r="BY8" s="197">
        <v>0</v>
      </c>
      <c r="BZ8" s="197">
        <v>3</v>
      </c>
      <c r="CA8" s="197">
        <v>54</v>
      </c>
      <c r="CB8" s="195">
        <v>77</v>
      </c>
      <c r="CC8" s="198">
        <v>134</v>
      </c>
      <c r="CD8" s="200">
        <v>134</v>
      </c>
      <c r="CE8" s="201">
        <v>0</v>
      </c>
      <c r="CF8" s="195">
        <v>0</v>
      </c>
      <c r="CG8" s="195">
        <v>0</v>
      </c>
      <c r="CH8" s="196">
        <v>0</v>
      </c>
      <c r="CI8" s="197">
        <v>0</v>
      </c>
      <c r="CJ8" s="197">
        <v>0</v>
      </c>
      <c r="CK8" s="197">
        <v>0</v>
      </c>
      <c r="CL8" s="195">
        <v>0</v>
      </c>
      <c r="CM8" s="198">
        <v>0</v>
      </c>
      <c r="CN8" s="200">
        <v>0</v>
      </c>
      <c r="CO8" s="201">
        <v>0</v>
      </c>
      <c r="CP8" s="195">
        <v>0</v>
      </c>
      <c r="CQ8" s="195">
        <v>0</v>
      </c>
      <c r="CR8" s="196">
        <v>1</v>
      </c>
      <c r="CS8" s="197">
        <v>6</v>
      </c>
      <c r="CT8" s="197">
        <v>16</v>
      </c>
      <c r="CU8" s="197">
        <v>84</v>
      </c>
      <c r="CV8" s="195">
        <v>106</v>
      </c>
      <c r="CW8" s="198">
        <v>213</v>
      </c>
      <c r="CX8" s="199">
        <v>213</v>
      </c>
      <c r="CY8" s="194">
        <v>0</v>
      </c>
      <c r="CZ8" s="195">
        <v>0</v>
      </c>
      <c r="DA8" s="195">
        <v>0</v>
      </c>
      <c r="DB8" s="196">
        <v>1</v>
      </c>
      <c r="DC8" s="197">
        <v>6</v>
      </c>
      <c r="DD8" s="197">
        <v>16</v>
      </c>
      <c r="DE8" s="197">
        <v>82</v>
      </c>
      <c r="DF8" s="195">
        <v>105</v>
      </c>
      <c r="DG8" s="198">
        <v>210</v>
      </c>
      <c r="DH8" s="200">
        <v>210</v>
      </c>
      <c r="DI8" s="201">
        <v>0</v>
      </c>
      <c r="DJ8" s="195">
        <v>0</v>
      </c>
      <c r="DK8" s="195">
        <v>0</v>
      </c>
      <c r="DL8" s="196">
        <v>0</v>
      </c>
      <c r="DM8" s="197">
        <v>0</v>
      </c>
      <c r="DN8" s="197">
        <v>0</v>
      </c>
      <c r="DO8" s="197">
        <v>2</v>
      </c>
      <c r="DP8" s="195">
        <v>1</v>
      </c>
      <c r="DQ8" s="198">
        <v>3</v>
      </c>
      <c r="DR8" s="200">
        <v>3</v>
      </c>
      <c r="DS8" s="201">
        <v>0</v>
      </c>
      <c r="DT8" s="195">
        <v>0</v>
      </c>
      <c r="DU8" s="195">
        <v>0</v>
      </c>
      <c r="DV8" s="196">
        <v>860</v>
      </c>
      <c r="DW8" s="197">
        <v>2466</v>
      </c>
      <c r="DX8" s="197">
        <v>6243</v>
      </c>
      <c r="DY8" s="197">
        <v>8726</v>
      </c>
      <c r="DZ8" s="195">
        <v>6056</v>
      </c>
      <c r="EA8" s="198">
        <v>24351</v>
      </c>
      <c r="EB8" s="200">
        <v>24351</v>
      </c>
      <c r="EC8" s="37"/>
    </row>
    <row r="9" spans="2:133" ht="21" customHeight="1" x14ac:dyDescent="0.2">
      <c r="B9" s="62" t="s">
        <v>6</v>
      </c>
      <c r="C9" s="194">
        <v>0</v>
      </c>
      <c r="D9" s="195">
        <v>0</v>
      </c>
      <c r="E9" s="195">
        <v>0</v>
      </c>
      <c r="F9" s="196">
        <v>72</v>
      </c>
      <c r="G9" s="197">
        <v>174</v>
      </c>
      <c r="H9" s="197">
        <v>1250</v>
      </c>
      <c r="I9" s="197">
        <v>1825</v>
      </c>
      <c r="J9" s="195">
        <v>1283</v>
      </c>
      <c r="K9" s="198">
        <v>4604</v>
      </c>
      <c r="L9" s="199">
        <v>4604</v>
      </c>
      <c r="M9" s="194">
        <v>0</v>
      </c>
      <c r="N9" s="195">
        <v>0</v>
      </c>
      <c r="O9" s="198">
        <v>0</v>
      </c>
      <c r="P9" s="196">
        <v>72</v>
      </c>
      <c r="Q9" s="197">
        <v>174</v>
      </c>
      <c r="R9" s="197">
        <v>1238</v>
      </c>
      <c r="S9" s="197">
        <v>1807</v>
      </c>
      <c r="T9" s="195">
        <v>1268</v>
      </c>
      <c r="U9" s="198">
        <v>4559</v>
      </c>
      <c r="V9" s="200">
        <v>4559</v>
      </c>
      <c r="W9" s="201">
        <v>0</v>
      </c>
      <c r="X9" s="195">
        <v>0</v>
      </c>
      <c r="Y9" s="198">
        <v>0</v>
      </c>
      <c r="Z9" s="201">
        <v>0</v>
      </c>
      <c r="AA9" s="197">
        <v>0</v>
      </c>
      <c r="AB9" s="197">
        <v>12</v>
      </c>
      <c r="AC9" s="197">
        <v>18</v>
      </c>
      <c r="AD9" s="195">
        <v>15</v>
      </c>
      <c r="AE9" s="198">
        <v>45</v>
      </c>
      <c r="AF9" s="202">
        <v>45</v>
      </c>
      <c r="AG9" s="201">
        <v>0</v>
      </c>
      <c r="AH9" s="195">
        <v>0</v>
      </c>
      <c r="AI9" s="198">
        <v>0</v>
      </c>
      <c r="AJ9" s="201">
        <v>197</v>
      </c>
      <c r="AK9" s="197">
        <v>313</v>
      </c>
      <c r="AL9" s="197">
        <v>468</v>
      </c>
      <c r="AM9" s="197">
        <v>704</v>
      </c>
      <c r="AN9" s="195">
        <v>326</v>
      </c>
      <c r="AO9" s="198">
        <v>2008</v>
      </c>
      <c r="AP9" s="202">
        <v>2008</v>
      </c>
      <c r="AQ9" s="201">
        <v>0</v>
      </c>
      <c r="AR9" s="195">
        <v>0</v>
      </c>
      <c r="AS9" s="198">
        <v>0</v>
      </c>
      <c r="AT9" s="196">
        <v>192</v>
      </c>
      <c r="AU9" s="197">
        <v>310</v>
      </c>
      <c r="AV9" s="197">
        <v>455</v>
      </c>
      <c r="AW9" s="197">
        <v>685</v>
      </c>
      <c r="AX9" s="195">
        <v>314</v>
      </c>
      <c r="AY9" s="198">
        <v>1956</v>
      </c>
      <c r="AZ9" s="199">
        <v>1956</v>
      </c>
      <c r="BA9" s="194">
        <v>0</v>
      </c>
      <c r="BB9" s="195">
        <v>0</v>
      </c>
      <c r="BC9" s="195">
        <v>0</v>
      </c>
      <c r="BD9" s="196">
        <v>5</v>
      </c>
      <c r="BE9" s="197">
        <v>3</v>
      </c>
      <c r="BF9" s="197">
        <v>13</v>
      </c>
      <c r="BG9" s="197">
        <v>19</v>
      </c>
      <c r="BH9" s="195">
        <v>12</v>
      </c>
      <c r="BI9" s="198">
        <v>52</v>
      </c>
      <c r="BJ9" s="200">
        <v>52</v>
      </c>
      <c r="BK9" s="201">
        <v>0</v>
      </c>
      <c r="BL9" s="195">
        <v>0</v>
      </c>
      <c r="BM9" s="195">
        <v>0</v>
      </c>
      <c r="BN9" s="196">
        <v>0</v>
      </c>
      <c r="BO9" s="197">
        <v>2</v>
      </c>
      <c r="BP9" s="197">
        <v>6</v>
      </c>
      <c r="BQ9" s="197">
        <v>40</v>
      </c>
      <c r="BR9" s="195">
        <v>61</v>
      </c>
      <c r="BS9" s="198">
        <v>109</v>
      </c>
      <c r="BT9" s="199">
        <v>109</v>
      </c>
      <c r="BU9" s="194">
        <v>0</v>
      </c>
      <c r="BV9" s="195">
        <v>0</v>
      </c>
      <c r="BW9" s="195">
        <v>0</v>
      </c>
      <c r="BX9" s="196">
        <v>0</v>
      </c>
      <c r="BY9" s="197">
        <v>2</v>
      </c>
      <c r="BZ9" s="197">
        <v>6</v>
      </c>
      <c r="CA9" s="197">
        <v>39</v>
      </c>
      <c r="CB9" s="195">
        <v>59</v>
      </c>
      <c r="CC9" s="198">
        <v>106</v>
      </c>
      <c r="CD9" s="200">
        <v>106</v>
      </c>
      <c r="CE9" s="201">
        <v>0</v>
      </c>
      <c r="CF9" s="195">
        <v>0</v>
      </c>
      <c r="CG9" s="195">
        <v>0</v>
      </c>
      <c r="CH9" s="196">
        <v>0</v>
      </c>
      <c r="CI9" s="197">
        <v>0</v>
      </c>
      <c r="CJ9" s="197">
        <v>0</v>
      </c>
      <c r="CK9" s="197">
        <v>1</v>
      </c>
      <c r="CL9" s="195">
        <v>2</v>
      </c>
      <c r="CM9" s="198">
        <v>3</v>
      </c>
      <c r="CN9" s="200">
        <v>3</v>
      </c>
      <c r="CO9" s="201">
        <v>0</v>
      </c>
      <c r="CP9" s="195">
        <v>0</v>
      </c>
      <c r="CQ9" s="195">
        <v>0</v>
      </c>
      <c r="CR9" s="196">
        <v>1</v>
      </c>
      <c r="CS9" s="197">
        <v>1</v>
      </c>
      <c r="CT9" s="197">
        <v>3</v>
      </c>
      <c r="CU9" s="197">
        <v>40</v>
      </c>
      <c r="CV9" s="195">
        <v>64</v>
      </c>
      <c r="CW9" s="198">
        <v>109</v>
      </c>
      <c r="CX9" s="199">
        <v>109</v>
      </c>
      <c r="CY9" s="194">
        <v>0</v>
      </c>
      <c r="CZ9" s="195">
        <v>0</v>
      </c>
      <c r="DA9" s="195">
        <v>0</v>
      </c>
      <c r="DB9" s="196">
        <v>1</v>
      </c>
      <c r="DC9" s="197">
        <v>1</v>
      </c>
      <c r="DD9" s="197">
        <v>3</v>
      </c>
      <c r="DE9" s="197">
        <v>39</v>
      </c>
      <c r="DF9" s="195">
        <v>63</v>
      </c>
      <c r="DG9" s="198">
        <v>107</v>
      </c>
      <c r="DH9" s="200">
        <v>107</v>
      </c>
      <c r="DI9" s="201">
        <v>0</v>
      </c>
      <c r="DJ9" s="195">
        <v>0</v>
      </c>
      <c r="DK9" s="195">
        <v>0</v>
      </c>
      <c r="DL9" s="196">
        <v>0</v>
      </c>
      <c r="DM9" s="197">
        <v>0</v>
      </c>
      <c r="DN9" s="197">
        <v>0</v>
      </c>
      <c r="DO9" s="197">
        <v>1</v>
      </c>
      <c r="DP9" s="195">
        <v>1</v>
      </c>
      <c r="DQ9" s="198">
        <v>2</v>
      </c>
      <c r="DR9" s="200">
        <v>2</v>
      </c>
      <c r="DS9" s="201">
        <v>0</v>
      </c>
      <c r="DT9" s="195">
        <v>0</v>
      </c>
      <c r="DU9" s="195">
        <v>0</v>
      </c>
      <c r="DV9" s="196">
        <v>270</v>
      </c>
      <c r="DW9" s="197">
        <v>490</v>
      </c>
      <c r="DX9" s="197">
        <v>1727</v>
      </c>
      <c r="DY9" s="197">
        <v>2609</v>
      </c>
      <c r="DZ9" s="195">
        <v>1734</v>
      </c>
      <c r="EA9" s="198">
        <v>6830</v>
      </c>
      <c r="EB9" s="200">
        <v>6830</v>
      </c>
      <c r="EC9" s="37"/>
    </row>
    <row r="10" spans="2:133" ht="21" customHeight="1" x14ac:dyDescent="0.2">
      <c r="B10" s="62" t="s">
        <v>14</v>
      </c>
      <c r="C10" s="194">
        <v>0</v>
      </c>
      <c r="D10" s="195">
        <v>0</v>
      </c>
      <c r="E10" s="195">
        <v>0</v>
      </c>
      <c r="F10" s="196">
        <v>9</v>
      </c>
      <c r="G10" s="197">
        <v>45</v>
      </c>
      <c r="H10" s="197">
        <v>820</v>
      </c>
      <c r="I10" s="197">
        <v>1289</v>
      </c>
      <c r="J10" s="195">
        <v>794</v>
      </c>
      <c r="K10" s="198">
        <v>2957</v>
      </c>
      <c r="L10" s="199">
        <v>2957</v>
      </c>
      <c r="M10" s="194">
        <v>0</v>
      </c>
      <c r="N10" s="195">
        <v>0</v>
      </c>
      <c r="O10" s="198">
        <v>0</v>
      </c>
      <c r="P10" s="196">
        <v>9</v>
      </c>
      <c r="Q10" s="197">
        <v>45</v>
      </c>
      <c r="R10" s="197">
        <v>816</v>
      </c>
      <c r="S10" s="197">
        <v>1281</v>
      </c>
      <c r="T10" s="195">
        <v>783</v>
      </c>
      <c r="U10" s="198">
        <v>2934</v>
      </c>
      <c r="V10" s="200">
        <v>2934</v>
      </c>
      <c r="W10" s="201">
        <v>0</v>
      </c>
      <c r="X10" s="195">
        <v>0</v>
      </c>
      <c r="Y10" s="198">
        <v>0</v>
      </c>
      <c r="Z10" s="201">
        <v>0</v>
      </c>
      <c r="AA10" s="197">
        <v>0</v>
      </c>
      <c r="AB10" s="197">
        <v>4</v>
      </c>
      <c r="AC10" s="197">
        <v>8</v>
      </c>
      <c r="AD10" s="195">
        <v>11</v>
      </c>
      <c r="AE10" s="198">
        <v>23</v>
      </c>
      <c r="AF10" s="202">
        <v>23</v>
      </c>
      <c r="AG10" s="201">
        <v>0</v>
      </c>
      <c r="AH10" s="195">
        <v>0</v>
      </c>
      <c r="AI10" s="198">
        <v>0</v>
      </c>
      <c r="AJ10" s="201">
        <v>75</v>
      </c>
      <c r="AK10" s="197">
        <v>207</v>
      </c>
      <c r="AL10" s="197">
        <v>296</v>
      </c>
      <c r="AM10" s="197">
        <v>400</v>
      </c>
      <c r="AN10" s="195">
        <v>190</v>
      </c>
      <c r="AO10" s="198">
        <v>1168</v>
      </c>
      <c r="AP10" s="202">
        <v>1168</v>
      </c>
      <c r="AQ10" s="201">
        <v>0</v>
      </c>
      <c r="AR10" s="195">
        <v>0</v>
      </c>
      <c r="AS10" s="198">
        <v>0</v>
      </c>
      <c r="AT10" s="196">
        <v>72</v>
      </c>
      <c r="AU10" s="197">
        <v>206</v>
      </c>
      <c r="AV10" s="197">
        <v>289</v>
      </c>
      <c r="AW10" s="197">
        <v>393</v>
      </c>
      <c r="AX10" s="195">
        <v>185</v>
      </c>
      <c r="AY10" s="198">
        <v>1145</v>
      </c>
      <c r="AZ10" s="199">
        <v>1145</v>
      </c>
      <c r="BA10" s="194">
        <v>0</v>
      </c>
      <c r="BB10" s="195">
        <v>0</v>
      </c>
      <c r="BC10" s="195">
        <v>0</v>
      </c>
      <c r="BD10" s="196">
        <v>3</v>
      </c>
      <c r="BE10" s="197">
        <v>1</v>
      </c>
      <c r="BF10" s="197">
        <v>7</v>
      </c>
      <c r="BG10" s="197">
        <v>7</v>
      </c>
      <c r="BH10" s="195">
        <v>5</v>
      </c>
      <c r="BI10" s="198">
        <v>23</v>
      </c>
      <c r="BJ10" s="200">
        <v>23</v>
      </c>
      <c r="BK10" s="201">
        <v>0</v>
      </c>
      <c r="BL10" s="195">
        <v>0</v>
      </c>
      <c r="BM10" s="195">
        <v>0</v>
      </c>
      <c r="BN10" s="196">
        <v>0</v>
      </c>
      <c r="BO10" s="197">
        <v>0</v>
      </c>
      <c r="BP10" s="197">
        <v>0</v>
      </c>
      <c r="BQ10" s="197">
        <v>24</v>
      </c>
      <c r="BR10" s="195">
        <v>23</v>
      </c>
      <c r="BS10" s="198">
        <v>47</v>
      </c>
      <c r="BT10" s="199">
        <v>47</v>
      </c>
      <c r="BU10" s="194">
        <v>0</v>
      </c>
      <c r="BV10" s="195">
        <v>0</v>
      </c>
      <c r="BW10" s="195">
        <v>0</v>
      </c>
      <c r="BX10" s="196">
        <v>0</v>
      </c>
      <c r="BY10" s="197">
        <v>0</v>
      </c>
      <c r="BZ10" s="197">
        <v>0</v>
      </c>
      <c r="CA10" s="197">
        <v>24</v>
      </c>
      <c r="CB10" s="195">
        <v>23</v>
      </c>
      <c r="CC10" s="198">
        <v>47</v>
      </c>
      <c r="CD10" s="200">
        <v>47</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8</v>
      </c>
      <c r="CU10" s="197">
        <v>72</v>
      </c>
      <c r="CV10" s="195">
        <v>83</v>
      </c>
      <c r="CW10" s="198">
        <v>163</v>
      </c>
      <c r="CX10" s="199">
        <v>163</v>
      </c>
      <c r="CY10" s="194">
        <v>0</v>
      </c>
      <c r="CZ10" s="195">
        <v>0</v>
      </c>
      <c r="DA10" s="195">
        <v>0</v>
      </c>
      <c r="DB10" s="196">
        <v>0</v>
      </c>
      <c r="DC10" s="197">
        <v>0</v>
      </c>
      <c r="DD10" s="197">
        <v>8</v>
      </c>
      <c r="DE10" s="197">
        <v>72</v>
      </c>
      <c r="DF10" s="195">
        <v>79</v>
      </c>
      <c r="DG10" s="198">
        <v>159</v>
      </c>
      <c r="DH10" s="200">
        <v>159</v>
      </c>
      <c r="DI10" s="201">
        <v>0</v>
      </c>
      <c r="DJ10" s="195">
        <v>0</v>
      </c>
      <c r="DK10" s="195">
        <v>0</v>
      </c>
      <c r="DL10" s="196">
        <v>0</v>
      </c>
      <c r="DM10" s="197">
        <v>0</v>
      </c>
      <c r="DN10" s="197">
        <v>0</v>
      </c>
      <c r="DO10" s="197">
        <v>0</v>
      </c>
      <c r="DP10" s="195">
        <v>4</v>
      </c>
      <c r="DQ10" s="198">
        <v>4</v>
      </c>
      <c r="DR10" s="200">
        <v>4</v>
      </c>
      <c r="DS10" s="201">
        <v>0</v>
      </c>
      <c r="DT10" s="195">
        <v>0</v>
      </c>
      <c r="DU10" s="195">
        <v>0</v>
      </c>
      <c r="DV10" s="196">
        <v>84</v>
      </c>
      <c r="DW10" s="197">
        <v>252</v>
      </c>
      <c r="DX10" s="197">
        <v>1120</v>
      </c>
      <c r="DY10" s="197">
        <v>1771</v>
      </c>
      <c r="DZ10" s="195">
        <v>1086</v>
      </c>
      <c r="EA10" s="198">
        <v>4313</v>
      </c>
      <c r="EB10" s="200">
        <v>4313</v>
      </c>
      <c r="EC10" s="37"/>
    </row>
    <row r="11" spans="2:133" ht="21" customHeight="1" x14ac:dyDescent="0.2">
      <c r="B11" s="62" t="s">
        <v>7</v>
      </c>
      <c r="C11" s="194">
        <v>0</v>
      </c>
      <c r="D11" s="195">
        <v>0</v>
      </c>
      <c r="E11" s="195">
        <v>0</v>
      </c>
      <c r="F11" s="196">
        <v>21</v>
      </c>
      <c r="G11" s="197">
        <v>42</v>
      </c>
      <c r="H11" s="197">
        <v>549</v>
      </c>
      <c r="I11" s="197">
        <v>942</v>
      </c>
      <c r="J11" s="195">
        <v>570</v>
      </c>
      <c r="K11" s="198">
        <v>2124</v>
      </c>
      <c r="L11" s="199">
        <v>2124</v>
      </c>
      <c r="M11" s="194">
        <v>0</v>
      </c>
      <c r="N11" s="195">
        <v>0</v>
      </c>
      <c r="O11" s="198">
        <v>0</v>
      </c>
      <c r="P11" s="196">
        <v>20</v>
      </c>
      <c r="Q11" s="197">
        <v>41</v>
      </c>
      <c r="R11" s="197">
        <v>547</v>
      </c>
      <c r="S11" s="197">
        <v>930</v>
      </c>
      <c r="T11" s="195">
        <v>562</v>
      </c>
      <c r="U11" s="198">
        <v>2100</v>
      </c>
      <c r="V11" s="200">
        <v>2100</v>
      </c>
      <c r="W11" s="201">
        <v>0</v>
      </c>
      <c r="X11" s="195">
        <v>0</v>
      </c>
      <c r="Y11" s="198">
        <v>0</v>
      </c>
      <c r="Z11" s="201">
        <v>1</v>
      </c>
      <c r="AA11" s="197">
        <v>1</v>
      </c>
      <c r="AB11" s="197">
        <v>2</v>
      </c>
      <c r="AC11" s="197">
        <v>12</v>
      </c>
      <c r="AD11" s="195">
        <v>8</v>
      </c>
      <c r="AE11" s="198">
        <v>24</v>
      </c>
      <c r="AF11" s="202">
        <v>24</v>
      </c>
      <c r="AG11" s="201">
        <v>0</v>
      </c>
      <c r="AH11" s="195">
        <v>0</v>
      </c>
      <c r="AI11" s="198">
        <v>0</v>
      </c>
      <c r="AJ11" s="201">
        <v>151</v>
      </c>
      <c r="AK11" s="197">
        <v>210</v>
      </c>
      <c r="AL11" s="197">
        <v>267</v>
      </c>
      <c r="AM11" s="197">
        <v>296</v>
      </c>
      <c r="AN11" s="195">
        <v>96</v>
      </c>
      <c r="AO11" s="198">
        <v>1020</v>
      </c>
      <c r="AP11" s="202">
        <v>1020</v>
      </c>
      <c r="AQ11" s="201">
        <v>0</v>
      </c>
      <c r="AR11" s="195">
        <v>0</v>
      </c>
      <c r="AS11" s="198">
        <v>0</v>
      </c>
      <c r="AT11" s="196">
        <v>150</v>
      </c>
      <c r="AU11" s="197">
        <v>209</v>
      </c>
      <c r="AV11" s="197">
        <v>262</v>
      </c>
      <c r="AW11" s="197">
        <v>290</v>
      </c>
      <c r="AX11" s="195">
        <v>94</v>
      </c>
      <c r="AY11" s="198">
        <v>1005</v>
      </c>
      <c r="AZ11" s="199">
        <v>1005</v>
      </c>
      <c r="BA11" s="194">
        <v>0</v>
      </c>
      <c r="BB11" s="195">
        <v>0</v>
      </c>
      <c r="BC11" s="195">
        <v>0</v>
      </c>
      <c r="BD11" s="196">
        <v>1</v>
      </c>
      <c r="BE11" s="197">
        <v>1</v>
      </c>
      <c r="BF11" s="197">
        <v>5</v>
      </c>
      <c r="BG11" s="197">
        <v>6</v>
      </c>
      <c r="BH11" s="195">
        <v>2</v>
      </c>
      <c r="BI11" s="198">
        <v>15</v>
      </c>
      <c r="BJ11" s="200">
        <v>15</v>
      </c>
      <c r="BK11" s="201">
        <v>0</v>
      </c>
      <c r="BL11" s="195">
        <v>0</v>
      </c>
      <c r="BM11" s="195">
        <v>0</v>
      </c>
      <c r="BN11" s="196">
        <v>0</v>
      </c>
      <c r="BO11" s="197">
        <v>0</v>
      </c>
      <c r="BP11" s="197">
        <v>0</v>
      </c>
      <c r="BQ11" s="197">
        <v>2</v>
      </c>
      <c r="BR11" s="195">
        <v>3</v>
      </c>
      <c r="BS11" s="198">
        <v>5</v>
      </c>
      <c r="BT11" s="199">
        <v>5</v>
      </c>
      <c r="BU11" s="194">
        <v>0</v>
      </c>
      <c r="BV11" s="195">
        <v>0</v>
      </c>
      <c r="BW11" s="195">
        <v>0</v>
      </c>
      <c r="BX11" s="196">
        <v>0</v>
      </c>
      <c r="BY11" s="197">
        <v>0</v>
      </c>
      <c r="BZ11" s="197">
        <v>0</v>
      </c>
      <c r="CA11" s="197">
        <v>2</v>
      </c>
      <c r="CB11" s="195">
        <v>3</v>
      </c>
      <c r="CC11" s="198">
        <v>5</v>
      </c>
      <c r="CD11" s="200">
        <v>5</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2</v>
      </c>
      <c r="CV11" s="195">
        <v>2</v>
      </c>
      <c r="CW11" s="198">
        <v>6</v>
      </c>
      <c r="CX11" s="199">
        <v>6</v>
      </c>
      <c r="CY11" s="194">
        <v>0</v>
      </c>
      <c r="CZ11" s="195">
        <v>0</v>
      </c>
      <c r="DA11" s="195">
        <v>0</v>
      </c>
      <c r="DB11" s="196">
        <v>0</v>
      </c>
      <c r="DC11" s="197">
        <v>0</v>
      </c>
      <c r="DD11" s="197">
        <v>2</v>
      </c>
      <c r="DE11" s="197">
        <v>2</v>
      </c>
      <c r="DF11" s="195">
        <v>2</v>
      </c>
      <c r="DG11" s="198">
        <v>6</v>
      </c>
      <c r="DH11" s="200">
        <v>6</v>
      </c>
      <c r="DI11" s="201">
        <v>0</v>
      </c>
      <c r="DJ11" s="195">
        <v>0</v>
      </c>
      <c r="DK11" s="195">
        <v>0</v>
      </c>
      <c r="DL11" s="196">
        <v>0</v>
      </c>
      <c r="DM11" s="197">
        <v>0</v>
      </c>
      <c r="DN11" s="197">
        <v>0</v>
      </c>
      <c r="DO11" s="197">
        <v>0</v>
      </c>
      <c r="DP11" s="195">
        <v>0</v>
      </c>
      <c r="DQ11" s="198">
        <v>0</v>
      </c>
      <c r="DR11" s="200">
        <v>0</v>
      </c>
      <c r="DS11" s="201">
        <v>0</v>
      </c>
      <c r="DT11" s="195">
        <v>0</v>
      </c>
      <c r="DU11" s="195">
        <v>0</v>
      </c>
      <c r="DV11" s="196">
        <v>172</v>
      </c>
      <c r="DW11" s="197">
        <v>252</v>
      </c>
      <c r="DX11" s="197">
        <v>815</v>
      </c>
      <c r="DY11" s="197">
        <v>1235</v>
      </c>
      <c r="DZ11" s="195">
        <v>668</v>
      </c>
      <c r="EA11" s="198">
        <v>3142</v>
      </c>
      <c r="EB11" s="200">
        <v>3142</v>
      </c>
      <c r="EC11" s="37"/>
    </row>
    <row r="12" spans="2:133" ht="21" customHeight="1" x14ac:dyDescent="0.2">
      <c r="B12" s="62" t="s">
        <v>8</v>
      </c>
      <c r="C12" s="194">
        <v>0</v>
      </c>
      <c r="D12" s="195">
        <v>0</v>
      </c>
      <c r="E12" s="195">
        <v>0</v>
      </c>
      <c r="F12" s="196">
        <v>22</v>
      </c>
      <c r="G12" s="197">
        <v>64</v>
      </c>
      <c r="H12" s="197">
        <v>370</v>
      </c>
      <c r="I12" s="197">
        <v>456</v>
      </c>
      <c r="J12" s="195">
        <v>257</v>
      </c>
      <c r="K12" s="198">
        <v>1169</v>
      </c>
      <c r="L12" s="199">
        <v>1169</v>
      </c>
      <c r="M12" s="194">
        <v>0</v>
      </c>
      <c r="N12" s="195">
        <v>0</v>
      </c>
      <c r="O12" s="198">
        <v>0</v>
      </c>
      <c r="P12" s="196">
        <v>22</v>
      </c>
      <c r="Q12" s="197">
        <v>63</v>
      </c>
      <c r="R12" s="197">
        <v>368</v>
      </c>
      <c r="S12" s="197">
        <v>452</v>
      </c>
      <c r="T12" s="195">
        <v>256</v>
      </c>
      <c r="U12" s="198">
        <v>1161</v>
      </c>
      <c r="V12" s="200">
        <v>1161</v>
      </c>
      <c r="W12" s="201">
        <v>0</v>
      </c>
      <c r="X12" s="195">
        <v>0</v>
      </c>
      <c r="Y12" s="198">
        <v>0</v>
      </c>
      <c r="Z12" s="201">
        <v>0</v>
      </c>
      <c r="AA12" s="197">
        <v>1</v>
      </c>
      <c r="AB12" s="197">
        <v>2</v>
      </c>
      <c r="AC12" s="197">
        <v>4</v>
      </c>
      <c r="AD12" s="195">
        <v>1</v>
      </c>
      <c r="AE12" s="198">
        <v>8</v>
      </c>
      <c r="AF12" s="202">
        <v>8</v>
      </c>
      <c r="AG12" s="201">
        <v>0</v>
      </c>
      <c r="AH12" s="195">
        <v>0</v>
      </c>
      <c r="AI12" s="198">
        <v>0</v>
      </c>
      <c r="AJ12" s="201">
        <v>44</v>
      </c>
      <c r="AK12" s="197">
        <v>100</v>
      </c>
      <c r="AL12" s="197">
        <v>162</v>
      </c>
      <c r="AM12" s="197">
        <v>114</v>
      </c>
      <c r="AN12" s="195">
        <v>70</v>
      </c>
      <c r="AO12" s="198">
        <v>490</v>
      </c>
      <c r="AP12" s="202">
        <v>490</v>
      </c>
      <c r="AQ12" s="201">
        <v>0</v>
      </c>
      <c r="AR12" s="195">
        <v>0</v>
      </c>
      <c r="AS12" s="198">
        <v>0</v>
      </c>
      <c r="AT12" s="196">
        <v>44</v>
      </c>
      <c r="AU12" s="197">
        <v>98</v>
      </c>
      <c r="AV12" s="197">
        <v>160</v>
      </c>
      <c r="AW12" s="197">
        <v>111</v>
      </c>
      <c r="AX12" s="195">
        <v>68</v>
      </c>
      <c r="AY12" s="198">
        <v>481</v>
      </c>
      <c r="AZ12" s="199">
        <v>481</v>
      </c>
      <c r="BA12" s="194">
        <v>0</v>
      </c>
      <c r="BB12" s="195">
        <v>0</v>
      </c>
      <c r="BC12" s="195">
        <v>0</v>
      </c>
      <c r="BD12" s="196">
        <v>0</v>
      </c>
      <c r="BE12" s="197">
        <v>2</v>
      </c>
      <c r="BF12" s="197">
        <v>2</v>
      </c>
      <c r="BG12" s="197">
        <v>3</v>
      </c>
      <c r="BH12" s="195">
        <v>2</v>
      </c>
      <c r="BI12" s="198">
        <v>9</v>
      </c>
      <c r="BJ12" s="200">
        <v>9</v>
      </c>
      <c r="BK12" s="201">
        <v>0</v>
      </c>
      <c r="BL12" s="195">
        <v>0</v>
      </c>
      <c r="BM12" s="195">
        <v>0</v>
      </c>
      <c r="BN12" s="196">
        <v>0</v>
      </c>
      <c r="BO12" s="197">
        <v>0</v>
      </c>
      <c r="BP12" s="197">
        <v>0</v>
      </c>
      <c r="BQ12" s="197">
        <v>1</v>
      </c>
      <c r="BR12" s="195">
        <v>0</v>
      </c>
      <c r="BS12" s="198">
        <v>1</v>
      </c>
      <c r="BT12" s="199">
        <v>1</v>
      </c>
      <c r="BU12" s="194">
        <v>0</v>
      </c>
      <c r="BV12" s="195">
        <v>0</v>
      </c>
      <c r="BW12" s="195">
        <v>0</v>
      </c>
      <c r="BX12" s="196">
        <v>0</v>
      </c>
      <c r="BY12" s="197">
        <v>0</v>
      </c>
      <c r="BZ12" s="197">
        <v>0</v>
      </c>
      <c r="CA12" s="197">
        <v>1</v>
      </c>
      <c r="CB12" s="195">
        <v>0</v>
      </c>
      <c r="CC12" s="198">
        <v>1</v>
      </c>
      <c r="CD12" s="200">
        <v>1</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1</v>
      </c>
      <c r="CT12" s="197">
        <v>3</v>
      </c>
      <c r="CU12" s="197">
        <v>7</v>
      </c>
      <c r="CV12" s="195">
        <v>8</v>
      </c>
      <c r="CW12" s="198">
        <v>20</v>
      </c>
      <c r="CX12" s="199">
        <v>20</v>
      </c>
      <c r="CY12" s="194">
        <v>0</v>
      </c>
      <c r="CZ12" s="195">
        <v>0</v>
      </c>
      <c r="DA12" s="195">
        <v>0</v>
      </c>
      <c r="DB12" s="196">
        <v>1</v>
      </c>
      <c r="DC12" s="197">
        <v>1</v>
      </c>
      <c r="DD12" s="197">
        <v>3</v>
      </c>
      <c r="DE12" s="197">
        <v>6</v>
      </c>
      <c r="DF12" s="195">
        <v>8</v>
      </c>
      <c r="DG12" s="198">
        <v>19</v>
      </c>
      <c r="DH12" s="200">
        <v>19</v>
      </c>
      <c r="DI12" s="201">
        <v>0</v>
      </c>
      <c r="DJ12" s="195">
        <v>0</v>
      </c>
      <c r="DK12" s="195">
        <v>0</v>
      </c>
      <c r="DL12" s="196">
        <v>0</v>
      </c>
      <c r="DM12" s="197">
        <v>0</v>
      </c>
      <c r="DN12" s="197">
        <v>0</v>
      </c>
      <c r="DO12" s="197">
        <v>1</v>
      </c>
      <c r="DP12" s="195">
        <v>0</v>
      </c>
      <c r="DQ12" s="198">
        <v>1</v>
      </c>
      <c r="DR12" s="200">
        <v>1</v>
      </c>
      <c r="DS12" s="201">
        <v>0</v>
      </c>
      <c r="DT12" s="195">
        <v>0</v>
      </c>
      <c r="DU12" s="195">
        <v>0</v>
      </c>
      <c r="DV12" s="196">
        <v>67</v>
      </c>
      <c r="DW12" s="197">
        <v>165</v>
      </c>
      <c r="DX12" s="197">
        <v>535</v>
      </c>
      <c r="DY12" s="197">
        <v>578</v>
      </c>
      <c r="DZ12" s="195">
        <v>335</v>
      </c>
      <c r="EA12" s="198">
        <v>1680</v>
      </c>
      <c r="EB12" s="200">
        <v>1680</v>
      </c>
      <c r="EC12" s="37"/>
    </row>
    <row r="13" spans="2:133" ht="21" customHeight="1" x14ac:dyDescent="0.2">
      <c r="B13" s="62" t="s">
        <v>9</v>
      </c>
      <c r="C13" s="194">
        <v>0</v>
      </c>
      <c r="D13" s="195">
        <v>0</v>
      </c>
      <c r="E13" s="195">
        <v>0</v>
      </c>
      <c r="F13" s="196">
        <v>7</v>
      </c>
      <c r="G13" s="197">
        <v>4</v>
      </c>
      <c r="H13" s="197">
        <v>204</v>
      </c>
      <c r="I13" s="197">
        <v>355</v>
      </c>
      <c r="J13" s="195">
        <v>267</v>
      </c>
      <c r="K13" s="198">
        <v>837</v>
      </c>
      <c r="L13" s="199">
        <v>837</v>
      </c>
      <c r="M13" s="194">
        <v>0</v>
      </c>
      <c r="N13" s="195">
        <v>0</v>
      </c>
      <c r="O13" s="198">
        <v>0</v>
      </c>
      <c r="P13" s="196">
        <v>7</v>
      </c>
      <c r="Q13" s="197">
        <v>4</v>
      </c>
      <c r="R13" s="197">
        <v>204</v>
      </c>
      <c r="S13" s="197">
        <v>351</v>
      </c>
      <c r="T13" s="195">
        <v>265</v>
      </c>
      <c r="U13" s="198">
        <v>831</v>
      </c>
      <c r="V13" s="200">
        <v>831</v>
      </c>
      <c r="W13" s="201">
        <v>0</v>
      </c>
      <c r="X13" s="195">
        <v>0</v>
      </c>
      <c r="Y13" s="198">
        <v>0</v>
      </c>
      <c r="Z13" s="201">
        <v>0</v>
      </c>
      <c r="AA13" s="197">
        <v>0</v>
      </c>
      <c r="AB13" s="197">
        <v>0</v>
      </c>
      <c r="AC13" s="197">
        <v>4</v>
      </c>
      <c r="AD13" s="195">
        <v>2</v>
      </c>
      <c r="AE13" s="198">
        <v>6</v>
      </c>
      <c r="AF13" s="202">
        <v>6</v>
      </c>
      <c r="AG13" s="201">
        <v>0</v>
      </c>
      <c r="AH13" s="195">
        <v>0</v>
      </c>
      <c r="AI13" s="198">
        <v>0</v>
      </c>
      <c r="AJ13" s="201">
        <v>25</v>
      </c>
      <c r="AK13" s="197">
        <v>67</v>
      </c>
      <c r="AL13" s="197">
        <v>89</v>
      </c>
      <c r="AM13" s="197">
        <v>125</v>
      </c>
      <c r="AN13" s="195">
        <v>56</v>
      </c>
      <c r="AO13" s="198">
        <v>362</v>
      </c>
      <c r="AP13" s="202">
        <v>362</v>
      </c>
      <c r="AQ13" s="201">
        <v>0</v>
      </c>
      <c r="AR13" s="195">
        <v>0</v>
      </c>
      <c r="AS13" s="198">
        <v>0</v>
      </c>
      <c r="AT13" s="196">
        <v>24</v>
      </c>
      <c r="AU13" s="197">
        <v>67</v>
      </c>
      <c r="AV13" s="197">
        <v>86</v>
      </c>
      <c r="AW13" s="197">
        <v>123</v>
      </c>
      <c r="AX13" s="195">
        <v>56</v>
      </c>
      <c r="AY13" s="198">
        <v>356</v>
      </c>
      <c r="AZ13" s="199">
        <v>356</v>
      </c>
      <c r="BA13" s="194">
        <v>0</v>
      </c>
      <c r="BB13" s="195">
        <v>0</v>
      </c>
      <c r="BC13" s="195">
        <v>0</v>
      </c>
      <c r="BD13" s="196">
        <v>1</v>
      </c>
      <c r="BE13" s="197">
        <v>0</v>
      </c>
      <c r="BF13" s="197">
        <v>3</v>
      </c>
      <c r="BG13" s="197">
        <v>2</v>
      </c>
      <c r="BH13" s="195">
        <v>0</v>
      </c>
      <c r="BI13" s="198">
        <v>6</v>
      </c>
      <c r="BJ13" s="200">
        <v>6</v>
      </c>
      <c r="BK13" s="201">
        <v>0</v>
      </c>
      <c r="BL13" s="195">
        <v>0</v>
      </c>
      <c r="BM13" s="195">
        <v>0</v>
      </c>
      <c r="BN13" s="196">
        <v>0</v>
      </c>
      <c r="BO13" s="197">
        <v>0</v>
      </c>
      <c r="BP13" s="197">
        <v>0</v>
      </c>
      <c r="BQ13" s="197">
        <v>1</v>
      </c>
      <c r="BR13" s="195">
        <v>0</v>
      </c>
      <c r="BS13" s="198">
        <v>1</v>
      </c>
      <c r="BT13" s="199">
        <v>1</v>
      </c>
      <c r="BU13" s="194">
        <v>0</v>
      </c>
      <c r="BV13" s="195">
        <v>0</v>
      </c>
      <c r="BW13" s="195">
        <v>0</v>
      </c>
      <c r="BX13" s="196">
        <v>0</v>
      </c>
      <c r="BY13" s="197">
        <v>0</v>
      </c>
      <c r="BZ13" s="197">
        <v>0</v>
      </c>
      <c r="CA13" s="197">
        <v>1</v>
      </c>
      <c r="CB13" s="195">
        <v>0</v>
      </c>
      <c r="CC13" s="198">
        <v>1</v>
      </c>
      <c r="CD13" s="200">
        <v>1</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0</v>
      </c>
      <c r="CT13" s="197">
        <v>1</v>
      </c>
      <c r="CU13" s="197">
        <v>1</v>
      </c>
      <c r="CV13" s="195">
        <v>6</v>
      </c>
      <c r="CW13" s="198">
        <v>8</v>
      </c>
      <c r="CX13" s="199">
        <v>8</v>
      </c>
      <c r="CY13" s="194">
        <v>0</v>
      </c>
      <c r="CZ13" s="195">
        <v>0</v>
      </c>
      <c r="DA13" s="195">
        <v>0</v>
      </c>
      <c r="DB13" s="196">
        <v>0</v>
      </c>
      <c r="DC13" s="197">
        <v>0</v>
      </c>
      <c r="DD13" s="197">
        <v>1</v>
      </c>
      <c r="DE13" s="197">
        <v>1</v>
      </c>
      <c r="DF13" s="195">
        <v>6</v>
      </c>
      <c r="DG13" s="198">
        <v>8</v>
      </c>
      <c r="DH13" s="200">
        <v>8</v>
      </c>
      <c r="DI13" s="201">
        <v>0</v>
      </c>
      <c r="DJ13" s="195">
        <v>0</v>
      </c>
      <c r="DK13" s="195">
        <v>0</v>
      </c>
      <c r="DL13" s="196">
        <v>0</v>
      </c>
      <c r="DM13" s="197">
        <v>0</v>
      </c>
      <c r="DN13" s="197">
        <v>0</v>
      </c>
      <c r="DO13" s="197">
        <v>0</v>
      </c>
      <c r="DP13" s="195">
        <v>0</v>
      </c>
      <c r="DQ13" s="198">
        <v>0</v>
      </c>
      <c r="DR13" s="200">
        <v>0</v>
      </c>
      <c r="DS13" s="201">
        <v>0</v>
      </c>
      <c r="DT13" s="195">
        <v>0</v>
      </c>
      <c r="DU13" s="195">
        <v>0</v>
      </c>
      <c r="DV13" s="196">
        <v>32</v>
      </c>
      <c r="DW13" s="197">
        <v>71</v>
      </c>
      <c r="DX13" s="197">
        <v>294</v>
      </c>
      <c r="DY13" s="197">
        <v>480</v>
      </c>
      <c r="DZ13" s="195">
        <v>328</v>
      </c>
      <c r="EA13" s="198">
        <v>1205</v>
      </c>
      <c r="EB13" s="200">
        <v>1205</v>
      </c>
      <c r="EC13" s="37"/>
    </row>
    <row r="14" spans="2:133" ht="21" customHeight="1" x14ac:dyDescent="0.2">
      <c r="B14" s="62" t="s">
        <v>10</v>
      </c>
      <c r="C14" s="194">
        <v>0</v>
      </c>
      <c r="D14" s="195">
        <v>0</v>
      </c>
      <c r="E14" s="195">
        <v>0</v>
      </c>
      <c r="F14" s="196">
        <v>18</v>
      </c>
      <c r="G14" s="197">
        <v>38</v>
      </c>
      <c r="H14" s="197">
        <v>343</v>
      </c>
      <c r="I14" s="197">
        <v>546</v>
      </c>
      <c r="J14" s="195">
        <v>487</v>
      </c>
      <c r="K14" s="198">
        <v>1432</v>
      </c>
      <c r="L14" s="199">
        <v>1432</v>
      </c>
      <c r="M14" s="194">
        <v>0</v>
      </c>
      <c r="N14" s="195">
        <v>0</v>
      </c>
      <c r="O14" s="198">
        <v>0</v>
      </c>
      <c r="P14" s="196">
        <v>18</v>
      </c>
      <c r="Q14" s="197">
        <v>37</v>
      </c>
      <c r="R14" s="197">
        <v>339</v>
      </c>
      <c r="S14" s="197">
        <v>542</v>
      </c>
      <c r="T14" s="195">
        <v>482</v>
      </c>
      <c r="U14" s="198">
        <v>1418</v>
      </c>
      <c r="V14" s="200">
        <v>1418</v>
      </c>
      <c r="W14" s="201">
        <v>0</v>
      </c>
      <c r="X14" s="195">
        <v>0</v>
      </c>
      <c r="Y14" s="198">
        <v>0</v>
      </c>
      <c r="Z14" s="201">
        <v>0</v>
      </c>
      <c r="AA14" s="197">
        <v>1</v>
      </c>
      <c r="AB14" s="197">
        <v>4</v>
      </c>
      <c r="AC14" s="197">
        <v>4</v>
      </c>
      <c r="AD14" s="195">
        <v>5</v>
      </c>
      <c r="AE14" s="198">
        <v>14</v>
      </c>
      <c r="AF14" s="202">
        <v>14</v>
      </c>
      <c r="AG14" s="201">
        <v>0</v>
      </c>
      <c r="AH14" s="195">
        <v>0</v>
      </c>
      <c r="AI14" s="198">
        <v>0</v>
      </c>
      <c r="AJ14" s="201">
        <v>87</v>
      </c>
      <c r="AK14" s="197">
        <v>117</v>
      </c>
      <c r="AL14" s="197">
        <v>175</v>
      </c>
      <c r="AM14" s="197">
        <v>175</v>
      </c>
      <c r="AN14" s="195">
        <v>99</v>
      </c>
      <c r="AO14" s="198">
        <v>653</v>
      </c>
      <c r="AP14" s="202">
        <v>653</v>
      </c>
      <c r="AQ14" s="201">
        <v>0</v>
      </c>
      <c r="AR14" s="195">
        <v>0</v>
      </c>
      <c r="AS14" s="198">
        <v>0</v>
      </c>
      <c r="AT14" s="196">
        <v>81</v>
      </c>
      <c r="AU14" s="197">
        <v>116</v>
      </c>
      <c r="AV14" s="197">
        <v>173</v>
      </c>
      <c r="AW14" s="197">
        <v>172</v>
      </c>
      <c r="AX14" s="195">
        <v>94</v>
      </c>
      <c r="AY14" s="198">
        <v>636</v>
      </c>
      <c r="AZ14" s="199">
        <v>636</v>
      </c>
      <c r="BA14" s="194">
        <v>0</v>
      </c>
      <c r="BB14" s="195">
        <v>0</v>
      </c>
      <c r="BC14" s="195">
        <v>0</v>
      </c>
      <c r="BD14" s="196">
        <v>6</v>
      </c>
      <c r="BE14" s="197">
        <v>1</v>
      </c>
      <c r="BF14" s="197">
        <v>2</v>
      </c>
      <c r="BG14" s="197">
        <v>3</v>
      </c>
      <c r="BH14" s="195">
        <v>5</v>
      </c>
      <c r="BI14" s="198">
        <v>17</v>
      </c>
      <c r="BJ14" s="200">
        <v>17</v>
      </c>
      <c r="BK14" s="201">
        <v>0</v>
      </c>
      <c r="BL14" s="195">
        <v>0</v>
      </c>
      <c r="BM14" s="195">
        <v>0</v>
      </c>
      <c r="BN14" s="196">
        <v>0</v>
      </c>
      <c r="BO14" s="197">
        <v>0</v>
      </c>
      <c r="BP14" s="197">
        <v>0</v>
      </c>
      <c r="BQ14" s="197">
        <v>1</v>
      </c>
      <c r="BR14" s="195">
        <v>2</v>
      </c>
      <c r="BS14" s="198">
        <v>3</v>
      </c>
      <c r="BT14" s="199">
        <v>3</v>
      </c>
      <c r="BU14" s="194">
        <v>0</v>
      </c>
      <c r="BV14" s="195">
        <v>0</v>
      </c>
      <c r="BW14" s="195">
        <v>0</v>
      </c>
      <c r="BX14" s="196">
        <v>0</v>
      </c>
      <c r="BY14" s="197">
        <v>0</v>
      </c>
      <c r="BZ14" s="197">
        <v>0</v>
      </c>
      <c r="CA14" s="197">
        <v>1</v>
      </c>
      <c r="CB14" s="195">
        <v>2</v>
      </c>
      <c r="CC14" s="198">
        <v>3</v>
      </c>
      <c r="CD14" s="200">
        <v>3</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0</v>
      </c>
      <c r="CT14" s="197">
        <v>0</v>
      </c>
      <c r="CU14" s="197">
        <v>3</v>
      </c>
      <c r="CV14" s="195">
        <v>32</v>
      </c>
      <c r="CW14" s="198">
        <v>36</v>
      </c>
      <c r="CX14" s="199">
        <v>36</v>
      </c>
      <c r="CY14" s="194">
        <v>0</v>
      </c>
      <c r="CZ14" s="195">
        <v>0</v>
      </c>
      <c r="DA14" s="195">
        <v>0</v>
      </c>
      <c r="DB14" s="196">
        <v>1</v>
      </c>
      <c r="DC14" s="197">
        <v>0</v>
      </c>
      <c r="DD14" s="197">
        <v>0</v>
      </c>
      <c r="DE14" s="197">
        <v>3</v>
      </c>
      <c r="DF14" s="195">
        <v>32</v>
      </c>
      <c r="DG14" s="198">
        <v>36</v>
      </c>
      <c r="DH14" s="200">
        <v>36</v>
      </c>
      <c r="DI14" s="201">
        <v>0</v>
      </c>
      <c r="DJ14" s="195">
        <v>0</v>
      </c>
      <c r="DK14" s="195">
        <v>0</v>
      </c>
      <c r="DL14" s="196">
        <v>0</v>
      </c>
      <c r="DM14" s="197">
        <v>0</v>
      </c>
      <c r="DN14" s="197">
        <v>0</v>
      </c>
      <c r="DO14" s="197">
        <v>0</v>
      </c>
      <c r="DP14" s="195">
        <v>0</v>
      </c>
      <c r="DQ14" s="198">
        <v>0</v>
      </c>
      <c r="DR14" s="200">
        <v>0</v>
      </c>
      <c r="DS14" s="201">
        <v>0</v>
      </c>
      <c r="DT14" s="195">
        <v>0</v>
      </c>
      <c r="DU14" s="195">
        <v>0</v>
      </c>
      <c r="DV14" s="196">
        <v>106</v>
      </c>
      <c r="DW14" s="197">
        <v>155</v>
      </c>
      <c r="DX14" s="197">
        <v>516</v>
      </c>
      <c r="DY14" s="197">
        <v>722</v>
      </c>
      <c r="DZ14" s="195">
        <v>618</v>
      </c>
      <c r="EA14" s="198">
        <v>2117</v>
      </c>
      <c r="EB14" s="200">
        <v>2117</v>
      </c>
      <c r="EC14" s="37"/>
    </row>
    <row r="15" spans="2:133" ht="21" customHeight="1" x14ac:dyDescent="0.2">
      <c r="B15" s="62" t="s">
        <v>11</v>
      </c>
      <c r="C15" s="194">
        <v>0</v>
      </c>
      <c r="D15" s="195">
        <v>0</v>
      </c>
      <c r="E15" s="195">
        <v>0</v>
      </c>
      <c r="F15" s="196">
        <v>2</v>
      </c>
      <c r="G15" s="197">
        <v>6</v>
      </c>
      <c r="H15" s="197">
        <v>189</v>
      </c>
      <c r="I15" s="197">
        <v>365</v>
      </c>
      <c r="J15" s="195">
        <v>192</v>
      </c>
      <c r="K15" s="198">
        <v>754</v>
      </c>
      <c r="L15" s="199">
        <v>754</v>
      </c>
      <c r="M15" s="194">
        <v>0</v>
      </c>
      <c r="N15" s="195">
        <v>0</v>
      </c>
      <c r="O15" s="198">
        <v>0</v>
      </c>
      <c r="P15" s="196">
        <v>2</v>
      </c>
      <c r="Q15" s="197">
        <v>6</v>
      </c>
      <c r="R15" s="197">
        <v>189</v>
      </c>
      <c r="S15" s="197">
        <v>363</v>
      </c>
      <c r="T15" s="195">
        <v>192</v>
      </c>
      <c r="U15" s="198">
        <v>752</v>
      </c>
      <c r="V15" s="200">
        <v>752</v>
      </c>
      <c r="W15" s="201">
        <v>0</v>
      </c>
      <c r="X15" s="195">
        <v>0</v>
      </c>
      <c r="Y15" s="198">
        <v>0</v>
      </c>
      <c r="Z15" s="201">
        <v>0</v>
      </c>
      <c r="AA15" s="197">
        <v>0</v>
      </c>
      <c r="AB15" s="197">
        <v>0</v>
      </c>
      <c r="AC15" s="197">
        <v>2</v>
      </c>
      <c r="AD15" s="195">
        <v>0</v>
      </c>
      <c r="AE15" s="198">
        <v>2</v>
      </c>
      <c r="AF15" s="202">
        <v>2</v>
      </c>
      <c r="AG15" s="201">
        <v>0</v>
      </c>
      <c r="AH15" s="195">
        <v>0</v>
      </c>
      <c r="AI15" s="198">
        <v>0</v>
      </c>
      <c r="AJ15" s="201">
        <v>61</v>
      </c>
      <c r="AK15" s="197">
        <v>83</v>
      </c>
      <c r="AL15" s="197">
        <v>130</v>
      </c>
      <c r="AM15" s="197">
        <v>151</v>
      </c>
      <c r="AN15" s="195">
        <v>82</v>
      </c>
      <c r="AO15" s="198">
        <v>507</v>
      </c>
      <c r="AP15" s="202">
        <v>507</v>
      </c>
      <c r="AQ15" s="201">
        <v>0</v>
      </c>
      <c r="AR15" s="195">
        <v>0</v>
      </c>
      <c r="AS15" s="198">
        <v>0</v>
      </c>
      <c r="AT15" s="196">
        <v>60</v>
      </c>
      <c r="AU15" s="197">
        <v>83</v>
      </c>
      <c r="AV15" s="197">
        <v>128</v>
      </c>
      <c r="AW15" s="197">
        <v>150</v>
      </c>
      <c r="AX15" s="195">
        <v>82</v>
      </c>
      <c r="AY15" s="198">
        <v>503</v>
      </c>
      <c r="AZ15" s="199">
        <v>503</v>
      </c>
      <c r="BA15" s="194">
        <v>0</v>
      </c>
      <c r="BB15" s="195">
        <v>0</v>
      </c>
      <c r="BC15" s="195">
        <v>0</v>
      </c>
      <c r="BD15" s="196">
        <v>1</v>
      </c>
      <c r="BE15" s="197">
        <v>0</v>
      </c>
      <c r="BF15" s="197">
        <v>2</v>
      </c>
      <c r="BG15" s="197">
        <v>1</v>
      </c>
      <c r="BH15" s="195">
        <v>0</v>
      </c>
      <c r="BI15" s="198">
        <v>4</v>
      </c>
      <c r="BJ15" s="200">
        <v>4</v>
      </c>
      <c r="BK15" s="201">
        <v>0</v>
      </c>
      <c r="BL15" s="195">
        <v>0</v>
      </c>
      <c r="BM15" s="195">
        <v>0</v>
      </c>
      <c r="BN15" s="196">
        <v>0</v>
      </c>
      <c r="BO15" s="197">
        <v>0</v>
      </c>
      <c r="BP15" s="197">
        <v>0</v>
      </c>
      <c r="BQ15" s="197">
        <v>0</v>
      </c>
      <c r="BR15" s="195">
        <v>0</v>
      </c>
      <c r="BS15" s="198">
        <v>0</v>
      </c>
      <c r="BT15" s="199">
        <v>0</v>
      </c>
      <c r="BU15" s="194">
        <v>0</v>
      </c>
      <c r="BV15" s="195">
        <v>0</v>
      </c>
      <c r="BW15" s="195">
        <v>0</v>
      </c>
      <c r="BX15" s="196">
        <v>0</v>
      </c>
      <c r="BY15" s="197">
        <v>0</v>
      </c>
      <c r="BZ15" s="197">
        <v>0</v>
      </c>
      <c r="CA15" s="197">
        <v>0</v>
      </c>
      <c r="CB15" s="195">
        <v>0</v>
      </c>
      <c r="CC15" s="198">
        <v>0</v>
      </c>
      <c r="CD15" s="200">
        <v>0</v>
      </c>
      <c r="CE15" s="201">
        <v>0</v>
      </c>
      <c r="CF15" s="195">
        <v>0</v>
      </c>
      <c r="CG15" s="195">
        <v>0</v>
      </c>
      <c r="CH15" s="196">
        <v>0</v>
      </c>
      <c r="CI15" s="197">
        <v>0</v>
      </c>
      <c r="CJ15" s="197">
        <v>0</v>
      </c>
      <c r="CK15" s="197">
        <v>0</v>
      </c>
      <c r="CL15" s="195">
        <v>0</v>
      </c>
      <c r="CM15" s="198">
        <v>0</v>
      </c>
      <c r="CN15" s="200">
        <v>0</v>
      </c>
      <c r="CO15" s="201">
        <v>0</v>
      </c>
      <c r="CP15" s="195">
        <v>0</v>
      </c>
      <c r="CQ15" s="195">
        <v>0</v>
      </c>
      <c r="CR15" s="196">
        <v>1</v>
      </c>
      <c r="CS15" s="197">
        <v>5</v>
      </c>
      <c r="CT15" s="197">
        <v>9</v>
      </c>
      <c r="CU15" s="197">
        <v>17</v>
      </c>
      <c r="CV15" s="195">
        <v>29</v>
      </c>
      <c r="CW15" s="198">
        <v>61</v>
      </c>
      <c r="CX15" s="199">
        <v>61</v>
      </c>
      <c r="CY15" s="194">
        <v>0</v>
      </c>
      <c r="CZ15" s="195">
        <v>0</v>
      </c>
      <c r="DA15" s="195">
        <v>0</v>
      </c>
      <c r="DB15" s="196">
        <v>0</v>
      </c>
      <c r="DC15" s="197">
        <v>5</v>
      </c>
      <c r="DD15" s="197">
        <v>9</v>
      </c>
      <c r="DE15" s="197">
        <v>17</v>
      </c>
      <c r="DF15" s="195">
        <v>25</v>
      </c>
      <c r="DG15" s="198">
        <v>56</v>
      </c>
      <c r="DH15" s="200">
        <v>56</v>
      </c>
      <c r="DI15" s="201">
        <v>0</v>
      </c>
      <c r="DJ15" s="195">
        <v>0</v>
      </c>
      <c r="DK15" s="195">
        <v>0</v>
      </c>
      <c r="DL15" s="196">
        <v>1</v>
      </c>
      <c r="DM15" s="197">
        <v>0</v>
      </c>
      <c r="DN15" s="197">
        <v>0</v>
      </c>
      <c r="DO15" s="197">
        <v>0</v>
      </c>
      <c r="DP15" s="195">
        <v>4</v>
      </c>
      <c r="DQ15" s="198">
        <v>5</v>
      </c>
      <c r="DR15" s="200">
        <v>5</v>
      </c>
      <c r="DS15" s="201">
        <v>0</v>
      </c>
      <c r="DT15" s="195">
        <v>0</v>
      </c>
      <c r="DU15" s="195">
        <v>0</v>
      </c>
      <c r="DV15" s="196">
        <v>64</v>
      </c>
      <c r="DW15" s="197">
        <v>94</v>
      </c>
      <c r="DX15" s="197">
        <v>328</v>
      </c>
      <c r="DY15" s="197">
        <v>531</v>
      </c>
      <c r="DZ15" s="195">
        <v>300</v>
      </c>
      <c r="EA15" s="198">
        <v>1317</v>
      </c>
      <c r="EB15" s="200">
        <v>1317</v>
      </c>
      <c r="EC15" s="37"/>
    </row>
    <row r="16" spans="2:133" ht="21" customHeight="1" x14ac:dyDescent="0.2">
      <c r="B16" s="62" t="s">
        <v>12</v>
      </c>
      <c r="C16" s="194">
        <v>0</v>
      </c>
      <c r="D16" s="195">
        <v>0</v>
      </c>
      <c r="E16" s="195">
        <v>0</v>
      </c>
      <c r="F16" s="196">
        <v>2</v>
      </c>
      <c r="G16" s="197">
        <v>21</v>
      </c>
      <c r="H16" s="197">
        <v>193</v>
      </c>
      <c r="I16" s="197">
        <v>306</v>
      </c>
      <c r="J16" s="195">
        <v>244</v>
      </c>
      <c r="K16" s="198">
        <v>766</v>
      </c>
      <c r="L16" s="199">
        <v>766</v>
      </c>
      <c r="M16" s="194">
        <v>0</v>
      </c>
      <c r="N16" s="195">
        <v>0</v>
      </c>
      <c r="O16" s="198">
        <v>0</v>
      </c>
      <c r="P16" s="196">
        <v>2</v>
      </c>
      <c r="Q16" s="197">
        <v>21</v>
      </c>
      <c r="R16" s="197">
        <v>193</v>
      </c>
      <c r="S16" s="197">
        <v>305</v>
      </c>
      <c r="T16" s="195">
        <v>241</v>
      </c>
      <c r="U16" s="198">
        <v>762</v>
      </c>
      <c r="V16" s="200">
        <v>762</v>
      </c>
      <c r="W16" s="201">
        <v>0</v>
      </c>
      <c r="X16" s="195">
        <v>0</v>
      </c>
      <c r="Y16" s="198">
        <v>0</v>
      </c>
      <c r="Z16" s="201">
        <v>0</v>
      </c>
      <c r="AA16" s="197">
        <v>0</v>
      </c>
      <c r="AB16" s="197">
        <v>0</v>
      </c>
      <c r="AC16" s="197">
        <v>1</v>
      </c>
      <c r="AD16" s="195">
        <v>3</v>
      </c>
      <c r="AE16" s="198">
        <v>4</v>
      </c>
      <c r="AF16" s="202">
        <v>4</v>
      </c>
      <c r="AG16" s="201">
        <v>0</v>
      </c>
      <c r="AH16" s="195">
        <v>0</v>
      </c>
      <c r="AI16" s="198">
        <v>0</v>
      </c>
      <c r="AJ16" s="201">
        <v>41</v>
      </c>
      <c r="AK16" s="197">
        <v>99</v>
      </c>
      <c r="AL16" s="197">
        <v>158</v>
      </c>
      <c r="AM16" s="197">
        <v>176</v>
      </c>
      <c r="AN16" s="195">
        <v>71</v>
      </c>
      <c r="AO16" s="198">
        <v>545</v>
      </c>
      <c r="AP16" s="202">
        <v>545</v>
      </c>
      <c r="AQ16" s="201">
        <v>0</v>
      </c>
      <c r="AR16" s="195">
        <v>0</v>
      </c>
      <c r="AS16" s="198">
        <v>0</v>
      </c>
      <c r="AT16" s="196">
        <v>40</v>
      </c>
      <c r="AU16" s="197">
        <v>99</v>
      </c>
      <c r="AV16" s="197">
        <v>156</v>
      </c>
      <c r="AW16" s="197">
        <v>173</v>
      </c>
      <c r="AX16" s="195">
        <v>71</v>
      </c>
      <c r="AY16" s="198">
        <v>539</v>
      </c>
      <c r="AZ16" s="199">
        <v>539</v>
      </c>
      <c r="BA16" s="194">
        <v>0</v>
      </c>
      <c r="BB16" s="195">
        <v>0</v>
      </c>
      <c r="BC16" s="195">
        <v>0</v>
      </c>
      <c r="BD16" s="196">
        <v>1</v>
      </c>
      <c r="BE16" s="197">
        <v>0</v>
      </c>
      <c r="BF16" s="197">
        <v>2</v>
      </c>
      <c r="BG16" s="197">
        <v>3</v>
      </c>
      <c r="BH16" s="195">
        <v>0</v>
      </c>
      <c r="BI16" s="198">
        <v>6</v>
      </c>
      <c r="BJ16" s="200">
        <v>6</v>
      </c>
      <c r="BK16" s="201">
        <v>0</v>
      </c>
      <c r="BL16" s="195">
        <v>0</v>
      </c>
      <c r="BM16" s="195">
        <v>0</v>
      </c>
      <c r="BN16" s="196">
        <v>0</v>
      </c>
      <c r="BO16" s="197">
        <v>0</v>
      </c>
      <c r="BP16" s="197">
        <v>0</v>
      </c>
      <c r="BQ16" s="197">
        <v>0</v>
      </c>
      <c r="BR16" s="195">
        <v>1</v>
      </c>
      <c r="BS16" s="198">
        <v>1</v>
      </c>
      <c r="BT16" s="199">
        <v>1</v>
      </c>
      <c r="BU16" s="194">
        <v>0</v>
      </c>
      <c r="BV16" s="195">
        <v>0</v>
      </c>
      <c r="BW16" s="195">
        <v>0</v>
      </c>
      <c r="BX16" s="196">
        <v>0</v>
      </c>
      <c r="BY16" s="197">
        <v>0</v>
      </c>
      <c r="BZ16" s="197">
        <v>0</v>
      </c>
      <c r="CA16" s="197">
        <v>0</v>
      </c>
      <c r="CB16" s="195">
        <v>1</v>
      </c>
      <c r="CC16" s="198">
        <v>1</v>
      </c>
      <c r="CD16" s="200">
        <v>1</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2</v>
      </c>
      <c r="CT16" s="197">
        <v>2</v>
      </c>
      <c r="CU16" s="197">
        <v>12</v>
      </c>
      <c r="CV16" s="195">
        <v>11</v>
      </c>
      <c r="CW16" s="198">
        <v>27</v>
      </c>
      <c r="CX16" s="199">
        <v>27</v>
      </c>
      <c r="CY16" s="194">
        <v>0</v>
      </c>
      <c r="CZ16" s="195">
        <v>0</v>
      </c>
      <c r="DA16" s="195">
        <v>0</v>
      </c>
      <c r="DB16" s="196">
        <v>0</v>
      </c>
      <c r="DC16" s="197">
        <v>2</v>
      </c>
      <c r="DD16" s="197">
        <v>2</v>
      </c>
      <c r="DE16" s="197">
        <v>12</v>
      </c>
      <c r="DF16" s="195">
        <v>11</v>
      </c>
      <c r="DG16" s="198">
        <v>27</v>
      </c>
      <c r="DH16" s="200">
        <v>27</v>
      </c>
      <c r="DI16" s="201">
        <v>0</v>
      </c>
      <c r="DJ16" s="195">
        <v>0</v>
      </c>
      <c r="DK16" s="195">
        <v>0</v>
      </c>
      <c r="DL16" s="196">
        <v>0</v>
      </c>
      <c r="DM16" s="197">
        <v>0</v>
      </c>
      <c r="DN16" s="197">
        <v>0</v>
      </c>
      <c r="DO16" s="197">
        <v>0</v>
      </c>
      <c r="DP16" s="195">
        <v>0</v>
      </c>
      <c r="DQ16" s="198">
        <v>0</v>
      </c>
      <c r="DR16" s="200">
        <v>0</v>
      </c>
      <c r="DS16" s="201">
        <v>0</v>
      </c>
      <c r="DT16" s="195">
        <v>0</v>
      </c>
      <c r="DU16" s="195">
        <v>0</v>
      </c>
      <c r="DV16" s="196">
        <v>43</v>
      </c>
      <c r="DW16" s="197">
        <v>122</v>
      </c>
      <c r="DX16" s="197">
        <v>352</v>
      </c>
      <c r="DY16" s="197">
        <v>492</v>
      </c>
      <c r="DZ16" s="195">
        <v>325</v>
      </c>
      <c r="EA16" s="198">
        <v>1334</v>
      </c>
      <c r="EB16" s="200">
        <v>1334</v>
      </c>
      <c r="EC16" s="37"/>
    </row>
    <row r="17" spans="2:133" ht="21" customHeight="1" x14ac:dyDescent="0.2">
      <c r="B17" s="62" t="s">
        <v>13</v>
      </c>
      <c r="C17" s="194">
        <v>0</v>
      </c>
      <c r="D17" s="195">
        <v>0</v>
      </c>
      <c r="E17" s="195">
        <v>0</v>
      </c>
      <c r="F17" s="196">
        <v>2</v>
      </c>
      <c r="G17" s="197">
        <v>3</v>
      </c>
      <c r="H17" s="197">
        <v>65</v>
      </c>
      <c r="I17" s="197">
        <v>160</v>
      </c>
      <c r="J17" s="195">
        <v>122</v>
      </c>
      <c r="K17" s="198">
        <v>352</v>
      </c>
      <c r="L17" s="199">
        <v>352</v>
      </c>
      <c r="M17" s="194">
        <v>0</v>
      </c>
      <c r="N17" s="195">
        <v>0</v>
      </c>
      <c r="O17" s="198">
        <v>0</v>
      </c>
      <c r="P17" s="196">
        <v>2</v>
      </c>
      <c r="Q17" s="197">
        <v>3</v>
      </c>
      <c r="R17" s="197">
        <v>65</v>
      </c>
      <c r="S17" s="197">
        <v>160</v>
      </c>
      <c r="T17" s="195">
        <v>121</v>
      </c>
      <c r="U17" s="198">
        <v>351</v>
      </c>
      <c r="V17" s="200">
        <v>351</v>
      </c>
      <c r="W17" s="201">
        <v>0</v>
      </c>
      <c r="X17" s="195">
        <v>0</v>
      </c>
      <c r="Y17" s="198">
        <v>0</v>
      </c>
      <c r="Z17" s="201">
        <v>0</v>
      </c>
      <c r="AA17" s="197">
        <v>0</v>
      </c>
      <c r="AB17" s="197">
        <v>0</v>
      </c>
      <c r="AC17" s="197">
        <v>0</v>
      </c>
      <c r="AD17" s="195">
        <v>1</v>
      </c>
      <c r="AE17" s="198">
        <v>1</v>
      </c>
      <c r="AF17" s="202">
        <v>1</v>
      </c>
      <c r="AG17" s="201">
        <v>0</v>
      </c>
      <c r="AH17" s="195">
        <v>0</v>
      </c>
      <c r="AI17" s="198">
        <v>0</v>
      </c>
      <c r="AJ17" s="201">
        <v>10</v>
      </c>
      <c r="AK17" s="197">
        <v>29</v>
      </c>
      <c r="AL17" s="197">
        <v>39</v>
      </c>
      <c r="AM17" s="197">
        <v>29</v>
      </c>
      <c r="AN17" s="195">
        <v>24</v>
      </c>
      <c r="AO17" s="198">
        <v>131</v>
      </c>
      <c r="AP17" s="202">
        <v>131</v>
      </c>
      <c r="AQ17" s="201">
        <v>0</v>
      </c>
      <c r="AR17" s="195">
        <v>0</v>
      </c>
      <c r="AS17" s="198">
        <v>0</v>
      </c>
      <c r="AT17" s="196">
        <v>10</v>
      </c>
      <c r="AU17" s="197">
        <v>29</v>
      </c>
      <c r="AV17" s="197">
        <v>38</v>
      </c>
      <c r="AW17" s="197">
        <v>28</v>
      </c>
      <c r="AX17" s="195">
        <v>23</v>
      </c>
      <c r="AY17" s="198">
        <v>128</v>
      </c>
      <c r="AZ17" s="199">
        <v>128</v>
      </c>
      <c r="BA17" s="194">
        <v>0</v>
      </c>
      <c r="BB17" s="195">
        <v>0</v>
      </c>
      <c r="BC17" s="195">
        <v>0</v>
      </c>
      <c r="BD17" s="196">
        <v>0</v>
      </c>
      <c r="BE17" s="197">
        <v>0</v>
      </c>
      <c r="BF17" s="197">
        <v>1</v>
      </c>
      <c r="BG17" s="197">
        <v>1</v>
      </c>
      <c r="BH17" s="195">
        <v>1</v>
      </c>
      <c r="BI17" s="198">
        <v>3</v>
      </c>
      <c r="BJ17" s="200">
        <v>3</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1</v>
      </c>
      <c r="CW17" s="198">
        <v>1</v>
      </c>
      <c r="CX17" s="199">
        <v>1</v>
      </c>
      <c r="CY17" s="194">
        <v>0</v>
      </c>
      <c r="CZ17" s="195">
        <v>0</v>
      </c>
      <c r="DA17" s="195">
        <v>0</v>
      </c>
      <c r="DB17" s="196">
        <v>0</v>
      </c>
      <c r="DC17" s="197">
        <v>0</v>
      </c>
      <c r="DD17" s="197">
        <v>0</v>
      </c>
      <c r="DE17" s="197">
        <v>0</v>
      </c>
      <c r="DF17" s="195">
        <v>1</v>
      </c>
      <c r="DG17" s="198">
        <v>1</v>
      </c>
      <c r="DH17" s="200">
        <v>1</v>
      </c>
      <c r="DI17" s="201">
        <v>0</v>
      </c>
      <c r="DJ17" s="195">
        <v>0</v>
      </c>
      <c r="DK17" s="195">
        <v>0</v>
      </c>
      <c r="DL17" s="196">
        <v>0</v>
      </c>
      <c r="DM17" s="197">
        <v>0</v>
      </c>
      <c r="DN17" s="197">
        <v>0</v>
      </c>
      <c r="DO17" s="197">
        <v>0</v>
      </c>
      <c r="DP17" s="195">
        <v>0</v>
      </c>
      <c r="DQ17" s="198">
        <v>0</v>
      </c>
      <c r="DR17" s="200">
        <v>0</v>
      </c>
      <c r="DS17" s="201">
        <v>0</v>
      </c>
      <c r="DT17" s="195">
        <v>0</v>
      </c>
      <c r="DU17" s="195">
        <v>0</v>
      </c>
      <c r="DV17" s="196">
        <v>12</v>
      </c>
      <c r="DW17" s="197">
        <v>32</v>
      </c>
      <c r="DX17" s="197">
        <v>104</v>
      </c>
      <c r="DY17" s="197">
        <v>189</v>
      </c>
      <c r="DZ17" s="195">
        <v>147</v>
      </c>
      <c r="EA17" s="198">
        <v>484</v>
      </c>
      <c r="EB17" s="200">
        <v>484</v>
      </c>
      <c r="EC17" s="37"/>
    </row>
    <row r="18" spans="2:133" ht="21" customHeight="1" x14ac:dyDescent="0.2">
      <c r="B18" s="62" t="s">
        <v>15</v>
      </c>
      <c r="C18" s="194">
        <v>0</v>
      </c>
      <c r="D18" s="195">
        <v>0</v>
      </c>
      <c r="E18" s="195">
        <v>0</v>
      </c>
      <c r="F18" s="196">
        <v>1</v>
      </c>
      <c r="G18" s="197">
        <v>1</v>
      </c>
      <c r="H18" s="197">
        <v>84</v>
      </c>
      <c r="I18" s="197">
        <v>136</v>
      </c>
      <c r="J18" s="195">
        <v>87</v>
      </c>
      <c r="K18" s="198">
        <v>309</v>
      </c>
      <c r="L18" s="199">
        <v>309</v>
      </c>
      <c r="M18" s="194">
        <v>0</v>
      </c>
      <c r="N18" s="195">
        <v>0</v>
      </c>
      <c r="O18" s="198">
        <v>0</v>
      </c>
      <c r="P18" s="196">
        <v>1</v>
      </c>
      <c r="Q18" s="197">
        <v>1</v>
      </c>
      <c r="R18" s="197">
        <v>84</v>
      </c>
      <c r="S18" s="197">
        <v>135</v>
      </c>
      <c r="T18" s="195">
        <v>85</v>
      </c>
      <c r="U18" s="198">
        <v>306</v>
      </c>
      <c r="V18" s="200">
        <v>306</v>
      </c>
      <c r="W18" s="201">
        <v>0</v>
      </c>
      <c r="X18" s="195">
        <v>0</v>
      </c>
      <c r="Y18" s="198">
        <v>0</v>
      </c>
      <c r="Z18" s="201">
        <v>0</v>
      </c>
      <c r="AA18" s="197">
        <v>0</v>
      </c>
      <c r="AB18" s="197">
        <v>0</v>
      </c>
      <c r="AC18" s="197">
        <v>1</v>
      </c>
      <c r="AD18" s="195">
        <v>2</v>
      </c>
      <c r="AE18" s="198">
        <v>3</v>
      </c>
      <c r="AF18" s="202">
        <v>3</v>
      </c>
      <c r="AG18" s="201">
        <v>0</v>
      </c>
      <c r="AH18" s="195">
        <v>0</v>
      </c>
      <c r="AI18" s="198">
        <v>0</v>
      </c>
      <c r="AJ18" s="201">
        <v>21</v>
      </c>
      <c r="AK18" s="197">
        <v>33</v>
      </c>
      <c r="AL18" s="197">
        <v>55</v>
      </c>
      <c r="AM18" s="197">
        <v>49</v>
      </c>
      <c r="AN18" s="195">
        <v>27</v>
      </c>
      <c r="AO18" s="198">
        <v>185</v>
      </c>
      <c r="AP18" s="202">
        <v>185</v>
      </c>
      <c r="AQ18" s="201">
        <v>0</v>
      </c>
      <c r="AR18" s="195">
        <v>0</v>
      </c>
      <c r="AS18" s="198">
        <v>0</v>
      </c>
      <c r="AT18" s="196">
        <v>20</v>
      </c>
      <c r="AU18" s="197">
        <v>33</v>
      </c>
      <c r="AV18" s="197">
        <v>55</v>
      </c>
      <c r="AW18" s="197">
        <v>47</v>
      </c>
      <c r="AX18" s="195">
        <v>26</v>
      </c>
      <c r="AY18" s="198">
        <v>181</v>
      </c>
      <c r="AZ18" s="199">
        <v>181</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0</v>
      </c>
      <c r="BS18" s="198">
        <v>0</v>
      </c>
      <c r="BT18" s="199">
        <v>0</v>
      </c>
      <c r="BU18" s="194">
        <v>0</v>
      </c>
      <c r="BV18" s="195">
        <v>0</v>
      </c>
      <c r="BW18" s="195">
        <v>0</v>
      </c>
      <c r="BX18" s="196">
        <v>0</v>
      </c>
      <c r="BY18" s="197">
        <v>0</v>
      </c>
      <c r="BZ18" s="197">
        <v>0</v>
      </c>
      <c r="CA18" s="197">
        <v>0</v>
      </c>
      <c r="CB18" s="195">
        <v>0</v>
      </c>
      <c r="CC18" s="198">
        <v>0</v>
      </c>
      <c r="CD18" s="200">
        <v>0</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2</v>
      </c>
      <c r="DW18" s="197">
        <v>34</v>
      </c>
      <c r="DX18" s="197">
        <v>138</v>
      </c>
      <c r="DY18" s="197">
        <v>184</v>
      </c>
      <c r="DZ18" s="195">
        <v>114</v>
      </c>
      <c r="EA18" s="198">
        <v>492</v>
      </c>
      <c r="EB18" s="200">
        <v>492</v>
      </c>
      <c r="EC18" s="37"/>
    </row>
    <row r="19" spans="2:133" ht="21" customHeight="1" x14ac:dyDescent="0.2">
      <c r="B19" s="62" t="s">
        <v>16</v>
      </c>
      <c r="C19" s="194">
        <v>0</v>
      </c>
      <c r="D19" s="195">
        <v>0</v>
      </c>
      <c r="E19" s="195">
        <v>0</v>
      </c>
      <c r="F19" s="196">
        <v>7</v>
      </c>
      <c r="G19" s="197">
        <v>16</v>
      </c>
      <c r="H19" s="197">
        <v>203</v>
      </c>
      <c r="I19" s="197">
        <v>301</v>
      </c>
      <c r="J19" s="195">
        <v>201</v>
      </c>
      <c r="K19" s="198">
        <v>728</v>
      </c>
      <c r="L19" s="199">
        <v>728</v>
      </c>
      <c r="M19" s="194">
        <v>0</v>
      </c>
      <c r="N19" s="195">
        <v>0</v>
      </c>
      <c r="O19" s="198">
        <v>0</v>
      </c>
      <c r="P19" s="196">
        <v>7</v>
      </c>
      <c r="Q19" s="197">
        <v>15</v>
      </c>
      <c r="R19" s="197">
        <v>203</v>
      </c>
      <c r="S19" s="197">
        <v>299</v>
      </c>
      <c r="T19" s="195">
        <v>197</v>
      </c>
      <c r="U19" s="198">
        <v>721</v>
      </c>
      <c r="V19" s="200">
        <v>721</v>
      </c>
      <c r="W19" s="201">
        <v>0</v>
      </c>
      <c r="X19" s="195">
        <v>0</v>
      </c>
      <c r="Y19" s="198">
        <v>0</v>
      </c>
      <c r="Z19" s="201">
        <v>0</v>
      </c>
      <c r="AA19" s="197">
        <v>1</v>
      </c>
      <c r="AB19" s="197">
        <v>0</v>
      </c>
      <c r="AC19" s="197">
        <v>2</v>
      </c>
      <c r="AD19" s="195">
        <v>4</v>
      </c>
      <c r="AE19" s="198">
        <v>7</v>
      </c>
      <c r="AF19" s="202">
        <v>7</v>
      </c>
      <c r="AG19" s="201">
        <v>0</v>
      </c>
      <c r="AH19" s="195">
        <v>0</v>
      </c>
      <c r="AI19" s="198">
        <v>0</v>
      </c>
      <c r="AJ19" s="201">
        <v>51</v>
      </c>
      <c r="AK19" s="197">
        <v>95</v>
      </c>
      <c r="AL19" s="197">
        <v>141</v>
      </c>
      <c r="AM19" s="197">
        <v>142</v>
      </c>
      <c r="AN19" s="195">
        <v>60</v>
      </c>
      <c r="AO19" s="198">
        <v>489</v>
      </c>
      <c r="AP19" s="202">
        <v>489</v>
      </c>
      <c r="AQ19" s="201">
        <v>0</v>
      </c>
      <c r="AR19" s="195">
        <v>0</v>
      </c>
      <c r="AS19" s="198">
        <v>0</v>
      </c>
      <c r="AT19" s="196">
        <v>51</v>
      </c>
      <c r="AU19" s="197">
        <v>95</v>
      </c>
      <c r="AV19" s="197">
        <v>141</v>
      </c>
      <c r="AW19" s="197">
        <v>141</v>
      </c>
      <c r="AX19" s="195">
        <v>58</v>
      </c>
      <c r="AY19" s="198">
        <v>486</v>
      </c>
      <c r="AZ19" s="199">
        <v>486</v>
      </c>
      <c r="BA19" s="194">
        <v>0</v>
      </c>
      <c r="BB19" s="195">
        <v>0</v>
      </c>
      <c r="BC19" s="195">
        <v>0</v>
      </c>
      <c r="BD19" s="196">
        <v>0</v>
      </c>
      <c r="BE19" s="197">
        <v>0</v>
      </c>
      <c r="BF19" s="197">
        <v>0</v>
      </c>
      <c r="BG19" s="197">
        <v>1</v>
      </c>
      <c r="BH19" s="195">
        <v>2</v>
      </c>
      <c r="BI19" s="198">
        <v>3</v>
      </c>
      <c r="BJ19" s="200">
        <v>3</v>
      </c>
      <c r="BK19" s="201">
        <v>0</v>
      </c>
      <c r="BL19" s="195">
        <v>0</v>
      </c>
      <c r="BM19" s="195">
        <v>0</v>
      </c>
      <c r="BN19" s="196">
        <v>0</v>
      </c>
      <c r="BO19" s="197">
        <v>0</v>
      </c>
      <c r="BP19" s="197">
        <v>0</v>
      </c>
      <c r="BQ19" s="197">
        <v>0</v>
      </c>
      <c r="BR19" s="195">
        <v>1</v>
      </c>
      <c r="BS19" s="198">
        <v>1</v>
      </c>
      <c r="BT19" s="199">
        <v>1</v>
      </c>
      <c r="BU19" s="194">
        <v>0</v>
      </c>
      <c r="BV19" s="195">
        <v>0</v>
      </c>
      <c r="BW19" s="195">
        <v>0</v>
      </c>
      <c r="BX19" s="196">
        <v>0</v>
      </c>
      <c r="BY19" s="197">
        <v>0</v>
      </c>
      <c r="BZ19" s="197">
        <v>0</v>
      </c>
      <c r="CA19" s="197">
        <v>0</v>
      </c>
      <c r="CB19" s="195">
        <v>1</v>
      </c>
      <c r="CC19" s="198">
        <v>1</v>
      </c>
      <c r="CD19" s="200">
        <v>1</v>
      </c>
      <c r="CE19" s="201">
        <v>0</v>
      </c>
      <c r="CF19" s="195">
        <v>0</v>
      </c>
      <c r="CG19" s="195">
        <v>0</v>
      </c>
      <c r="CH19" s="196">
        <v>0</v>
      </c>
      <c r="CI19" s="197">
        <v>0</v>
      </c>
      <c r="CJ19" s="197">
        <v>0</v>
      </c>
      <c r="CK19" s="197">
        <v>0</v>
      </c>
      <c r="CL19" s="195">
        <v>0</v>
      </c>
      <c r="CM19" s="198">
        <v>0</v>
      </c>
      <c r="CN19" s="200">
        <v>0</v>
      </c>
      <c r="CO19" s="201">
        <v>0</v>
      </c>
      <c r="CP19" s="195">
        <v>0</v>
      </c>
      <c r="CQ19" s="195">
        <v>0</v>
      </c>
      <c r="CR19" s="196">
        <v>0</v>
      </c>
      <c r="CS19" s="197">
        <v>1</v>
      </c>
      <c r="CT19" s="197">
        <v>3</v>
      </c>
      <c r="CU19" s="197">
        <v>9</v>
      </c>
      <c r="CV19" s="195">
        <v>21</v>
      </c>
      <c r="CW19" s="198">
        <v>34</v>
      </c>
      <c r="CX19" s="199">
        <v>34</v>
      </c>
      <c r="CY19" s="194">
        <v>0</v>
      </c>
      <c r="CZ19" s="195">
        <v>0</v>
      </c>
      <c r="DA19" s="195">
        <v>0</v>
      </c>
      <c r="DB19" s="196">
        <v>0</v>
      </c>
      <c r="DC19" s="197">
        <v>1</v>
      </c>
      <c r="DD19" s="197">
        <v>3</v>
      </c>
      <c r="DE19" s="197">
        <v>9</v>
      </c>
      <c r="DF19" s="195">
        <v>21</v>
      </c>
      <c r="DG19" s="198">
        <v>34</v>
      </c>
      <c r="DH19" s="200">
        <v>34</v>
      </c>
      <c r="DI19" s="201">
        <v>0</v>
      </c>
      <c r="DJ19" s="195">
        <v>0</v>
      </c>
      <c r="DK19" s="195">
        <v>0</v>
      </c>
      <c r="DL19" s="196">
        <v>0</v>
      </c>
      <c r="DM19" s="197">
        <v>0</v>
      </c>
      <c r="DN19" s="197">
        <v>0</v>
      </c>
      <c r="DO19" s="197">
        <v>0</v>
      </c>
      <c r="DP19" s="195">
        <v>0</v>
      </c>
      <c r="DQ19" s="198">
        <v>0</v>
      </c>
      <c r="DR19" s="200">
        <v>0</v>
      </c>
      <c r="DS19" s="201">
        <v>0</v>
      </c>
      <c r="DT19" s="195">
        <v>0</v>
      </c>
      <c r="DU19" s="195">
        <v>0</v>
      </c>
      <c r="DV19" s="196">
        <v>58</v>
      </c>
      <c r="DW19" s="197">
        <v>112</v>
      </c>
      <c r="DX19" s="197">
        <v>346</v>
      </c>
      <c r="DY19" s="197">
        <v>451</v>
      </c>
      <c r="DZ19" s="195">
        <v>283</v>
      </c>
      <c r="EA19" s="198">
        <v>1250</v>
      </c>
      <c r="EB19" s="200">
        <v>1250</v>
      </c>
      <c r="EC19" s="37"/>
    </row>
    <row r="20" spans="2:133" ht="21" customHeight="1" x14ac:dyDescent="0.2">
      <c r="B20" s="62" t="s">
        <v>17</v>
      </c>
      <c r="C20" s="194">
        <v>0</v>
      </c>
      <c r="D20" s="195">
        <v>0</v>
      </c>
      <c r="E20" s="195">
        <v>0</v>
      </c>
      <c r="F20" s="196">
        <v>2</v>
      </c>
      <c r="G20" s="197">
        <v>15</v>
      </c>
      <c r="H20" s="197">
        <v>200</v>
      </c>
      <c r="I20" s="197">
        <v>269</v>
      </c>
      <c r="J20" s="195">
        <v>220</v>
      </c>
      <c r="K20" s="198">
        <v>706</v>
      </c>
      <c r="L20" s="199">
        <v>706</v>
      </c>
      <c r="M20" s="194">
        <v>0</v>
      </c>
      <c r="N20" s="195">
        <v>0</v>
      </c>
      <c r="O20" s="198">
        <v>0</v>
      </c>
      <c r="P20" s="196">
        <v>2</v>
      </c>
      <c r="Q20" s="197">
        <v>15</v>
      </c>
      <c r="R20" s="197">
        <v>200</v>
      </c>
      <c r="S20" s="197">
        <v>268</v>
      </c>
      <c r="T20" s="195">
        <v>217</v>
      </c>
      <c r="U20" s="198">
        <v>702</v>
      </c>
      <c r="V20" s="200">
        <v>702</v>
      </c>
      <c r="W20" s="201">
        <v>0</v>
      </c>
      <c r="X20" s="195">
        <v>0</v>
      </c>
      <c r="Y20" s="198">
        <v>0</v>
      </c>
      <c r="Z20" s="201">
        <v>0</v>
      </c>
      <c r="AA20" s="197">
        <v>0</v>
      </c>
      <c r="AB20" s="197">
        <v>0</v>
      </c>
      <c r="AC20" s="197">
        <v>1</v>
      </c>
      <c r="AD20" s="195">
        <v>3</v>
      </c>
      <c r="AE20" s="198">
        <v>4</v>
      </c>
      <c r="AF20" s="202">
        <v>4</v>
      </c>
      <c r="AG20" s="201">
        <v>0</v>
      </c>
      <c r="AH20" s="195">
        <v>0</v>
      </c>
      <c r="AI20" s="198">
        <v>0</v>
      </c>
      <c r="AJ20" s="201">
        <v>44</v>
      </c>
      <c r="AK20" s="197">
        <v>120</v>
      </c>
      <c r="AL20" s="197">
        <v>147</v>
      </c>
      <c r="AM20" s="197">
        <v>138</v>
      </c>
      <c r="AN20" s="195">
        <v>82</v>
      </c>
      <c r="AO20" s="198">
        <v>531</v>
      </c>
      <c r="AP20" s="202">
        <v>531</v>
      </c>
      <c r="AQ20" s="201">
        <v>0</v>
      </c>
      <c r="AR20" s="195">
        <v>0</v>
      </c>
      <c r="AS20" s="198">
        <v>0</v>
      </c>
      <c r="AT20" s="196">
        <v>42</v>
      </c>
      <c r="AU20" s="197">
        <v>118</v>
      </c>
      <c r="AV20" s="197">
        <v>142</v>
      </c>
      <c r="AW20" s="197">
        <v>136</v>
      </c>
      <c r="AX20" s="195">
        <v>82</v>
      </c>
      <c r="AY20" s="198">
        <v>520</v>
      </c>
      <c r="AZ20" s="199">
        <v>520</v>
      </c>
      <c r="BA20" s="194">
        <v>0</v>
      </c>
      <c r="BB20" s="195">
        <v>0</v>
      </c>
      <c r="BC20" s="195">
        <v>0</v>
      </c>
      <c r="BD20" s="196">
        <v>2</v>
      </c>
      <c r="BE20" s="197">
        <v>2</v>
      </c>
      <c r="BF20" s="197">
        <v>5</v>
      </c>
      <c r="BG20" s="197">
        <v>2</v>
      </c>
      <c r="BH20" s="195">
        <v>0</v>
      </c>
      <c r="BI20" s="198">
        <v>11</v>
      </c>
      <c r="BJ20" s="200">
        <v>11</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3</v>
      </c>
      <c r="CV20" s="195">
        <v>9</v>
      </c>
      <c r="CW20" s="198">
        <v>13</v>
      </c>
      <c r="CX20" s="199">
        <v>13</v>
      </c>
      <c r="CY20" s="194">
        <v>0</v>
      </c>
      <c r="CZ20" s="195">
        <v>0</v>
      </c>
      <c r="DA20" s="195">
        <v>0</v>
      </c>
      <c r="DB20" s="196">
        <v>0</v>
      </c>
      <c r="DC20" s="197">
        <v>0</v>
      </c>
      <c r="DD20" s="197">
        <v>1</v>
      </c>
      <c r="DE20" s="197">
        <v>3</v>
      </c>
      <c r="DF20" s="195">
        <v>8</v>
      </c>
      <c r="DG20" s="198">
        <v>12</v>
      </c>
      <c r="DH20" s="200">
        <v>12</v>
      </c>
      <c r="DI20" s="201">
        <v>0</v>
      </c>
      <c r="DJ20" s="195">
        <v>0</v>
      </c>
      <c r="DK20" s="195">
        <v>0</v>
      </c>
      <c r="DL20" s="196">
        <v>0</v>
      </c>
      <c r="DM20" s="197">
        <v>0</v>
      </c>
      <c r="DN20" s="197">
        <v>0</v>
      </c>
      <c r="DO20" s="197">
        <v>0</v>
      </c>
      <c r="DP20" s="195">
        <v>1</v>
      </c>
      <c r="DQ20" s="198">
        <v>1</v>
      </c>
      <c r="DR20" s="200">
        <v>1</v>
      </c>
      <c r="DS20" s="201">
        <v>0</v>
      </c>
      <c r="DT20" s="195">
        <v>0</v>
      </c>
      <c r="DU20" s="195">
        <v>0</v>
      </c>
      <c r="DV20" s="196">
        <v>46</v>
      </c>
      <c r="DW20" s="197">
        <v>135</v>
      </c>
      <c r="DX20" s="197">
        <v>348</v>
      </c>
      <c r="DY20" s="197">
        <v>410</v>
      </c>
      <c r="DZ20" s="195">
        <v>315</v>
      </c>
      <c r="EA20" s="198">
        <v>1254</v>
      </c>
      <c r="EB20" s="200">
        <v>1254</v>
      </c>
      <c r="EC20" s="37"/>
    </row>
    <row r="21" spans="2:133" ht="21" customHeight="1" x14ac:dyDescent="0.2">
      <c r="B21" s="62" t="s">
        <v>18</v>
      </c>
      <c r="C21" s="194">
        <v>0</v>
      </c>
      <c r="D21" s="195">
        <v>0</v>
      </c>
      <c r="E21" s="195">
        <v>0</v>
      </c>
      <c r="F21" s="196">
        <v>4</v>
      </c>
      <c r="G21" s="197">
        <v>14</v>
      </c>
      <c r="H21" s="197">
        <v>178</v>
      </c>
      <c r="I21" s="197">
        <v>411</v>
      </c>
      <c r="J21" s="195">
        <v>256</v>
      </c>
      <c r="K21" s="198">
        <v>863</v>
      </c>
      <c r="L21" s="199">
        <v>863</v>
      </c>
      <c r="M21" s="194">
        <v>0</v>
      </c>
      <c r="N21" s="195">
        <v>0</v>
      </c>
      <c r="O21" s="198">
        <v>0</v>
      </c>
      <c r="P21" s="196">
        <v>4</v>
      </c>
      <c r="Q21" s="197">
        <v>14</v>
      </c>
      <c r="R21" s="197">
        <v>174</v>
      </c>
      <c r="S21" s="197">
        <v>409</v>
      </c>
      <c r="T21" s="195">
        <v>252</v>
      </c>
      <c r="U21" s="198">
        <v>853</v>
      </c>
      <c r="V21" s="200">
        <v>853</v>
      </c>
      <c r="W21" s="201">
        <v>0</v>
      </c>
      <c r="X21" s="195">
        <v>0</v>
      </c>
      <c r="Y21" s="198">
        <v>0</v>
      </c>
      <c r="Z21" s="201">
        <v>0</v>
      </c>
      <c r="AA21" s="197">
        <v>0</v>
      </c>
      <c r="AB21" s="197">
        <v>4</v>
      </c>
      <c r="AC21" s="197">
        <v>2</v>
      </c>
      <c r="AD21" s="195">
        <v>4</v>
      </c>
      <c r="AE21" s="198">
        <v>10</v>
      </c>
      <c r="AF21" s="202">
        <v>10</v>
      </c>
      <c r="AG21" s="201">
        <v>0</v>
      </c>
      <c r="AH21" s="195">
        <v>0</v>
      </c>
      <c r="AI21" s="198">
        <v>0</v>
      </c>
      <c r="AJ21" s="201">
        <v>38</v>
      </c>
      <c r="AK21" s="197">
        <v>67</v>
      </c>
      <c r="AL21" s="197">
        <v>117</v>
      </c>
      <c r="AM21" s="197">
        <v>127</v>
      </c>
      <c r="AN21" s="195">
        <v>75</v>
      </c>
      <c r="AO21" s="198">
        <v>424</v>
      </c>
      <c r="AP21" s="202">
        <v>424</v>
      </c>
      <c r="AQ21" s="201">
        <v>0</v>
      </c>
      <c r="AR21" s="195">
        <v>0</v>
      </c>
      <c r="AS21" s="198">
        <v>0</v>
      </c>
      <c r="AT21" s="196">
        <v>38</v>
      </c>
      <c r="AU21" s="197">
        <v>64</v>
      </c>
      <c r="AV21" s="197">
        <v>114</v>
      </c>
      <c r="AW21" s="197">
        <v>125</v>
      </c>
      <c r="AX21" s="195">
        <v>72</v>
      </c>
      <c r="AY21" s="198">
        <v>413</v>
      </c>
      <c r="AZ21" s="199">
        <v>413</v>
      </c>
      <c r="BA21" s="194">
        <v>0</v>
      </c>
      <c r="BB21" s="195">
        <v>0</v>
      </c>
      <c r="BC21" s="195">
        <v>0</v>
      </c>
      <c r="BD21" s="196">
        <v>0</v>
      </c>
      <c r="BE21" s="197">
        <v>3</v>
      </c>
      <c r="BF21" s="197">
        <v>3</v>
      </c>
      <c r="BG21" s="197">
        <v>2</v>
      </c>
      <c r="BH21" s="195">
        <v>3</v>
      </c>
      <c r="BI21" s="198">
        <v>11</v>
      </c>
      <c r="BJ21" s="200">
        <v>11</v>
      </c>
      <c r="BK21" s="201">
        <v>0</v>
      </c>
      <c r="BL21" s="195">
        <v>0</v>
      </c>
      <c r="BM21" s="195">
        <v>0</v>
      </c>
      <c r="BN21" s="196">
        <v>0</v>
      </c>
      <c r="BO21" s="197">
        <v>0</v>
      </c>
      <c r="BP21" s="197">
        <v>0</v>
      </c>
      <c r="BQ21" s="197">
        <v>1</v>
      </c>
      <c r="BR21" s="195">
        <v>4</v>
      </c>
      <c r="BS21" s="198">
        <v>5</v>
      </c>
      <c r="BT21" s="199">
        <v>5</v>
      </c>
      <c r="BU21" s="194">
        <v>0</v>
      </c>
      <c r="BV21" s="195">
        <v>0</v>
      </c>
      <c r="BW21" s="195">
        <v>0</v>
      </c>
      <c r="BX21" s="196">
        <v>0</v>
      </c>
      <c r="BY21" s="197">
        <v>0</v>
      </c>
      <c r="BZ21" s="197">
        <v>0</v>
      </c>
      <c r="CA21" s="197">
        <v>1</v>
      </c>
      <c r="CB21" s="195">
        <v>4</v>
      </c>
      <c r="CC21" s="198">
        <v>5</v>
      </c>
      <c r="CD21" s="200">
        <v>5</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9</v>
      </c>
      <c r="CV21" s="195">
        <v>21</v>
      </c>
      <c r="CW21" s="198">
        <v>31</v>
      </c>
      <c r="CX21" s="199">
        <v>31</v>
      </c>
      <c r="CY21" s="194">
        <v>0</v>
      </c>
      <c r="CZ21" s="195">
        <v>0</v>
      </c>
      <c r="DA21" s="195">
        <v>0</v>
      </c>
      <c r="DB21" s="196">
        <v>0</v>
      </c>
      <c r="DC21" s="197">
        <v>0</v>
      </c>
      <c r="DD21" s="197">
        <v>1</v>
      </c>
      <c r="DE21" s="197">
        <v>9</v>
      </c>
      <c r="DF21" s="195">
        <v>20</v>
      </c>
      <c r="DG21" s="198">
        <v>30</v>
      </c>
      <c r="DH21" s="200">
        <v>30</v>
      </c>
      <c r="DI21" s="201">
        <v>0</v>
      </c>
      <c r="DJ21" s="195">
        <v>0</v>
      </c>
      <c r="DK21" s="195">
        <v>0</v>
      </c>
      <c r="DL21" s="196">
        <v>0</v>
      </c>
      <c r="DM21" s="197">
        <v>0</v>
      </c>
      <c r="DN21" s="197">
        <v>0</v>
      </c>
      <c r="DO21" s="197">
        <v>0</v>
      </c>
      <c r="DP21" s="195">
        <v>1</v>
      </c>
      <c r="DQ21" s="198">
        <v>1</v>
      </c>
      <c r="DR21" s="200">
        <v>1</v>
      </c>
      <c r="DS21" s="201">
        <v>0</v>
      </c>
      <c r="DT21" s="195">
        <v>0</v>
      </c>
      <c r="DU21" s="195">
        <v>0</v>
      </c>
      <c r="DV21" s="196">
        <v>42</v>
      </c>
      <c r="DW21" s="197">
        <v>81</v>
      </c>
      <c r="DX21" s="197">
        <v>296</v>
      </c>
      <c r="DY21" s="197">
        <v>545</v>
      </c>
      <c r="DZ21" s="195">
        <v>355</v>
      </c>
      <c r="EA21" s="198">
        <v>1319</v>
      </c>
      <c r="EB21" s="200">
        <v>1319</v>
      </c>
      <c r="EC21" s="37"/>
    </row>
    <row r="22" spans="2:133" ht="21" customHeight="1" x14ac:dyDescent="0.2">
      <c r="B22" s="62" t="s">
        <v>19</v>
      </c>
      <c r="C22" s="194">
        <v>0</v>
      </c>
      <c r="D22" s="195">
        <v>0</v>
      </c>
      <c r="E22" s="195">
        <v>0</v>
      </c>
      <c r="F22" s="196">
        <v>0</v>
      </c>
      <c r="G22" s="197">
        <v>7</v>
      </c>
      <c r="H22" s="197">
        <v>119</v>
      </c>
      <c r="I22" s="197">
        <v>134</v>
      </c>
      <c r="J22" s="195">
        <v>97</v>
      </c>
      <c r="K22" s="198">
        <v>357</v>
      </c>
      <c r="L22" s="199">
        <v>357</v>
      </c>
      <c r="M22" s="194">
        <v>0</v>
      </c>
      <c r="N22" s="195">
        <v>0</v>
      </c>
      <c r="O22" s="198">
        <v>0</v>
      </c>
      <c r="P22" s="196">
        <v>0</v>
      </c>
      <c r="Q22" s="197">
        <v>7</v>
      </c>
      <c r="R22" s="197">
        <v>118</v>
      </c>
      <c r="S22" s="197">
        <v>134</v>
      </c>
      <c r="T22" s="195">
        <v>97</v>
      </c>
      <c r="U22" s="198">
        <v>356</v>
      </c>
      <c r="V22" s="200">
        <v>356</v>
      </c>
      <c r="W22" s="201">
        <v>0</v>
      </c>
      <c r="X22" s="195">
        <v>0</v>
      </c>
      <c r="Y22" s="198">
        <v>0</v>
      </c>
      <c r="Z22" s="201">
        <v>0</v>
      </c>
      <c r="AA22" s="197">
        <v>0</v>
      </c>
      <c r="AB22" s="197">
        <v>1</v>
      </c>
      <c r="AC22" s="197">
        <v>0</v>
      </c>
      <c r="AD22" s="195">
        <v>0</v>
      </c>
      <c r="AE22" s="198">
        <v>1</v>
      </c>
      <c r="AF22" s="202">
        <v>1</v>
      </c>
      <c r="AG22" s="201">
        <v>0</v>
      </c>
      <c r="AH22" s="195">
        <v>0</v>
      </c>
      <c r="AI22" s="198">
        <v>0</v>
      </c>
      <c r="AJ22" s="201">
        <v>19</v>
      </c>
      <c r="AK22" s="197">
        <v>50</v>
      </c>
      <c r="AL22" s="197">
        <v>79</v>
      </c>
      <c r="AM22" s="197">
        <v>52</v>
      </c>
      <c r="AN22" s="195">
        <v>38</v>
      </c>
      <c r="AO22" s="198">
        <v>238</v>
      </c>
      <c r="AP22" s="202">
        <v>238</v>
      </c>
      <c r="AQ22" s="201">
        <v>0</v>
      </c>
      <c r="AR22" s="195">
        <v>0</v>
      </c>
      <c r="AS22" s="198">
        <v>0</v>
      </c>
      <c r="AT22" s="196">
        <v>19</v>
      </c>
      <c r="AU22" s="197">
        <v>50</v>
      </c>
      <c r="AV22" s="197">
        <v>78</v>
      </c>
      <c r="AW22" s="197">
        <v>48</v>
      </c>
      <c r="AX22" s="195">
        <v>37</v>
      </c>
      <c r="AY22" s="198">
        <v>232</v>
      </c>
      <c r="AZ22" s="199">
        <v>232</v>
      </c>
      <c r="BA22" s="194">
        <v>0</v>
      </c>
      <c r="BB22" s="195">
        <v>0</v>
      </c>
      <c r="BC22" s="195">
        <v>0</v>
      </c>
      <c r="BD22" s="196">
        <v>0</v>
      </c>
      <c r="BE22" s="197">
        <v>0</v>
      </c>
      <c r="BF22" s="197">
        <v>1</v>
      </c>
      <c r="BG22" s="197">
        <v>4</v>
      </c>
      <c r="BH22" s="195">
        <v>1</v>
      </c>
      <c r="BI22" s="198">
        <v>6</v>
      </c>
      <c r="BJ22" s="200">
        <v>6</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3</v>
      </c>
      <c r="CV22" s="195">
        <v>6</v>
      </c>
      <c r="CW22" s="198">
        <v>9</v>
      </c>
      <c r="CX22" s="199">
        <v>9</v>
      </c>
      <c r="CY22" s="194">
        <v>0</v>
      </c>
      <c r="CZ22" s="195">
        <v>0</v>
      </c>
      <c r="DA22" s="195">
        <v>0</v>
      </c>
      <c r="DB22" s="196">
        <v>0</v>
      </c>
      <c r="DC22" s="197">
        <v>0</v>
      </c>
      <c r="DD22" s="197">
        <v>0</v>
      </c>
      <c r="DE22" s="197">
        <v>3</v>
      </c>
      <c r="DF22" s="195">
        <v>5</v>
      </c>
      <c r="DG22" s="198">
        <v>8</v>
      </c>
      <c r="DH22" s="200">
        <v>8</v>
      </c>
      <c r="DI22" s="201">
        <v>0</v>
      </c>
      <c r="DJ22" s="195">
        <v>0</v>
      </c>
      <c r="DK22" s="195">
        <v>0</v>
      </c>
      <c r="DL22" s="196">
        <v>0</v>
      </c>
      <c r="DM22" s="197">
        <v>0</v>
      </c>
      <c r="DN22" s="197">
        <v>0</v>
      </c>
      <c r="DO22" s="197">
        <v>0</v>
      </c>
      <c r="DP22" s="195">
        <v>1</v>
      </c>
      <c r="DQ22" s="198">
        <v>1</v>
      </c>
      <c r="DR22" s="200">
        <v>1</v>
      </c>
      <c r="DS22" s="201">
        <v>0</v>
      </c>
      <c r="DT22" s="195">
        <v>0</v>
      </c>
      <c r="DU22" s="195">
        <v>0</v>
      </c>
      <c r="DV22" s="196">
        <v>19</v>
      </c>
      <c r="DW22" s="197">
        <v>57</v>
      </c>
      <c r="DX22" s="197">
        <v>197</v>
      </c>
      <c r="DY22" s="197">
        <v>188</v>
      </c>
      <c r="DZ22" s="195">
        <v>140</v>
      </c>
      <c r="EA22" s="198">
        <v>601</v>
      </c>
      <c r="EB22" s="200">
        <v>601</v>
      </c>
      <c r="EC22" s="37"/>
    </row>
    <row r="23" spans="2:133" ht="21" customHeight="1" x14ac:dyDescent="0.2">
      <c r="B23" s="62" t="s">
        <v>20</v>
      </c>
      <c r="C23" s="194">
        <v>0</v>
      </c>
      <c r="D23" s="195">
        <v>0</v>
      </c>
      <c r="E23" s="195">
        <v>0</v>
      </c>
      <c r="F23" s="196">
        <v>5</v>
      </c>
      <c r="G23" s="197">
        <v>30</v>
      </c>
      <c r="H23" s="197">
        <v>135</v>
      </c>
      <c r="I23" s="197">
        <v>189</v>
      </c>
      <c r="J23" s="195">
        <v>103</v>
      </c>
      <c r="K23" s="198">
        <v>462</v>
      </c>
      <c r="L23" s="199">
        <v>462</v>
      </c>
      <c r="M23" s="194">
        <v>0</v>
      </c>
      <c r="N23" s="195">
        <v>0</v>
      </c>
      <c r="O23" s="198">
        <v>0</v>
      </c>
      <c r="P23" s="196">
        <v>5</v>
      </c>
      <c r="Q23" s="197">
        <v>30</v>
      </c>
      <c r="R23" s="197">
        <v>134</v>
      </c>
      <c r="S23" s="197">
        <v>188</v>
      </c>
      <c r="T23" s="195">
        <v>102</v>
      </c>
      <c r="U23" s="198">
        <v>459</v>
      </c>
      <c r="V23" s="200">
        <v>459</v>
      </c>
      <c r="W23" s="201">
        <v>0</v>
      </c>
      <c r="X23" s="195">
        <v>0</v>
      </c>
      <c r="Y23" s="198">
        <v>0</v>
      </c>
      <c r="Z23" s="201">
        <v>0</v>
      </c>
      <c r="AA23" s="197">
        <v>0</v>
      </c>
      <c r="AB23" s="197">
        <v>1</v>
      </c>
      <c r="AC23" s="197">
        <v>1</v>
      </c>
      <c r="AD23" s="195">
        <v>1</v>
      </c>
      <c r="AE23" s="198">
        <v>3</v>
      </c>
      <c r="AF23" s="202">
        <v>3</v>
      </c>
      <c r="AG23" s="201">
        <v>0</v>
      </c>
      <c r="AH23" s="195">
        <v>0</v>
      </c>
      <c r="AI23" s="198">
        <v>0</v>
      </c>
      <c r="AJ23" s="201">
        <v>15</v>
      </c>
      <c r="AK23" s="197">
        <v>40</v>
      </c>
      <c r="AL23" s="197">
        <v>38</v>
      </c>
      <c r="AM23" s="197">
        <v>50</v>
      </c>
      <c r="AN23" s="195">
        <v>22</v>
      </c>
      <c r="AO23" s="198">
        <v>165</v>
      </c>
      <c r="AP23" s="202">
        <v>165</v>
      </c>
      <c r="AQ23" s="201">
        <v>0</v>
      </c>
      <c r="AR23" s="195">
        <v>0</v>
      </c>
      <c r="AS23" s="198">
        <v>0</v>
      </c>
      <c r="AT23" s="196">
        <v>15</v>
      </c>
      <c r="AU23" s="197">
        <v>40</v>
      </c>
      <c r="AV23" s="197">
        <v>38</v>
      </c>
      <c r="AW23" s="197">
        <v>49</v>
      </c>
      <c r="AX23" s="195">
        <v>22</v>
      </c>
      <c r="AY23" s="198">
        <v>164</v>
      </c>
      <c r="AZ23" s="199">
        <v>164</v>
      </c>
      <c r="BA23" s="194">
        <v>0</v>
      </c>
      <c r="BB23" s="195">
        <v>0</v>
      </c>
      <c r="BC23" s="195">
        <v>0</v>
      </c>
      <c r="BD23" s="196">
        <v>0</v>
      </c>
      <c r="BE23" s="197">
        <v>0</v>
      </c>
      <c r="BF23" s="197">
        <v>0</v>
      </c>
      <c r="BG23" s="197">
        <v>1</v>
      </c>
      <c r="BH23" s="195">
        <v>0</v>
      </c>
      <c r="BI23" s="198">
        <v>1</v>
      </c>
      <c r="BJ23" s="200">
        <v>1</v>
      </c>
      <c r="BK23" s="201">
        <v>0</v>
      </c>
      <c r="BL23" s="195">
        <v>0</v>
      </c>
      <c r="BM23" s="195">
        <v>0</v>
      </c>
      <c r="BN23" s="196">
        <v>0</v>
      </c>
      <c r="BO23" s="197">
        <v>0</v>
      </c>
      <c r="BP23" s="197">
        <v>0</v>
      </c>
      <c r="BQ23" s="197">
        <v>1</v>
      </c>
      <c r="BR23" s="195">
        <v>0</v>
      </c>
      <c r="BS23" s="198">
        <v>1</v>
      </c>
      <c r="BT23" s="199">
        <v>1</v>
      </c>
      <c r="BU23" s="194">
        <v>0</v>
      </c>
      <c r="BV23" s="195">
        <v>0</v>
      </c>
      <c r="BW23" s="195">
        <v>0</v>
      </c>
      <c r="BX23" s="196">
        <v>0</v>
      </c>
      <c r="BY23" s="197">
        <v>0</v>
      </c>
      <c r="BZ23" s="197">
        <v>0</v>
      </c>
      <c r="CA23" s="197">
        <v>1</v>
      </c>
      <c r="CB23" s="195">
        <v>0</v>
      </c>
      <c r="CC23" s="198">
        <v>1</v>
      </c>
      <c r="CD23" s="200">
        <v>1</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0</v>
      </c>
      <c r="CU23" s="197">
        <v>3</v>
      </c>
      <c r="CV23" s="195">
        <v>5</v>
      </c>
      <c r="CW23" s="198">
        <v>8</v>
      </c>
      <c r="CX23" s="199">
        <v>8</v>
      </c>
      <c r="CY23" s="194">
        <v>0</v>
      </c>
      <c r="CZ23" s="195">
        <v>0</v>
      </c>
      <c r="DA23" s="195">
        <v>0</v>
      </c>
      <c r="DB23" s="196">
        <v>0</v>
      </c>
      <c r="DC23" s="197">
        <v>0</v>
      </c>
      <c r="DD23" s="197">
        <v>0</v>
      </c>
      <c r="DE23" s="197">
        <v>3</v>
      </c>
      <c r="DF23" s="195">
        <v>5</v>
      </c>
      <c r="DG23" s="198">
        <v>8</v>
      </c>
      <c r="DH23" s="200">
        <v>8</v>
      </c>
      <c r="DI23" s="201">
        <v>0</v>
      </c>
      <c r="DJ23" s="195">
        <v>0</v>
      </c>
      <c r="DK23" s="195">
        <v>0</v>
      </c>
      <c r="DL23" s="196">
        <v>0</v>
      </c>
      <c r="DM23" s="197">
        <v>0</v>
      </c>
      <c r="DN23" s="197">
        <v>0</v>
      </c>
      <c r="DO23" s="197">
        <v>0</v>
      </c>
      <c r="DP23" s="195">
        <v>0</v>
      </c>
      <c r="DQ23" s="198">
        <v>0</v>
      </c>
      <c r="DR23" s="200">
        <v>0</v>
      </c>
      <c r="DS23" s="201">
        <v>0</v>
      </c>
      <c r="DT23" s="195">
        <v>0</v>
      </c>
      <c r="DU23" s="195">
        <v>0</v>
      </c>
      <c r="DV23" s="196">
        <v>20</v>
      </c>
      <c r="DW23" s="197">
        <v>70</v>
      </c>
      <c r="DX23" s="197">
        <v>173</v>
      </c>
      <c r="DY23" s="197">
        <v>243</v>
      </c>
      <c r="DZ23" s="195">
        <v>130</v>
      </c>
      <c r="EA23" s="198">
        <v>636</v>
      </c>
      <c r="EB23" s="200">
        <v>636</v>
      </c>
      <c r="EC23" s="37"/>
    </row>
    <row r="24" spans="2:133" ht="21" customHeight="1" x14ac:dyDescent="0.2">
      <c r="B24" s="62" t="s">
        <v>21</v>
      </c>
      <c r="C24" s="194">
        <v>0</v>
      </c>
      <c r="D24" s="195">
        <v>0</v>
      </c>
      <c r="E24" s="195">
        <v>0</v>
      </c>
      <c r="F24" s="196">
        <v>6</v>
      </c>
      <c r="G24" s="197">
        <v>13</v>
      </c>
      <c r="H24" s="197">
        <v>174</v>
      </c>
      <c r="I24" s="197">
        <v>195</v>
      </c>
      <c r="J24" s="195">
        <v>138</v>
      </c>
      <c r="K24" s="198">
        <v>526</v>
      </c>
      <c r="L24" s="199">
        <v>526</v>
      </c>
      <c r="M24" s="194">
        <v>0</v>
      </c>
      <c r="N24" s="195">
        <v>0</v>
      </c>
      <c r="O24" s="198">
        <v>0</v>
      </c>
      <c r="P24" s="196">
        <v>5</v>
      </c>
      <c r="Q24" s="197">
        <v>13</v>
      </c>
      <c r="R24" s="197">
        <v>173</v>
      </c>
      <c r="S24" s="197">
        <v>195</v>
      </c>
      <c r="T24" s="195">
        <v>136</v>
      </c>
      <c r="U24" s="198">
        <v>522</v>
      </c>
      <c r="V24" s="200">
        <v>522</v>
      </c>
      <c r="W24" s="201">
        <v>0</v>
      </c>
      <c r="X24" s="195">
        <v>0</v>
      </c>
      <c r="Y24" s="198">
        <v>0</v>
      </c>
      <c r="Z24" s="201">
        <v>1</v>
      </c>
      <c r="AA24" s="197">
        <v>0</v>
      </c>
      <c r="AB24" s="197">
        <v>1</v>
      </c>
      <c r="AC24" s="197">
        <v>0</v>
      </c>
      <c r="AD24" s="195">
        <v>2</v>
      </c>
      <c r="AE24" s="198">
        <v>4</v>
      </c>
      <c r="AF24" s="202">
        <v>4</v>
      </c>
      <c r="AG24" s="201">
        <v>0</v>
      </c>
      <c r="AH24" s="195">
        <v>0</v>
      </c>
      <c r="AI24" s="198">
        <v>0</v>
      </c>
      <c r="AJ24" s="201">
        <v>19</v>
      </c>
      <c r="AK24" s="197">
        <v>31</v>
      </c>
      <c r="AL24" s="197">
        <v>35</v>
      </c>
      <c r="AM24" s="197">
        <v>49</v>
      </c>
      <c r="AN24" s="195">
        <v>25</v>
      </c>
      <c r="AO24" s="198">
        <v>159</v>
      </c>
      <c r="AP24" s="202">
        <v>159</v>
      </c>
      <c r="AQ24" s="201">
        <v>0</v>
      </c>
      <c r="AR24" s="195">
        <v>0</v>
      </c>
      <c r="AS24" s="198">
        <v>0</v>
      </c>
      <c r="AT24" s="196">
        <v>19</v>
      </c>
      <c r="AU24" s="197">
        <v>31</v>
      </c>
      <c r="AV24" s="197">
        <v>34</v>
      </c>
      <c r="AW24" s="197">
        <v>45</v>
      </c>
      <c r="AX24" s="195">
        <v>24</v>
      </c>
      <c r="AY24" s="198">
        <v>153</v>
      </c>
      <c r="AZ24" s="199">
        <v>153</v>
      </c>
      <c r="BA24" s="194">
        <v>0</v>
      </c>
      <c r="BB24" s="195">
        <v>0</v>
      </c>
      <c r="BC24" s="195">
        <v>0</v>
      </c>
      <c r="BD24" s="196">
        <v>0</v>
      </c>
      <c r="BE24" s="197">
        <v>0</v>
      </c>
      <c r="BF24" s="197">
        <v>1</v>
      </c>
      <c r="BG24" s="197">
        <v>4</v>
      </c>
      <c r="BH24" s="195">
        <v>1</v>
      </c>
      <c r="BI24" s="198">
        <v>6</v>
      </c>
      <c r="BJ24" s="200">
        <v>6</v>
      </c>
      <c r="BK24" s="201">
        <v>0</v>
      </c>
      <c r="BL24" s="195">
        <v>0</v>
      </c>
      <c r="BM24" s="195">
        <v>0</v>
      </c>
      <c r="BN24" s="196">
        <v>0</v>
      </c>
      <c r="BO24" s="197">
        <v>0</v>
      </c>
      <c r="BP24" s="197">
        <v>1</v>
      </c>
      <c r="BQ24" s="197">
        <v>2</v>
      </c>
      <c r="BR24" s="195">
        <v>2</v>
      </c>
      <c r="BS24" s="198">
        <v>5</v>
      </c>
      <c r="BT24" s="199">
        <v>5</v>
      </c>
      <c r="BU24" s="194">
        <v>0</v>
      </c>
      <c r="BV24" s="195">
        <v>0</v>
      </c>
      <c r="BW24" s="195">
        <v>0</v>
      </c>
      <c r="BX24" s="196">
        <v>0</v>
      </c>
      <c r="BY24" s="197">
        <v>0</v>
      </c>
      <c r="BZ24" s="197">
        <v>1</v>
      </c>
      <c r="CA24" s="197">
        <v>2</v>
      </c>
      <c r="CB24" s="195">
        <v>2</v>
      </c>
      <c r="CC24" s="198">
        <v>5</v>
      </c>
      <c r="CD24" s="200">
        <v>5</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10</v>
      </c>
      <c r="CV24" s="195">
        <v>14</v>
      </c>
      <c r="CW24" s="198">
        <v>25</v>
      </c>
      <c r="CX24" s="199">
        <v>25</v>
      </c>
      <c r="CY24" s="194">
        <v>0</v>
      </c>
      <c r="CZ24" s="195">
        <v>0</v>
      </c>
      <c r="DA24" s="195">
        <v>0</v>
      </c>
      <c r="DB24" s="196">
        <v>0</v>
      </c>
      <c r="DC24" s="197">
        <v>0</v>
      </c>
      <c r="DD24" s="197">
        <v>1</v>
      </c>
      <c r="DE24" s="197">
        <v>10</v>
      </c>
      <c r="DF24" s="195">
        <v>13</v>
      </c>
      <c r="DG24" s="198">
        <v>24</v>
      </c>
      <c r="DH24" s="200">
        <v>24</v>
      </c>
      <c r="DI24" s="201">
        <v>0</v>
      </c>
      <c r="DJ24" s="195">
        <v>0</v>
      </c>
      <c r="DK24" s="195">
        <v>0</v>
      </c>
      <c r="DL24" s="196">
        <v>0</v>
      </c>
      <c r="DM24" s="197">
        <v>0</v>
      </c>
      <c r="DN24" s="197">
        <v>0</v>
      </c>
      <c r="DO24" s="197">
        <v>0</v>
      </c>
      <c r="DP24" s="195">
        <v>1</v>
      </c>
      <c r="DQ24" s="198">
        <v>1</v>
      </c>
      <c r="DR24" s="200">
        <v>1</v>
      </c>
      <c r="DS24" s="201">
        <v>0</v>
      </c>
      <c r="DT24" s="195">
        <v>0</v>
      </c>
      <c r="DU24" s="195">
        <v>0</v>
      </c>
      <c r="DV24" s="196">
        <v>25</v>
      </c>
      <c r="DW24" s="197">
        <v>44</v>
      </c>
      <c r="DX24" s="197">
        <v>210</v>
      </c>
      <c r="DY24" s="197">
        <v>256</v>
      </c>
      <c r="DZ24" s="195">
        <v>179</v>
      </c>
      <c r="EA24" s="198">
        <v>714</v>
      </c>
      <c r="EB24" s="200">
        <v>714</v>
      </c>
      <c r="EC24" s="37"/>
    </row>
    <row r="25" spans="2:133" ht="21" customHeight="1" x14ac:dyDescent="0.2">
      <c r="B25" s="62" t="s">
        <v>22</v>
      </c>
      <c r="C25" s="194">
        <v>0</v>
      </c>
      <c r="D25" s="195">
        <v>0</v>
      </c>
      <c r="E25" s="195">
        <v>0</v>
      </c>
      <c r="F25" s="196">
        <v>2</v>
      </c>
      <c r="G25" s="197">
        <v>2</v>
      </c>
      <c r="H25" s="197">
        <v>53</v>
      </c>
      <c r="I25" s="197">
        <v>64</v>
      </c>
      <c r="J25" s="195">
        <v>37</v>
      </c>
      <c r="K25" s="198">
        <v>158</v>
      </c>
      <c r="L25" s="199">
        <v>158</v>
      </c>
      <c r="M25" s="194">
        <v>0</v>
      </c>
      <c r="N25" s="195">
        <v>0</v>
      </c>
      <c r="O25" s="198">
        <v>0</v>
      </c>
      <c r="P25" s="196">
        <v>2</v>
      </c>
      <c r="Q25" s="197">
        <v>2</v>
      </c>
      <c r="R25" s="197">
        <v>53</v>
      </c>
      <c r="S25" s="197">
        <v>64</v>
      </c>
      <c r="T25" s="195">
        <v>36</v>
      </c>
      <c r="U25" s="198">
        <v>157</v>
      </c>
      <c r="V25" s="200">
        <v>157</v>
      </c>
      <c r="W25" s="201">
        <v>0</v>
      </c>
      <c r="X25" s="195">
        <v>0</v>
      </c>
      <c r="Y25" s="198">
        <v>0</v>
      </c>
      <c r="Z25" s="201">
        <v>0</v>
      </c>
      <c r="AA25" s="197">
        <v>0</v>
      </c>
      <c r="AB25" s="197">
        <v>0</v>
      </c>
      <c r="AC25" s="197">
        <v>0</v>
      </c>
      <c r="AD25" s="195">
        <v>1</v>
      </c>
      <c r="AE25" s="198">
        <v>1</v>
      </c>
      <c r="AF25" s="202">
        <v>1</v>
      </c>
      <c r="AG25" s="201">
        <v>0</v>
      </c>
      <c r="AH25" s="195">
        <v>0</v>
      </c>
      <c r="AI25" s="198">
        <v>0</v>
      </c>
      <c r="AJ25" s="201">
        <v>12</v>
      </c>
      <c r="AK25" s="197">
        <v>27</v>
      </c>
      <c r="AL25" s="197">
        <v>28</v>
      </c>
      <c r="AM25" s="197">
        <v>36</v>
      </c>
      <c r="AN25" s="195">
        <v>16</v>
      </c>
      <c r="AO25" s="198">
        <v>119</v>
      </c>
      <c r="AP25" s="202">
        <v>119</v>
      </c>
      <c r="AQ25" s="201">
        <v>0</v>
      </c>
      <c r="AR25" s="195">
        <v>0</v>
      </c>
      <c r="AS25" s="198">
        <v>0</v>
      </c>
      <c r="AT25" s="196">
        <v>12</v>
      </c>
      <c r="AU25" s="197">
        <v>27</v>
      </c>
      <c r="AV25" s="197">
        <v>28</v>
      </c>
      <c r="AW25" s="197">
        <v>36</v>
      </c>
      <c r="AX25" s="195">
        <v>16</v>
      </c>
      <c r="AY25" s="198">
        <v>119</v>
      </c>
      <c r="AZ25" s="199">
        <v>119</v>
      </c>
      <c r="BA25" s="194">
        <v>0</v>
      </c>
      <c r="BB25" s="195">
        <v>0</v>
      </c>
      <c r="BC25" s="195">
        <v>0</v>
      </c>
      <c r="BD25" s="196">
        <v>0</v>
      </c>
      <c r="BE25" s="197">
        <v>0</v>
      </c>
      <c r="BF25" s="197">
        <v>0</v>
      </c>
      <c r="BG25" s="197">
        <v>0</v>
      </c>
      <c r="BH25" s="195">
        <v>0</v>
      </c>
      <c r="BI25" s="198">
        <v>0</v>
      </c>
      <c r="BJ25" s="200">
        <v>0</v>
      </c>
      <c r="BK25" s="201">
        <v>0</v>
      </c>
      <c r="BL25" s="195">
        <v>0</v>
      </c>
      <c r="BM25" s="195">
        <v>0</v>
      </c>
      <c r="BN25" s="196">
        <v>0</v>
      </c>
      <c r="BO25" s="197">
        <v>0</v>
      </c>
      <c r="BP25" s="197">
        <v>0</v>
      </c>
      <c r="BQ25" s="197">
        <v>0</v>
      </c>
      <c r="BR25" s="195">
        <v>1</v>
      </c>
      <c r="BS25" s="198">
        <v>1</v>
      </c>
      <c r="BT25" s="199">
        <v>1</v>
      </c>
      <c r="BU25" s="194">
        <v>0</v>
      </c>
      <c r="BV25" s="195">
        <v>0</v>
      </c>
      <c r="BW25" s="195">
        <v>0</v>
      </c>
      <c r="BX25" s="196">
        <v>0</v>
      </c>
      <c r="BY25" s="197">
        <v>0</v>
      </c>
      <c r="BZ25" s="197">
        <v>0</v>
      </c>
      <c r="CA25" s="197">
        <v>0</v>
      </c>
      <c r="CB25" s="195">
        <v>1</v>
      </c>
      <c r="CC25" s="198">
        <v>1</v>
      </c>
      <c r="CD25" s="200">
        <v>1</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8</v>
      </c>
      <c r="CV25" s="195">
        <v>3</v>
      </c>
      <c r="CW25" s="198">
        <v>11</v>
      </c>
      <c r="CX25" s="199">
        <v>11</v>
      </c>
      <c r="CY25" s="194">
        <v>0</v>
      </c>
      <c r="CZ25" s="195">
        <v>0</v>
      </c>
      <c r="DA25" s="195">
        <v>0</v>
      </c>
      <c r="DB25" s="196">
        <v>0</v>
      </c>
      <c r="DC25" s="197">
        <v>0</v>
      </c>
      <c r="DD25" s="197">
        <v>0</v>
      </c>
      <c r="DE25" s="197">
        <v>7</v>
      </c>
      <c r="DF25" s="195">
        <v>3</v>
      </c>
      <c r="DG25" s="198">
        <v>10</v>
      </c>
      <c r="DH25" s="200">
        <v>10</v>
      </c>
      <c r="DI25" s="201">
        <v>0</v>
      </c>
      <c r="DJ25" s="195">
        <v>0</v>
      </c>
      <c r="DK25" s="195">
        <v>0</v>
      </c>
      <c r="DL25" s="196">
        <v>0</v>
      </c>
      <c r="DM25" s="197">
        <v>0</v>
      </c>
      <c r="DN25" s="197">
        <v>0</v>
      </c>
      <c r="DO25" s="197">
        <v>1</v>
      </c>
      <c r="DP25" s="195">
        <v>0</v>
      </c>
      <c r="DQ25" s="198">
        <v>1</v>
      </c>
      <c r="DR25" s="200">
        <v>1</v>
      </c>
      <c r="DS25" s="201">
        <v>0</v>
      </c>
      <c r="DT25" s="195">
        <v>0</v>
      </c>
      <c r="DU25" s="195">
        <v>0</v>
      </c>
      <c r="DV25" s="196">
        <v>14</v>
      </c>
      <c r="DW25" s="197">
        <v>29</v>
      </c>
      <c r="DX25" s="197">
        <v>81</v>
      </c>
      <c r="DY25" s="197">
        <v>108</v>
      </c>
      <c r="DZ25" s="195">
        <v>57</v>
      </c>
      <c r="EA25" s="198">
        <v>289</v>
      </c>
      <c r="EB25" s="200">
        <v>289</v>
      </c>
      <c r="EC25" s="37"/>
    </row>
    <row r="26" spans="2:133" ht="21" customHeight="1" x14ac:dyDescent="0.2">
      <c r="B26" s="62" t="s">
        <v>23</v>
      </c>
      <c r="C26" s="194">
        <v>0</v>
      </c>
      <c r="D26" s="195">
        <v>0</v>
      </c>
      <c r="E26" s="195">
        <v>0</v>
      </c>
      <c r="F26" s="196">
        <v>2</v>
      </c>
      <c r="G26" s="197">
        <v>11</v>
      </c>
      <c r="H26" s="197">
        <v>83</v>
      </c>
      <c r="I26" s="197">
        <v>131</v>
      </c>
      <c r="J26" s="195">
        <v>101</v>
      </c>
      <c r="K26" s="198">
        <v>328</v>
      </c>
      <c r="L26" s="199">
        <v>328</v>
      </c>
      <c r="M26" s="194">
        <v>0</v>
      </c>
      <c r="N26" s="195">
        <v>0</v>
      </c>
      <c r="O26" s="198">
        <v>0</v>
      </c>
      <c r="P26" s="196">
        <v>2</v>
      </c>
      <c r="Q26" s="197">
        <v>11</v>
      </c>
      <c r="R26" s="197">
        <v>83</v>
      </c>
      <c r="S26" s="197">
        <v>129</v>
      </c>
      <c r="T26" s="195">
        <v>100</v>
      </c>
      <c r="U26" s="198">
        <v>325</v>
      </c>
      <c r="V26" s="200">
        <v>325</v>
      </c>
      <c r="W26" s="201">
        <v>0</v>
      </c>
      <c r="X26" s="195">
        <v>0</v>
      </c>
      <c r="Y26" s="198">
        <v>0</v>
      </c>
      <c r="Z26" s="201">
        <v>0</v>
      </c>
      <c r="AA26" s="197">
        <v>0</v>
      </c>
      <c r="AB26" s="197">
        <v>0</v>
      </c>
      <c r="AC26" s="197">
        <v>2</v>
      </c>
      <c r="AD26" s="195">
        <v>1</v>
      </c>
      <c r="AE26" s="198">
        <v>3</v>
      </c>
      <c r="AF26" s="202">
        <v>3</v>
      </c>
      <c r="AG26" s="201">
        <v>0</v>
      </c>
      <c r="AH26" s="195">
        <v>0</v>
      </c>
      <c r="AI26" s="198">
        <v>0</v>
      </c>
      <c r="AJ26" s="201">
        <v>16</v>
      </c>
      <c r="AK26" s="197">
        <v>29</v>
      </c>
      <c r="AL26" s="197">
        <v>35</v>
      </c>
      <c r="AM26" s="197">
        <v>57</v>
      </c>
      <c r="AN26" s="195">
        <v>38</v>
      </c>
      <c r="AO26" s="198">
        <v>175</v>
      </c>
      <c r="AP26" s="202">
        <v>175</v>
      </c>
      <c r="AQ26" s="201">
        <v>0</v>
      </c>
      <c r="AR26" s="195">
        <v>0</v>
      </c>
      <c r="AS26" s="198">
        <v>0</v>
      </c>
      <c r="AT26" s="196">
        <v>16</v>
      </c>
      <c r="AU26" s="197">
        <v>29</v>
      </c>
      <c r="AV26" s="197">
        <v>35</v>
      </c>
      <c r="AW26" s="197">
        <v>57</v>
      </c>
      <c r="AX26" s="195">
        <v>34</v>
      </c>
      <c r="AY26" s="198">
        <v>171</v>
      </c>
      <c r="AZ26" s="199">
        <v>171</v>
      </c>
      <c r="BA26" s="194">
        <v>0</v>
      </c>
      <c r="BB26" s="195">
        <v>0</v>
      </c>
      <c r="BC26" s="195">
        <v>0</v>
      </c>
      <c r="BD26" s="196">
        <v>0</v>
      </c>
      <c r="BE26" s="197">
        <v>0</v>
      </c>
      <c r="BF26" s="197">
        <v>0</v>
      </c>
      <c r="BG26" s="197">
        <v>0</v>
      </c>
      <c r="BH26" s="195">
        <v>4</v>
      </c>
      <c r="BI26" s="198">
        <v>4</v>
      </c>
      <c r="BJ26" s="200">
        <v>4</v>
      </c>
      <c r="BK26" s="201">
        <v>0</v>
      </c>
      <c r="BL26" s="195">
        <v>0</v>
      </c>
      <c r="BM26" s="195">
        <v>0</v>
      </c>
      <c r="BN26" s="196">
        <v>0</v>
      </c>
      <c r="BO26" s="197">
        <v>0</v>
      </c>
      <c r="BP26" s="197">
        <v>0</v>
      </c>
      <c r="BQ26" s="197">
        <v>2</v>
      </c>
      <c r="BR26" s="195">
        <v>2</v>
      </c>
      <c r="BS26" s="198">
        <v>4</v>
      </c>
      <c r="BT26" s="199">
        <v>4</v>
      </c>
      <c r="BU26" s="194">
        <v>0</v>
      </c>
      <c r="BV26" s="195">
        <v>0</v>
      </c>
      <c r="BW26" s="195">
        <v>0</v>
      </c>
      <c r="BX26" s="196">
        <v>0</v>
      </c>
      <c r="BY26" s="197">
        <v>0</v>
      </c>
      <c r="BZ26" s="197">
        <v>0</v>
      </c>
      <c r="CA26" s="197">
        <v>2</v>
      </c>
      <c r="CB26" s="195">
        <v>2</v>
      </c>
      <c r="CC26" s="198">
        <v>4</v>
      </c>
      <c r="CD26" s="200">
        <v>4</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0</v>
      </c>
      <c r="CU26" s="197">
        <v>2</v>
      </c>
      <c r="CV26" s="195">
        <v>8</v>
      </c>
      <c r="CW26" s="198">
        <v>10</v>
      </c>
      <c r="CX26" s="199">
        <v>10</v>
      </c>
      <c r="CY26" s="194">
        <v>0</v>
      </c>
      <c r="CZ26" s="195">
        <v>0</v>
      </c>
      <c r="DA26" s="195">
        <v>0</v>
      </c>
      <c r="DB26" s="196">
        <v>0</v>
      </c>
      <c r="DC26" s="197">
        <v>0</v>
      </c>
      <c r="DD26" s="197">
        <v>0</v>
      </c>
      <c r="DE26" s="197">
        <v>2</v>
      </c>
      <c r="DF26" s="195">
        <v>8</v>
      </c>
      <c r="DG26" s="198">
        <v>10</v>
      </c>
      <c r="DH26" s="200">
        <v>10</v>
      </c>
      <c r="DI26" s="201">
        <v>0</v>
      </c>
      <c r="DJ26" s="195">
        <v>0</v>
      </c>
      <c r="DK26" s="195">
        <v>0</v>
      </c>
      <c r="DL26" s="196">
        <v>0</v>
      </c>
      <c r="DM26" s="197">
        <v>0</v>
      </c>
      <c r="DN26" s="197">
        <v>0</v>
      </c>
      <c r="DO26" s="197">
        <v>0</v>
      </c>
      <c r="DP26" s="195">
        <v>0</v>
      </c>
      <c r="DQ26" s="198">
        <v>0</v>
      </c>
      <c r="DR26" s="200">
        <v>0</v>
      </c>
      <c r="DS26" s="201">
        <v>0</v>
      </c>
      <c r="DT26" s="195">
        <v>0</v>
      </c>
      <c r="DU26" s="195">
        <v>0</v>
      </c>
      <c r="DV26" s="196">
        <v>18</v>
      </c>
      <c r="DW26" s="197">
        <v>40</v>
      </c>
      <c r="DX26" s="197">
        <v>118</v>
      </c>
      <c r="DY26" s="197">
        <v>191</v>
      </c>
      <c r="DZ26" s="195">
        <v>148</v>
      </c>
      <c r="EA26" s="198">
        <v>515</v>
      </c>
      <c r="EB26" s="200">
        <v>515</v>
      </c>
      <c r="EC26" s="37"/>
    </row>
    <row r="27" spans="2:133" ht="21" customHeight="1" x14ac:dyDescent="0.2">
      <c r="B27" s="62" t="s">
        <v>24</v>
      </c>
      <c r="C27" s="194">
        <v>0</v>
      </c>
      <c r="D27" s="195">
        <v>0</v>
      </c>
      <c r="E27" s="195">
        <v>0</v>
      </c>
      <c r="F27" s="196">
        <v>0</v>
      </c>
      <c r="G27" s="197">
        <v>0</v>
      </c>
      <c r="H27" s="197">
        <v>33</v>
      </c>
      <c r="I27" s="197">
        <v>73</v>
      </c>
      <c r="J27" s="195">
        <v>57</v>
      </c>
      <c r="K27" s="198">
        <v>163</v>
      </c>
      <c r="L27" s="199">
        <v>163</v>
      </c>
      <c r="M27" s="194">
        <v>0</v>
      </c>
      <c r="N27" s="195">
        <v>0</v>
      </c>
      <c r="O27" s="198">
        <v>0</v>
      </c>
      <c r="P27" s="196">
        <v>0</v>
      </c>
      <c r="Q27" s="197">
        <v>0</v>
      </c>
      <c r="R27" s="197">
        <v>33</v>
      </c>
      <c r="S27" s="197">
        <v>73</v>
      </c>
      <c r="T27" s="195">
        <v>57</v>
      </c>
      <c r="U27" s="198">
        <v>163</v>
      </c>
      <c r="V27" s="200">
        <v>163</v>
      </c>
      <c r="W27" s="201">
        <v>0</v>
      </c>
      <c r="X27" s="195">
        <v>0</v>
      </c>
      <c r="Y27" s="198">
        <v>0</v>
      </c>
      <c r="Z27" s="201">
        <v>0</v>
      </c>
      <c r="AA27" s="197">
        <v>0</v>
      </c>
      <c r="AB27" s="197">
        <v>0</v>
      </c>
      <c r="AC27" s="197">
        <v>0</v>
      </c>
      <c r="AD27" s="195">
        <v>0</v>
      </c>
      <c r="AE27" s="198">
        <v>0</v>
      </c>
      <c r="AF27" s="202">
        <v>0</v>
      </c>
      <c r="AG27" s="201">
        <v>0</v>
      </c>
      <c r="AH27" s="195">
        <v>0</v>
      </c>
      <c r="AI27" s="198">
        <v>0</v>
      </c>
      <c r="AJ27" s="201">
        <v>10</v>
      </c>
      <c r="AK27" s="197">
        <v>13</v>
      </c>
      <c r="AL27" s="197">
        <v>22</v>
      </c>
      <c r="AM27" s="197">
        <v>34</v>
      </c>
      <c r="AN27" s="195">
        <v>11</v>
      </c>
      <c r="AO27" s="198">
        <v>90</v>
      </c>
      <c r="AP27" s="202">
        <v>90</v>
      </c>
      <c r="AQ27" s="201">
        <v>0</v>
      </c>
      <c r="AR27" s="195">
        <v>0</v>
      </c>
      <c r="AS27" s="198">
        <v>0</v>
      </c>
      <c r="AT27" s="196">
        <v>10</v>
      </c>
      <c r="AU27" s="197">
        <v>13</v>
      </c>
      <c r="AV27" s="197">
        <v>22</v>
      </c>
      <c r="AW27" s="197">
        <v>32</v>
      </c>
      <c r="AX27" s="195">
        <v>11</v>
      </c>
      <c r="AY27" s="198">
        <v>88</v>
      </c>
      <c r="AZ27" s="199">
        <v>88</v>
      </c>
      <c r="BA27" s="194">
        <v>0</v>
      </c>
      <c r="BB27" s="195">
        <v>0</v>
      </c>
      <c r="BC27" s="195">
        <v>0</v>
      </c>
      <c r="BD27" s="196">
        <v>0</v>
      </c>
      <c r="BE27" s="197">
        <v>0</v>
      </c>
      <c r="BF27" s="197">
        <v>0</v>
      </c>
      <c r="BG27" s="197">
        <v>2</v>
      </c>
      <c r="BH27" s="195">
        <v>0</v>
      </c>
      <c r="BI27" s="198">
        <v>2</v>
      </c>
      <c r="BJ27" s="200">
        <v>2</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0</v>
      </c>
      <c r="DW27" s="197">
        <v>13</v>
      </c>
      <c r="DX27" s="197">
        <v>55</v>
      </c>
      <c r="DY27" s="197">
        <v>106</v>
      </c>
      <c r="DZ27" s="195">
        <v>68</v>
      </c>
      <c r="EA27" s="198">
        <v>252</v>
      </c>
      <c r="EB27" s="200">
        <v>252</v>
      </c>
      <c r="EC27" s="37"/>
    </row>
    <row r="28" spans="2:133" ht="21" customHeight="1" x14ac:dyDescent="0.2">
      <c r="B28" s="62" t="s">
        <v>25</v>
      </c>
      <c r="C28" s="194">
        <v>0</v>
      </c>
      <c r="D28" s="195">
        <v>0</v>
      </c>
      <c r="E28" s="195">
        <v>0</v>
      </c>
      <c r="F28" s="196">
        <v>2</v>
      </c>
      <c r="G28" s="197">
        <v>6</v>
      </c>
      <c r="H28" s="197">
        <v>59</v>
      </c>
      <c r="I28" s="197">
        <v>73</v>
      </c>
      <c r="J28" s="195">
        <v>53</v>
      </c>
      <c r="K28" s="198">
        <v>193</v>
      </c>
      <c r="L28" s="199">
        <v>193</v>
      </c>
      <c r="M28" s="194">
        <v>0</v>
      </c>
      <c r="N28" s="195">
        <v>0</v>
      </c>
      <c r="O28" s="198">
        <v>0</v>
      </c>
      <c r="P28" s="196">
        <v>2</v>
      </c>
      <c r="Q28" s="197">
        <v>6</v>
      </c>
      <c r="R28" s="197">
        <v>59</v>
      </c>
      <c r="S28" s="197">
        <v>72</v>
      </c>
      <c r="T28" s="195">
        <v>48</v>
      </c>
      <c r="U28" s="198">
        <v>187</v>
      </c>
      <c r="V28" s="200">
        <v>187</v>
      </c>
      <c r="W28" s="201">
        <v>0</v>
      </c>
      <c r="X28" s="195">
        <v>0</v>
      </c>
      <c r="Y28" s="198">
        <v>0</v>
      </c>
      <c r="Z28" s="201">
        <v>0</v>
      </c>
      <c r="AA28" s="197">
        <v>0</v>
      </c>
      <c r="AB28" s="197">
        <v>0</v>
      </c>
      <c r="AC28" s="197">
        <v>1</v>
      </c>
      <c r="AD28" s="195">
        <v>5</v>
      </c>
      <c r="AE28" s="198">
        <v>6</v>
      </c>
      <c r="AF28" s="202">
        <v>6</v>
      </c>
      <c r="AG28" s="201">
        <v>0</v>
      </c>
      <c r="AH28" s="195">
        <v>0</v>
      </c>
      <c r="AI28" s="198">
        <v>0</v>
      </c>
      <c r="AJ28" s="201">
        <v>13</v>
      </c>
      <c r="AK28" s="197">
        <v>20</v>
      </c>
      <c r="AL28" s="197">
        <v>18</v>
      </c>
      <c r="AM28" s="197">
        <v>47</v>
      </c>
      <c r="AN28" s="195">
        <v>17</v>
      </c>
      <c r="AO28" s="198">
        <v>115</v>
      </c>
      <c r="AP28" s="202">
        <v>115</v>
      </c>
      <c r="AQ28" s="201">
        <v>0</v>
      </c>
      <c r="AR28" s="195">
        <v>0</v>
      </c>
      <c r="AS28" s="198">
        <v>0</v>
      </c>
      <c r="AT28" s="196">
        <v>13</v>
      </c>
      <c r="AU28" s="197">
        <v>19</v>
      </c>
      <c r="AV28" s="197">
        <v>18</v>
      </c>
      <c r="AW28" s="197">
        <v>46</v>
      </c>
      <c r="AX28" s="195">
        <v>17</v>
      </c>
      <c r="AY28" s="198">
        <v>113</v>
      </c>
      <c r="AZ28" s="199">
        <v>113</v>
      </c>
      <c r="BA28" s="194">
        <v>0</v>
      </c>
      <c r="BB28" s="195">
        <v>0</v>
      </c>
      <c r="BC28" s="195">
        <v>0</v>
      </c>
      <c r="BD28" s="196">
        <v>0</v>
      </c>
      <c r="BE28" s="197">
        <v>1</v>
      </c>
      <c r="BF28" s="197">
        <v>0</v>
      </c>
      <c r="BG28" s="197">
        <v>1</v>
      </c>
      <c r="BH28" s="195">
        <v>0</v>
      </c>
      <c r="BI28" s="198">
        <v>2</v>
      </c>
      <c r="BJ28" s="200">
        <v>2</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2</v>
      </c>
      <c r="CV28" s="195">
        <v>2</v>
      </c>
      <c r="CW28" s="198">
        <v>4</v>
      </c>
      <c r="CX28" s="199">
        <v>4</v>
      </c>
      <c r="CY28" s="194">
        <v>0</v>
      </c>
      <c r="CZ28" s="195">
        <v>0</v>
      </c>
      <c r="DA28" s="195">
        <v>0</v>
      </c>
      <c r="DB28" s="196">
        <v>0</v>
      </c>
      <c r="DC28" s="197">
        <v>0</v>
      </c>
      <c r="DD28" s="197">
        <v>0</v>
      </c>
      <c r="DE28" s="197">
        <v>2</v>
      </c>
      <c r="DF28" s="195">
        <v>2</v>
      </c>
      <c r="DG28" s="198">
        <v>4</v>
      </c>
      <c r="DH28" s="200">
        <v>4</v>
      </c>
      <c r="DI28" s="201">
        <v>0</v>
      </c>
      <c r="DJ28" s="195">
        <v>0</v>
      </c>
      <c r="DK28" s="195">
        <v>0</v>
      </c>
      <c r="DL28" s="196">
        <v>0</v>
      </c>
      <c r="DM28" s="197">
        <v>0</v>
      </c>
      <c r="DN28" s="197">
        <v>0</v>
      </c>
      <c r="DO28" s="197">
        <v>0</v>
      </c>
      <c r="DP28" s="195">
        <v>0</v>
      </c>
      <c r="DQ28" s="198">
        <v>0</v>
      </c>
      <c r="DR28" s="200">
        <v>0</v>
      </c>
      <c r="DS28" s="201">
        <v>0</v>
      </c>
      <c r="DT28" s="195">
        <v>0</v>
      </c>
      <c r="DU28" s="195">
        <v>0</v>
      </c>
      <c r="DV28" s="196">
        <v>15</v>
      </c>
      <c r="DW28" s="197">
        <v>26</v>
      </c>
      <c r="DX28" s="197">
        <v>75</v>
      </c>
      <c r="DY28" s="197">
        <v>121</v>
      </c>
      <c r="DZ28" s="195">
        <v>72</v>
      </c>
      <c r="EA28" s="198">
        <v>309</v>
      </c>
      <c r="EB28" s="200">
        <v>309</v>
      </c>
      <c r="EC28" s="37"/>
    </row>
    <row r="29" spans="2:133" ht="21" customHeight="1" x14ac:dyDescent="0.2">
      <c r="B29" s="62" t="s">
        <v>26</v>
      </c>
      <c r="C29" s="194">
        <v>0</v>
      </c>
      <c r="D29" s="195">
        <v>0</v>
      </c>
      <c r="E29" s="195">
        <v>0</v>
      </c>
      <c r="F29" s="196">
        <v>0</v>
      </c>
      <c r="G29" s="197">
        <v>10</v>
      </c>
      <c r="H29" s="197">
        <v>43</v>
      </c>
      <c r="I29" s="197">
        <v>78</v>
      </c>
      <c r="J29" s="195">
        <v>48</v>
      </c>
      <c r="K29" s="198">
        <v>179</v>
      </c>
      <c r="L29" s="199">
        <v>179</v>
      </c>
      <c r="M29" s="194">
        <v>0</v>
      </c>
      <c r="N29" s="195">
        <v>0</v>
      </c>
      <c r="O29" s="198">
        <v>0</v>
      </c>
      <c r="P29" s="196">
        <v>0</v>
      </c>
      <c r="Q29" s="197">
        <v>10</v>
      </c>
      <c r="R29" s="197">
        <v>42</v>
      </c>
      <c r="S29" s="197">
        <v>77</v>
      </c>
      <c r="T29" s="195">
        <v>48</v>
      </c>
      <c r="U29" s="198">
        <v>177</v>
      </c>
      <c r="V29" s="200">
        <v>177</v>
      </c>
      <c r="W29" s="201">
        <v>0</v>
      </c>
      <c r="X29" s="195">
        <v>0</v>
      </c>
      <c r="Y29" s="198">
        <v>0</v>
      </c>
      <c r="Z29" s="201">
        <v>0</v>
      </c>
      <c r="AA29" s="197">
        <v>0</v>
      </c>
      <c r="AB29" s="197">
        <v>1</v>
      </c>
      <c r="AC29" s="197">
        <v>1</v>
      </c>
      <c r="AD29" s="195">
        <v>0</v>
      </c>
      <c r="AE29" s="198">
        <v>2</v>
      </c>
      <c r="AF29" s="202">
        <v>2</v>
      </c>
      <c r="AG29" s="201">
        <v>0</v>
      </c>
      <c r="AH29" s="195">
        <v>0</v>
      </c>
      <c r="AI29" s="198">
        <v>0</v>
      </c>
      <c r="AJ29" s="201">
        <v>12</v>
      </c>
      <c r="AK29" s="197">
        <v>25</v>
      </c>
      <c r="AL29" s="197">
        <v>21</v>
      </c>
      <c r="AM29" s="197">
        <v>18</v>
      </c>
      <c r="AN29" s="195">
        <v>14</v>
      </c>
      <c r="AO29" s="198">
        <v>90</v>
      </c>
      <c r="AP29" s="202">
        <v>90</v>
      </c>
      <c r="AQ29" s="201">
        <v>0</v>
      </c>
      <c r="AR29" s="195">
        <v>0</v>
      </c>
      <c r="AS29" s="198">
        <v>0</v>
      </c>
      <c r="AT29" s="196">
        <v>12</v>
      </c>
      <c r="AU29" s="197">
        <v>25</v>
      </c>
      <c r="AV29" s="197">
        <v>21</v>
      </c>
      <c r="AW29" s="197">
        <v>17</v>
      </c>
      <c r="AX29" s="195">
        <v>14</v>
      </c>
      <c r="AY29" s="198">
        <v>89</v>
      </c>
      <c r="AZ29" s="199">
        <v>89</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1</v>
      </c>
      <c r="CU29" s="197">
        <v>0</v>
      </c>
      <c r="CV29" s="195">
        <v>2</v>
      </c>
      <c r="CW29" s="198">
        <v>3</v>
      </c>
      <c r="CX29" s="199">
        <v>3</v>
      </c>
      <c r="CY29" s="194">
        <v>0</v>
      </c>
      <c r="CZ29" s="195">
        <v>0</v>
      </c>
      <c r="DA29" s="195">
        <v>0</v>
      </c>
      <c r="DB29" s="196">
        <v>0</v>
      </c>
      <c r="DC29" s="197">
        <v>0</v>
      </c>
      <c r="DD29" s="197">
        <v>1</v>
      </c>
      <c r="DE29" s="197">
        <v>0</v>
      </c>
      <c r="DF29" s="195">
        <v>2</v>
      </c>
      <c r="DG29" s="198">
        <v>3</v>
      </c>
      <c r="DH29" s="200">
        <v>3</v>
      </c>
      <c r="DI29" s="201">
        <v>0</v>
      </c>
      <c r="DJ29" s="195">
        <v>0</v>
      </c>
      <c r="DK29" s="195">
        <v>0</v>
      </c>
      <c r="DL29" s="196">
        <v>0</v>
      </c>
      <c r="DM29" s="197">
        <v>0</v>
      </c>
      <c r="DN29" s="197">
        <v>0</v>
      </c>
      <c r="DO29" s="197">
        <v>0</v>
      </c>
      <c r="DP29" s="195">
        <v>0</v>
      </c>
      <c r="DQ29" s="198">
        <v>0</v>
      </c>
      <c r="DR29" s="200">
        <v>0</v>
      </c>
      <c r="DS29" s="201">
        <v>0</v>
      </c>
      <c r="DT29" s="195">
        <v>0</v>
      </c>
      <c r="DU29" s="195">
        <v>0</v>
      </c>
      <c r="DV29" s="196">
        <v>12</v>
      </c>
      <c r="DW29" s="197">
        <v>35</v>
      </c>
      <c r="DX29" s="197">
        <v>65</v>
      </c>
      <c r="DY29" s="197">
        <v>96</v>
      </c>
      <c r="DZ29" s="195">
        <v>64</v>
      </c>
      <c r="EA29" s="198">
        <v>272</v>
      </c>
      <c r="EB29" s="200">
        <v>272</v>
      </c>
      <c r="EC29" s="37"/>
    </row>
    <row r="30" spans="2:133" ht="21" customHeight="1" x14ac:dyDescent="0.2">
      <c r="B30" s="62" t="s">
        <v>27</v>
      </c>
      <c r="C30" s="194">
        <v>0</v>
      </c>
      <c r="D30" s="195">
        <v>0</v>
      </c>
      <c r="E30" s="195">
        <v>0</v>
      </c>
      <c r="F30" s="196">
        <v>3</v>
      </c>
      <c r="G30" s="197">
        <v>2</v>
      </c>
      <c r="H30" s="197">
        <v>37</v>
      </c>
      <c r="I30" s="197">
        <v>60</v>
      </c>
      <c r="J30" s="195">
        <v>40</v>
      </c>
      <c r="K30" s="198">
        <v>142</v>
      </c>
      <c r="L30" s="199">
        <v>142</v>
      </c>
      <c r="M30" s="194">
        <v>0</v>
      </c>
      <c r="N30" s="195">
        <v>0</v>
      </c>
      <c r="O30" s="198">
        <v>0</v>
      </c>
      <c r="P30" s="196">
        <v>3</v>
      </c>
      <c r="Q30" s="197">
        <v>2</v>
      </c>
      <c r="R30" s="197">
        <v>35</v>
      </c>
      <c r="S30" s="197">
        <v>60</v>
      </c>
      <c r="T30" s="195">
        <v>40</v>
      </c>
      <c r="U30" s="198">
        <v>140</v>
      </c>
      <c r="V30" s="200">
        <v>140</v>
      </c>
      <c r="W30" s="201">
        <v>0</v>
      </c>
      <c r="X30" s="195">
        <v>0</v>
      </c>
      <c r="Y30" s="198">
        <v>0</v>
      </c>
      <c r="Z30" s="201">
        <v>0</v>
      </c>
      <c r="AA30" s="197">
        <v>0</v>
      </c>
      <c r="AB30" s="197">
        <v>2</v>
      </c>
      <c r="AC30" s="197">
        <v>0</v>
      </c>
      <c r="AD30" s="195">
        <v>0</v>
      </c>
      <c r="AE30" s="198">
        <v>2</v>
      </c>
      <c r="AF30" s="202">
        <v>2</v>
      </c>
      <c r="AG30" s="201">
        <v>0</v>
      </c>
      <c r="AH30" s="195">
        <v>0</v>
      </c>
      <c r="AI30" s="198">
        <v>0</v>
      </c>
      <c r="AJ30" s="201">
        <v>8</v>
      </c>
      <c r="AK30" s="197">
        <v>22</v>
      </c>
      <c r="AL30" s="197">
        <v>17</v>
      </c>
      <c r="AM30" s="197">
        <v>20</v>
      </c>
      <c r="AN30" s="195">
        <v>11</v>
      </c>
      <c r="AO30" s="198">
        <v>78</v>
      </c>
      <c r="AP30" s="202">
        <v>78</v>
      </c>
      <c r="AQ30" s="201">
        <v>0</v>
      </c>
      <c r="AR30" s="195">
        <v>0</v>
      </c>
      <c r="AS30" s="198">
        <v>0</v>
      </c>
      <c r="AT30" s="196">
        <v>8</v>
      </c>
      <c r="AU30" s="197">
        <v>20</v>
      </c>
      <c r="AV30" s="197">
        <v>16</v>
      </c>
      <c r="AW30" s="197">
        <v>19</v>
      </c>
      <c r="AX30" s="195">
        <v>11</v>
      </c>
      <c r="AY30" s="198">
        <v>74</v>
      </c>
      <c r="AZ30" s="199">
        <v>74</v>
      </c>
      <c r="BA30" s="194">
        <v>0</v>
      </c>
      <c r="BB30" s="195">
        <v>0</v>
      </c>
      <c r="BC30" s="195">
        <v>0</v>
      </c>
      <c r="BD30" s="196">
        <v>0</v>
      </c>
      <c r="BE30" s="197">
        <v>2</v>
      </c>
      <c r="BF30" s="197">
        <v>1</v>
      </c>
      <c r="BG30" s="197">
        <v>1</v>
      </c>
      <c r="BH30" s="195">
        <v>0</v>
      </c>
      <c r="BI30" s="198">
        <v>4</v>
      </c>
      <c r="BJ30" s="200">
        <v>4</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3</v>
      </c>
      <c r="CV30" s="195">
        <v>2</v>
      </c>
      <c r="CW30" s="198">
        <v>5</v>
      </c>
      <c r="CX30" s="199">
        <v>5</v>
      </c>
      <c r="CY30" s="194">
        <v>0</v>
      </c>
      <c r="CZ30" s="195">
        <v>0</v>
      </c>
      <c r="DA30" s="195">
        <v>0</v>
      </c>
      <c r="DB30" s="196">
        <v>0</v>
      </c>
      <c r="DC30" s="197">
        <v>0</v>
      </c>
      <c r="DD30" s="197">
        <v>0</v>
      </c>
      <c r="DE30" s="197">
        <v>3</v>
      </c>
      <c r="DF30" s="195">
        <v>0</v>
      </c>
      <c r="DG30" s="198">
        <v>3</v>
      </c>
      <c r="DH30" s="200">
        <v>3</v>
      </c>
      <c r="DI30" s="201">
        <v>0</v>
      </c>
      <c r="DJ30" s="195">
        <v>0</v>
      </c>
      <c r="DK30" s="195">
        <v>0</v>
      </c>
      <c r="DL30" s="196">
        <v>0</v>
      </c>
      <c r="DM30" s="197">
        <v>0</v>
      </c>
      <c r="DN30" s="197">
        <v>0</v>
      </c>
      <c r="DO30" s="197">
        <v>0</v>
      </c>
      <c r="DP30" s="195">
        <v>2</v>
      </c>
      <c r="DQ30" s="198">
        <v>2</v>
      </c>
      <c r="DR30" s="200">
        <v>2</v>
      </c>
      <c r="DS30" s="201">
        <v>0</v>
      </c>
      <c r="DT30" s="195">
        <v>0</v>
      </c>
      <c r="DU30" s="195">
        <v>0</v>
      </c>
      <c r="DV30" s="196">
        <v>11</v>
      </c>
      <c r="DW30" s="197">
        <v>24</v>
      </c>
      <c r="DX30" s="197">
        <v>54</v>
      </c>
      <c r="DY30" s="197">
        <v>83</v>
      </c>
      <c r="DZ30" s="195">
        <v>53</v>
      </c>
      <c r="EA30" s="198">
        <v>225</v>
      </c>
      <c r="EB30" s="200">
        <v>225</v>
      </c>
      <c r="EC30" s="37"/>
    </row>
    <row r="31" spans="2:133" ht="21" customHeight="1" x14ac:dyDescent="0.2">
      <c r="B31" s="62" t="s">
        <v>28</v>
      </c>
      <c r="C31" s="194">
        <v>0</v>
      </c>
      <c r="D31" s="195">
        <v>0</v>
      </c>
      <c r="E31" s="195">
        <v>0</v>
      </c>
      <c r="F31" s="196">
        <v>0</v>
      </c>
      <c r="G31" s="197">
        <v>1</v>
      </c>
      <c r="H31" s="197">
        <v>13</v>
      </c>
      <c r="I31" s="197">
        <v>17</v>
      </c>
      <c r="J31" s="195">
        <v>12</v>
      </c>
      <c r="K31" s="198">
        <v>43</v>
      </c>
      <c r="L31" s="199">
        <v>43</v>
      </c>
      <c r="M31" s="194">
        <v>0</v>
      </c>
      <c r="N31" s="195">
        <v>0</v>
      </c>
      <c r="O31" s="198">
        <v>0</v>
      </c>
      <c r="P31" s="196">
        <v>0</v>
      </c>
      <c r="Q31" s="197">
        <v>1</v>
      </c>
      <c r="R31" s="197">
        <v>13</v>
      </c>
      <c r="S31" s="197">
        <v>17</v>
      </c>
      <c r="T31" s="195">
        <v>11</v>
      </c>
      <c r="U31" s="198">
        <v>42</v>
      </c>
      <c r="V31" s="200">
        <v>42</v>
      </c>
      <c r="W31" s="201">
        <v>0</v>
      </c>
      <c r="X31" s="195">
        <v>0</v>
      </c>
      <c r="Y31" s="198">
        <v>0</v>
      </c>
      <c r="Z31" s="201">
        <v>0</v>
      </c>
      <c r="AA31" s="197">
        <v>0</v>
      </c>
      <c r="AB31" s="197">
        <v>0</v>
      </c>
      <c r="AC31" s="197">
        <v>0</v>
      </c>
      <c r="AD31" s="195">
        <v>1</v>
      </c>
      <c r="AE31" s="198">
        <v>1</v>
      </c>
      <c r="AF31" s="202">
        <v>1</v>
      </c>
      <c r="AG31" s="201">
        <v>0</v>
      </c>
      <c r="AH31" s="195">
        <v>0</v>
      </c>
      <c r="AI31" s="198">
        <v>0</v>
      </c>
      <c r="AJ31" s="201">
        <v>5</v>
      </c>
      <c r="AK31" s="197">
        <v>10</v>
      </c>
      <c r="AL31" s="197">
        <v>9</v>
      </c>
      <c r="AM31" s="197">
        <v>12</v>
      </c>
      <c r="AN31" s="195">
        <v>5</v>
      </c>
      <c r="AO31" s="198">
        <v>41</v>
      </c>
      <c r="AP31" s="202">
        <v>41</v>
      </c>
      <c r="AQ31" s="201">
        <v>0</v>
      </c>
      <c r="AR31" s="195">
        <v>0</v>
      </c>
      <c r="AS31" s="198">
        <v>0</v>
      </c>
      <c r="AT31" s="196">
        <v>5</v>
      </c>
      <c r="AU31" s="197">
        <v>10</v>
      </c>
      <c r="AV31" s="197">
        <v>9</v>
      </c>
      <c r="AW31" s="197">
        <v>12</v>
      </c>
      <c r="AX31" s="195">
        <v>5</v>
      </c>
      <c r="AY31" s="198">
        <v>41</v>
      </c>
      <c r="AZ31" s="199">
        <v>41</v>
      </c>
      <c r="BA31" s="194">
        <v>0</v>
      </c>
      <c r="BB31" s="195">
        <v>0</v>
      </c>
      <c r="BC31" s="195">
        <v>0</v>
      </c>
      <c r="BD31" s="196">
        <v>0</v>
      </c>
      <c r="BE31" s="197">
        <v>0</v>
      </c>
      <c r="BF31" s="197">
        <v>0</v>
      </c>
      <c r="BG31" s="197">
        <v>0</v>
      </c>
      <c r="BH31" s="195">
        <v>0</v>
      </c>
      <c r="BI31" s="198">
        <v>0</v>
      </c>
      <c r="BJ31" s="200">
        <v>0</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5</v>
      </c>
      <c r="DW31" s="197">
        <v>11</v>
      </c>
      <c r="DX31" s="197">
        <v>22</v>
      </c>
      <c r="DY31" s="197">
        <v>29</v>
      </c>
      <c r="DZ31" s="195">
        <v>17</v>
      </c>
      <c r="EA31" s="198">
        <v>84</v>
      </c>
      <c r="EB31" s="200">
        <v>84</v>
      </c>
      <c r="EC31" s="37"/>
    </row>
    <row r="32" spans="2:133" ht="21" customHeight="1" x14ac:dyDescent="0.2">
      <c r="B32" s="62" t="s">
        <v>29</v>
      </c>
      <c r="C32" s="194">
        <v>0</v>
      </c>
      <c r="D32" s="195">
        <v>0</v>
      </c>
      <c r="E32" s="195">
        <v>0</v>
      </c>
      <c r="F32" s="196">
        <v>0</v>
      </c>
      <c r="G32" s="197">
        <v>3</v>
      </c>
      <c r="H32" s="197">
        <v>11</v>
      </c>
      <c r="I32" s="197">
        <v>32</v>
      </c>
      <c r="J32" s="195">
        <v>20</v>
      </c>
      <c r="K32" s="198">
        <v>66</v>
      </c>
      <c r="L32" s="199">
        <v>66</v>
      </c>
      <c r="M32" s="194">
        <v>0</v>
      </c>
      <c r="N32" s="195">
        <v>0</v>
      </c>
      <c r="O32" s="198">
        <v>0</v>
      </c>
      <c r="P32" s="196">
        <v>0</v>
      </c>
      <c r="Q32" s="197">
        <v>3</v>
      </c>
      <c r="R32" s="197">
        <v>11</v>
      </c>
      <c r="S32" s="197">
        <v>32</v>
      </c>
      <c r="T32" s="195">
        <v>20</v>
      </c>
      <c r="U32" s="198">
        <v>66</v>
      </c>
      <c r="V32" s="200">
        <v>66</v>
      </c>
      <c r="W32" s="201">
        <v>0</v>
      </c>
      <c r="X32" s="195">
        <v>0</v>
      </c>
      <c r="Y32" s="198">
        <v>0</v>
      </c>
      <c r="Z32" s="201">
        <v>0</v>
      </c>
      <c r="AA32" s="197">
        <v>0</v>
      </c>
      <c r="AB32" s="197">
        <v>0</v>
      </c>
      <c r="AC32" s="197">
        <v>0</v>
      </c>
      <c r="AD32" s="195">
        <v>0</v>
      </c>
      <c r="AE32" s="198">
        <v>0</v>
      </c>
      <c r="AF32" s="202">
        <v>0</v>
      </c>
      <c r="AG32" s="201">
        <v>0</v>
      </c>
      <c r="AH32" s="195">
        <v>0</v>
      </c>
      <c r="AI32" s="198">
        <v>0</v>
      </c>
      <c r="AJ32" s="201">
        <v>4</v>
      </c>
      <c r="AK32" s="197">
        <v>4</v>
      </c>
      <c r="AL32" s="197">
        <v>10</v>
      </c>
      <c r="AM32" s="197">
        <v>16</v>
      </c>
      <c r="AN32" s="195">
        <v>8</v>
      </c>
      <c r="AO32" s="198">
        <v>42</v>
      </c>
      <c r="AP32" s="202">
        <v>42</v>
      </c>
      <c r="AQ32" s="201">
        <v>0</v>
      </c>
      <c r="AR32" s="195">
        <v>0</v>
      </c>
      <c r="AS32" s="198">
        <v>0</v>
      </c>
      <c r="AT32" s="196">
        <v>4</v>
      </c>
      <c r="AU32" s="197">
        <v>4</v>
      </c>
      <c r="AV32" s="197">
        <v>10</v>
      </c>
      <c r="AW32" s="197">
        <v>16</v>
      </c>
      <c r="AX32" s="195">
        <v>7</v>
      </c>
      <c r="AY32" s="198">
        <v>41</v>
      </c>
      <c r="AZ32" s="199">
        <v>41</v>
      </c>
      <c r="BA32" s="194">
        <v>0</v>
      </c>
      <c r="BB32" s="195">
        <v>0</v>
      </c>
      <c r="BC32" s="195">
        <v>0</v>
      </c>
      <c r="BD32" s="196">
        <v>0</v>
      </c>
      <c r="BE32" s="197">
        <v>0</v>
      </c>
      <c r="BF32" s="197">
        <v>0</v>
      </c>
      <c r="BG32" s="197">
        <v>0</v>
      </c>
      <c r="BH32" s="195">
        <v>1</v>
      </c>
      <c r="BI32" s="198">
        <v>1</v>
      </c>
      <c r="BJ32" s="200">
        <v>1</v>
      </c>
      <c r="BK32" s="201">
        <v>0</v>
      </c>
      <c r="BL32" s="195">
        <v>0</v>
      </c>
      <c r="BM32" s="195">
        <v>0</v>
      </c>
      <c r="BN32" s="196">
        <v>0</v>
      </c>
      <c r="BO32" s="197">
        <v>0</v>
      </c>
      <c r="BP32" s="197">
        <v>0</v>
      </c>
      <c r="BQ32" s="197">
        <v>0</v>
      </c>
      <c r="BR32" s="195">
        <v>0</v>
      </c>
      <c r="BS32" s="198">
        <v>0</v>
      </c>
      <c r="BT32" s="199">
        <v>0</v>
      </c>
      <c r="BU32" s="194">
        <v>0</v>
      </c>
      <c r="BV32" s="195">
        <v>0</v>
      </c>
      <c r="BW32" s="195">
        <v>0</v>
      </c>
      <c r="BX32" s="196">
        <v>0</v>
      </c>
      <c r="BY32" s="197">
        <v>0</v>
      </c>
      <c r="BZ32" s="197">
        <v>0</v>
      </c>
      <c r="CA32" s="197">
        <v>0</v>
      </c>
      <c r="CB32" s="195">
        <v>0</v>
      </c>
      <c r="CC32" s="198">
        <v>0</v>
      </c>
      <c r="CD32" s="200">
        <v>0</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0</v>
      </c>
      <c r="CV32" s="195">
        <v>0</v>
      </c>
      <c r="CW32" s="198">
        <v>0</v>
      </c>
      <c r="CX32" s="199">
        <v>0</v>
      </c>
      <c r="CY32" s="194">
        <v>0</v>
      </c>
      <c r="CZ32" s="195">
        <v>0</v>
      </c>
      <c r="DA32" s="195">
        <v>0</v>
      </c>
      <c r="DB32" s="196">
        <v>0</v>
      </c>
      <c r="DC32" s="197">
        <v>0</v>
      </c>
      <c r="DD32" s="197">
        <v>0</v>
      </c>
      <c r="DE32" s="197">
        <v>0</v>
      </c>
      <c r="DF32" s="195">
        <v>0</v>
      </c>
      <c r="DG32" s="198">
        <v>0</v>
      </c>
      <c r="DH32" s="200">
        <v>0</v>
      </c>
      <c r="DI32" s="201">
        <v>0</v>
      </c>
      <c r="DJ32" s="195">
        <v>0</v>
      </c>
      <c r="DK32" s="195">
        <v>0</v>
      </c>
      <c r="DL32" s="196">
        <v>0</v>
      </c>
      <c r="DM32" s="197">
        <v>0</v>
      </c>
      <c r="DN32" s="197">
        <v>0</v>
      </c>
      <c r="DO32" s="197">
        <v>0</v>
      </c>
      <c r="DP32" s="195">
        <v>0</v>
      </c>
      <c r="DQ32" s="198">
        <v>0</v>
      </c>
      <c r="DR32" s="200">
        <v>0</v>
      </c>
      <c r="DS32" s="201">
        <v>0</v>
      </c>
      <c r="DT32" s="195">
        <v>0</v>
      </c>
      <c r="DU32" s="195">
        <v>0</v>
      </c>
      <c r="DV32" s="196">
        <v>4</v>
      </c>
      <c r="DW32" s="197">
        <v>7</v>
      </c>
      <c r="DX32" s="197">
        <v>21</v>
      </c>
      <c r="DY32" s="197">
        <v>48</v>
      </c>
      <c r="DZ32" s="195">
        <v>28</v>
      </c>
      <c r="EA32" s="198">
        <v>108</v>
      </c>
      <c r="EB32" s="200">
        <v>108</v>
      </c>
      <c r="EC32" s="37"/>
    </row>
    <row r="33" spans="2:133" ht="21" customHeight="1" x14ac:dyDescent="0.2">
      <c r="B33" s="62" t="s">
        <v>30</v>
      </c>
      <c r="C33" s="194">
        <v>0</v>
      </c>
      <c r="D33" s="195">
        <v>0</v>
      </c>
      <c r="E33" s="195">
        <v>0</v>
      </c>
      <c r="F33" s="196">
        <v>0</v>
      </c>
      <c r="G33" s="197">
        <v>1</v>
      </c>
      <c r="H33" s="197">
        <v>27</v>
      </c>
      <c r="I33" s="197">
        <v>29</v>
      </c>
      <c r="J33" s="195">
        <v>11</v>
      </c>
      <c r="K33" s="198">
        <v>68</v>
      </c>
      <c r="L33" s="199">
        <v>68</v>
      </c>
      <c r="M33" s="194">
        <v>0</v>
      </c>
      <c r="N33" s="195">
        <v>0</v>
      </c>
      <c r="O33" s="198">
        <v>0</v>
      </c>
      <c r="P33" s="196">
        <v>0</v>
      </c>
      <c r="Q33" s="197">
        <v>1</v>
      </c>
      <c r="R33" s="197">
        <v>27</v>
      </c>
      <c r="S33" s="197">
        <v>29</v>
      </c>
      <c r="T33" s="195">
        <v>11</v>
      </c>
      <c r="U33" s="198">
        <v>68</v>
      </c>
      <c r="V33" s="200">
        <v>68</v>
      </c>
      <c r="W33" s="201">
        <v>0</v>
      </c>
      <c r="X33" s="195">
        <v>0</v>
      </c>
      <c r="Y33" s="198">
        <v>0</v>
      </c>
      <c r="Z33" s="201">
        <v>0</v>
      </c>
      <c r="AA33" s="197">
        <v>0</v>
      </c>
      <c r="AB33" s="197">
        <v>0</v>
      </c>
      <c r="AC33" s="197">
        <v>0</v>
      </c>
      <c r="AD33" s="195">
        <v>0</v>
      </c>
      <c r="AE33" s="198">
        <v>0</v>
      </c>
      <c r="AF33" s="202">
        <v>0</v>
      </c>
      <c r="AG33" s="201">
        <v>0</v>
      </c>
      <c r="AH33" s="195">
        <v>0</v>
      </c>
      <c r="AI33" s="198">
        <v>0</v>
      </c>
      <c r="AJ33" s="201">
        <v>10</v>
      </c>
      <c r="AK33" s="197">
        <v>3</v>
      </c>
      <c r="AL33" s="197">
        <v>13</v>
      </c>
      <c r="AM33" s="197">
        <v>17</v>
      </c>
      <c r="AN33" s="195">
        <v>6</v>
      </c>
      <c r="AO33" s="198">
        <v>49</v>
      </c>
      <c r="AP33" s="202">
        <v>49</v>
      </c>
      <c r="AQ33" s="201">
        <v>0</v>
      </c>
      <c r="AR33" s="195">
        <v>0</v>
      </c>
      <c r="AS33" s="198">
        <v>0</v>
      </c>
      <c r="AT33" s="196">
        <v>10</v>
      </c>
      <c r="AU33" s="197">
        <v>3</v>
      </c>
      <c r="AV33" s="197">
        <v>12</v>
      </c>
      <c r="AW33" s="197">
        <v>17</v>
      </c>
      <c r="AX33" s="195">
        <v>6</v>
      </c>
      <c r="AY33" s="198">
        <v>48</v>
      </c>
      <c r="AZ33" s="199">
        <v>48</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1</v>
      </c>
      <c r="CU33" s="197">
        <v>0</v>
      </c>
      <c r="CV33" s="195">
        <v>2</v>
      </c>
      <c r="CW33" s="198">
        <v>4</v>
      </c>
      <c r="CX33" s="199">
        <v>4</v>
      </c>
      <c r="CY33" s="194">
        <v>0</v>
      </c>
      <c r="CZ33" s="195">
        <v>0</v>
      </c>
      <c r="DA33" s="195">
        <v>0</v>
      </c>
      <c r="DB33" s="196">
        <v>0</v>
      </c>
      <c r="DC33" s="197">
        <v>1</v>
      </c>
      <c r="DD33" s="197">
        <v>1</v>
      </c>
      <c r="DE33" s="197">
        <v>0</v>
      </c>
      <c r="DF33" s="195">
        <v>1</v>
      </c>
      <c r="DG33" s="198">
        <v>3</v>
      </c>
      <c r="DH33" s="200">
        <v>3</v>
      </c>
      <c r="DI33" s="201">
        <v>0</v>
      </c>
      <c r="DJ33" s="195">
        <v>0</v>
      </c>
      <c r="DK33" s="195">
        <v>0</v>
      </c>
      <c r="DL33" s="196">
        <v>0</v>
      </c>
      <c r="DM33" s="197">
        <v>0</v>
      </c>
      <c r="DN33" s="197">
        <v>0</v>
      </c>
      <c r="DO33" s="197">
        <v>0</v>
      </c>
      <c r="DP33" s="195">
        <v>1</v>
      </c>
      <c r="DQ33" s="198">
        <v>1</v>
      </c>
      <c r="DR33" s="200">
        <v>1</v>
      </c>
      <c r="DS33" s="201">
        <v>0</v>
      </c>
      <c r="DT33" s="195">
        <v>0</v>
      </c>
      <c r="DU33" s="195">
        <v>0</v>
      </c>
      <c r="DV33" s="196">
        <v>10</v>
      </c>
      <c r="DW33" s="197">
        <v>5</v>
      </c>
      <c r="DX33" s="197">
        <v>41</v>
      </c>
      <c r="DY33" s="197">
        <v>46</v>
      </c>
      <c r="DZ33" s="195">
        <v>19</v>
      </c>
      <c r="EA33" s="198">
        <v>121</v>
      </c>
      <c r="EB33" s="200">
        <v>121</v>
      </c>
      <c r="EC33" s="37"/>
    </row>
    <row r="34" spans="2:133" ht="21" customHeight="1" x14ac:dyDescent="0.2">
      <c r="B34" s="62" t="s">
        <v>31</v>
      </c>
      <c r="C34" s="194">
        <v>0</v>
      </c>
      <c r="D34" s="195">
        <v>0</v>
      </c>
      <c r="E34" s="195">
        <v>0</v>
      </c>
      <c r="F34" s="196">
        <v>0</v>
      </c>
      <c r="G34" s="197">
        <v>3</v>
      </c>
      <c r="H34" s="197">
        <v>32</v>
      </c>
      <c r="I34" s="197">
        <v>27</v>
      </c>
      <c r="J34" s="195">
        <v>22</v>
      </c>
      <c r="K34" s="198">
        <v>84</v>
      </c>
      <c r="L34" s="199">
        <v>84</v>
      </c>
      <c r="M34" s="194">
        <v>0</v>
      </c>
      <c r="N34" s="195">
        <v>0</v>
      </c>
      <c r="O34" s="198">
        <v>0</v>
      </c>
      <c r="P34" s="196">
        <v>0</v>
      </c>
      <c r="Q34" s="197">
        <v>3</v>
      </c>
      <c r="R34" s="197">
        <v>32</v>
      </c>
      <c r="S34" s="197">
        <v>27</v>
      </c>
      <c r="T34" s="195">
        <v>22</v>
      </c>
      <c r="U34" s="198">
        <v>84</v>
      </c>
      <c r="V34" s="200">
        <v>84</v>
      </c>
      <c r="W34" s="201">
        <v>0</v>
      </c>
      <c r="X34" s="195">
        <v>0</v>
      </c>
      <c r="Y34" s="198">
        <v>0</v>
      </c>
      <c r="Z34" s="201">
        <v>0</v>
      </c>
      <c r="AA34" s="197">
        <v>0</v>
      </c>
      <c r="AB34" s="197">
        <v>0</v>
      </c>
      <c r="AC34" s="197">
        <v>0</v>
      </c>
      <c r="AD34" s="195">
        <v>0</v>
      </c>
      <c r="AE34" s="198">
        <v>0</v>
      </c>
      <c r="AF34" s="202">
        <v>0</v>
      </c>
      <c r="AG34" s="201">
        <v>0</v>
      </c>
      <c r="AH34" s="195">
        <v>0</v>
      </c>
      <c r="AI34" s="198">
        <v>0</v>
      </c>
      <c r="AJ34" s="201">
        <v>2</v>
      </c>
      <c r="AK34" s="197">
        <v>11</v>
      </c>
      <c r="AL34" s="197">
        <v>7</v>
      </c>
      <c r="AM34" s="197">
        <v>13</v>
      </c>
      <c r="AN34" s="195">
        <v>6</v>
      </c>
      <c r="AO34" s="198">
        <v>39</v>
      </c>
      <c r="AP34" s="202">
        <v>39</v>
      </c>
      <c r="AQ34" s="201">
        <v>0</v>
      </c>
      <c r="AR34" s="195">
        <v>0</v>
      </c>
      <c r="AS34" s="198">
        <v>0</v>
      </c>
      <c r="AT34" s="196">
        <v>2</v>
      </c>
      <c r="AU34" s="197">
        <v>11</v>
      </c>
      <c r="AV34" s="197">
        <v>7</v>
      </c>
      <c r="AW34" s="197">
        <v>13</v>
      </c>
      <c r="AX34" s="195">
        <v>6</v>
      </c>
      <c r="AY34" s="198">
        <v>39</v>
      </c>
      <c r="AZ34" s="199">
        <v>39</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0</v>
      </c>
      <c r="BR34" s="195">
        <v>0</v>
      </c>
      <c r="BS34" s="198">
        <v>0</v>
      </c>
      <c r="BT34" s="199">
        <v>0</v>
      </c>
      <c r="BU34" s="194">
        <v>0</v>
      </c>
      <c r="BV34" s="195">
        <v>0</v>
      </c>
      <c r="BW34" s="195">
        <v>0</v>
      </c>
      <c r="BX34" s="196">
        <v>0</v>
      </c>
      <c r="BY34" s="197">
        <v>0</v>
      </c>
      <c r="BZ34" s="197">
        <v>0</v>
      </c>
      <c r="CA34" s="197">
        <v>0</v>
      </c>
      <c r="CB34" s="195">
        <v>0</v>
      </c>
      <c r="CC34" s="198">
        <v>0</v>
      </c>
      <c r="CD34" s="200">
        <v>0</v>
      </c>
      <c r="CE34" s="201">
        <v>0</v>
      </c>
      <c r="CF34" s="195">
        <v>0</v>
      </c>
      <c r="CG34" s="195">
        <v>0</v>
      </c>
      <c r="CH34" s="196">
        <v>0</v>
      </c>
      <c r="CI34" s="197">
        <v>0</v>
      </c>
      <c r="CJ34" s="197">
        <v>0</v>
      </c>
      <c r="CK34" s="197">
        <v>0</v>
      </c>
      <c r="CL34" s="195">
        <v>0</v>
      </c>
      <c r="CM34" s="198">
        <v>0</v>
      </c>
      <c r="CN34" s="200">
        <v>0</v>
      </c>
      <c r="CO34" s="201">
        <v>0</v>
      </c>
      <c r="CP34" s="195">
        <v>0</v>
      </c>
      <c r="CQ34" s="195">
        <v>0</v>
      </c>
      <c r="CR34" s="196">
        <v>1</v>
      </c>
      <c r="CS34" s="197">
        <v>0</v>
      </c>
      <c r="CT34" s="197">
        <v>0</v>
      </c>
      <c r="CU34" s="197">
        <v>1</v>
      </c>
      <c r="CV34" s="195">
        <v>0</v>
      </c>
      <c r="CW34" s="198">
        <v>2</v>
      </c>
      <c r="CX34" s="199">
        <v>2</v>
      </c>
      <c r="CY34" s="194">
        <v>0</v>
      </c>
      <c r="CZ34" s="195">
        <v>0</v>
      </c>
      <c r="DA34" s="195">
        <v>0</v>
      </c>
      <c r="DB34" s="196">
        <v>1</v>
      </c>
      <c r="DC34" s="197">
        <v>0</v>
      </c>
      <c r="DD34" s="197">
        <v>0</v>
      </c>
      <c r="DE34" s="197">
        <v>1</v>
      </c>
      <c r="DF34" s="195">
        <v>0</v>
      </c>
      <c r="DG34" s="198">
        <v>2</v>
      </c>
      <c r="DH34" s="200">
        <v>2</v>
      </c>
      <c r="DI34" s="201">
        <v>0</v>
      </c>
      <c r="DJ34" s="195">
        <v>0</v>
      </c>
      <c r="DK34" s="195">
        <v>0</v>
      </c>
      <c r="DL34" s="196">
        <v>0</v>
      </c>
      <c r="DM34" s="197">
        <v>0</v>
      </c>
      <c r="DN34" s="197">
        <v>0</v>
      </c>
      <c r="DO34" s="197">
        <v>0</v>
      </c>
      <c r="DP34" s="195">
        <v>0</v>
      </c>
      <c r="DQ34" s="198">
        <v>0</v>
      </c>
      <c r="DR34" s="200">
        <v>0</v>
      </c>
      <c r="DS34" s="201">
        <v>0</v>
      </c>
      <c r="DT34" s="195">
        <v>0</v>
      </c>
      <c r="DU34" s="195">
        <v>0</v>
      </c>
      <c r="DV34" s="196">
        <v>3</v>
      </c>
      <c r="DW34" s="197">
        <v>14</v>
      </c>
      <c r="DX34" s="197">
        <v>39</v>
      </c>
      <c r="DY34" s="197">
        <v>41</v>
      </c>
      <c r="DZ34" s="195">
        <v>28</v>
      </c>
      <c r="EA34" s="198">
        <v>125</v>
      </c>
      <c r="EB34" s="200">
        <v>125</v>
      </c>
      <c r="EC34" s="37"/>
    </row>
    <row r="35" spans="2:133" ht="21" customHeight="1" x14ac:dyDescent="0.2">
      <c r="B35" s="62" t="s">
        <v>32</v>
      </c>
      <c r="C35" s="194">
        <v>0</v>
      </c>
      <c r="D35" s="195">
        <v>0</v>
      </c>
      <c r="E35" s="195">
        <v>0</v>
      </c>
      <c r="F35" s="196">
        <v>2</v>
      </c>
      <c r="G35" s="197">
        <v>0</v>
      </c>
      <c r="H35" s="197">
        <v>10</v>
      </c>
      <c r="I35" s="197">
        <v>24</v>
      </c>
      <c r="J35" s="195">
        <v>14</v>
      </c>
      <c r="K35" s="198">
        <v>50</v>
      </c>
      <c r="L35" s="199">
        <v>50</v>
      </c>
      <c r="M35" s="194">
        <v>0</v>
      </c>
      <c r="N35" s="195">
        <v>0</v>
      </c>
      <c r="O35" s="198">
        <v>0</v>
      </c>
      <c r="P35" s="196">
        <v>2</v>
      </c>
      <c r="Q35" s="197">
        <v>0</v>
      </c>
      <c r="R35" s="197">
        <v>10</v>
      </c>
      <c r="S35" s="197">
        <v>24</v>
      </c>
      <c r="T35" s="195">
        <v>13</v>
      </c>
      <c r="U35" s="198">
        <v>49</v>
      </c>
      <c r="V35" s="200">
        <v>49</v>
      </c>
      <c r="W35" s="201">
        <v>0</v>
      </c>
      <c r="X35" s="195">
        <v>0</v>
      </c>
      <c r="Y35" s="198">
        <v>0</v>
      </c>
      <c r="Z35" s="201">
        <v>0</v>
      </c>
      <c r="AA35" s="197">
        <v>0</v>
      </c>
      <c r="AB35" s="197">
        <v>0</v>
      </c>
      <c r="AC35" s="197">
        <v>0</v>
      </c>
      <c r="AD35" s="195">
        <v>1</v>
      </c>
      <c r="AE35" s="198">
        <v>1</v>
      </c>
      <c r="AF35" s="202">
        <v>1</v>
      </c>
      <c r="AG35" s="201">
        <v>0</v>
      </c>
      <c r="AH35" s="195">
        <v>0</v>
      </c>
      <c r="AI35" s="198">
        <v>0</v>
      </c>
      <c r="AJ35" s="201">
        <v>1</v>
      </c>
      <c r="AK35" s="197">
        <v>11</v>
      </c>
      <c r="AL35" s="197">
        <v>12</v>
      </c>
      <c r="AM35" s="197">
        <v>20</v>
      </c>
      <c r="AN35" s="195">
        <v>6</v>
      </c>
      <c r="AO35" s="198">
        <v>50</v>
      </c>
      <c r="AP35" s="202">
        <v>50</v>
      </c>
      <c r="AQ35" s="201">
        <v>0</v>
      </c>
      <c r="AR35" s="195">
        <v>0</v>
      </c>
      <c r="AS35" s="198">
        <v>0</v>
      </c>
      <c r="AT35" s="196">
        <v>1</v>
      </c>
      <c r="AU35" s="197">
        <v>11</v>
      </c>
      <c r="AV35" s="197">
        <v>12</v>
      </c>
      <c r="AW35" s="197">
        <v>20</v>
      </c>
      <c r="AX35" s="195">
        <v>6</v>
      </c>
      <c r="AY35" s="198">
        <v>50</v>
      </c>
      <c r="AZ35" s="199">
        <v>50</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2</v>
      </c>
      <c r="CU35" s="197">
        <v>0</v>
      </c>
      <c r="CV35" s="195">
        <v>1</v>
      </c>
      <c r="CW35" s="198">
        <v>3</v>
      </c>
      <c r="CX35" s="199">
        <v>3</v>
      </c>
      <c r="CY35" s="194">
        <v>0</v>
      </c>
      <c r="CZ35" s="195">
        <v>0</v>
      </c>
      <c r="DA35" s="195">
        <v>0</v>
      </c>
      <c r="DB35" s="196">
        <v>0</v>
      </c>
      <c r="DC35" s="197">
        <v>0</v>
      </c>
      <c r="DD35" s="197">
        <v>2</v>
      </c>
      <c r="DE35" s="197">
        <v>0</v>
      </c>
      <c r="DF35" s="195">
        <v>1</v>
      </c>
      <c r="DG35" s="198">
        <v>3</v>
      </c>
      <c r="DH35" s="200">
        <v>3</v>
      </c>
      <c r="DI35" s="201">
        <v>0</v>
      </c>
      <c r="DJ35" s="195">
        <v>0</v>
      </c>
      <c r="DK35" s="195">
        <v>0</v>
      </c>
      <c r="DL35" s="196">
        <v>0</v>
      </c>
      <c r="DM35" s="197">
        <v>0</v>
      </c>
      <c r="DN35" s="197">
        <v>0</v>
      </c>
      <c r="DO35" s="197">
        <v>0</v>
      </c>
      <c r="DP35" s="195">
        <v>0</v>
      </c>
      <c r="DQ35" s="198">
        <v>0</v>
      </c>
      <c r="DR35" s="200">
        <v>0</v>
      </c>
      <c r="DS35" s="201">
        <v>0</v>
      </c>
      <c r="DT35" s="195">
        <v>0</v>
      </c>
      <c r="DU35" s="195">
        <v>0</v>
      </c>
      <c r="DV35" s="196">
        <v>3</v>
      </c>
      <c r="DW35" s="197">
        <v>11</v>
      </c>
      <c r="DX35" s="197">
        <v>24</v>
      </c>
      <c r="DY35" s="197">
        <v>44</v>
      </c>
      <c r="DZ35" s="195">
        <v>21</v>
      </c>
      <c r="EA35" s="198">
        <v>103</v>
      </c>
      <c r="EB35" s="200">
        <v>103</v>
      </c>
      <c r="EC35" s="37"/>
    </row>
    <row r="36" spans="2:133" ht="21" customHeight="1" x14ac:dyDescent="0.2">
      <c r="B36" s="62" t="s">
        <v>33</v>
      </c>
      <c r="C36" s="194">
        <v>0</v>
      </c>
      <c r="D36" s="195">
        <v>0</v>
      </c>
      <c r="E36" s="195">
        <v>0</v>
      </c>
      <c r="F36" s="196">
        <v>0</v>
      </c>
      <c r="G36" s="197">
        <v>5</v>
      </c>
      <c r="H36" s="197">
        <v>23</v>
      </c>
      <c r="I36" s="197">
        <v>37</v>
      </c>
      <c r="J36" s="195">
        <v>23</v>
      </c>
      <c r="K36" s="198">
        <v>88</v>
      </c>
      <c r="L36" s="199">
        <v>88</v>
      </c>
      <c r="M36" s="194">
        <v>0</v>
      </c>
      <c r="N36" s="195">
        <v>0</v>
      </c>
      <c r="O36" s="198">
        <v>0</v>
      </c>
      <c r="P36" s="196">
        <v>0</v>
      </c>
      <c r="Q36" s="197">
        <v>5</v>
      </c>
      <c r="R36" s="197">
        <v>23</v>
      </c>
      <c r="S36" s="197">
        <v>37</v>
      </c>
      <c r="T36" s="195">
        <v>23</v>
      </c>
      <c r="U36" s="198">
        <v>88</v>
      </c>
      <c r="V36" s="200">
        <v>88</v>
      </c>
      <c r="W36" s="201">
        <v>0</v>
      </c>
      <c r="X36" s="195">
        <v>0</v>
      </c>
      <c r="Y36" s="198">
        <v>0</v>
      </c>
      <c r="Z36" s="201">
        <v>0</v>
      </c>
      <c r="AA36" s="197">
        <v>0</v>
      </c>
      <c r="AB36" s="197">
        <v>0</v>
      </c>
      <c r="AC36" s="197">
        <v>0</v>
      </c>
      <c r="AD36" s="195">
        <v>0</v>
      </c>
      <c r="AE36" s="198">
        <v>0</v>
      </c>
      <c r="AF36" s="202">
        <v>0</v>
      </c>
      <c r="AG36" s="201">
        <v>0</v>
      </c>
      <c r="AH36" s="195">
        <v>0</v>
      </c>
      <c r="AI36" s="198">
        <v>0</v>
      </c>
      <c r="AJ36" s="201">
        <v>8</v>
      </c>
      <c r="AK36" s="197">
        <v>8</v>
      </c>
      <c r="AL36" s="197">
        <v>13</v>
      </c>
      <c r="AM36" s="197">
        <v>18</v>
      </c>
      <c r="AN36" s="195">
        <v>6</v>
      </c>
      <c r="AO36" s="198">
        <v>53</v>
      </c>
      <c r="AP36" s="202">
        <v>53</v>
      </c>
      <c r="AQ36" s="201">
        <v>0</v>
      </c>
      <c r="AR36" s="195">
        <v>0</v>
      </c>
      <c r="AS36" s="198">
        <v>0</v>
      </c>
      <c r="AT36" s="196">
        <v>8</v>
      </c>
      <c r="AU36" s="197">
        <v>8</v>
      </c>
      <c r="AV36" s="197">
        <v>13</v>
      </c>
      <c r="AW36" s="197">
        <v>18</v>
      </c>
      <c r="AX36" s="195">
        <v>6</v>
      </c>
      <c r="AY36" s="198">
        <v>53</v>
      </c>
      <c r="AZ36" s="199">
        <v>53</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3</v>
      </c>
      <c r="CS36" s="197">
        <v>6</v>
      </c>
      <c r="CT36" s="197">
        <v>6</v>
      </c>
      <c r="CU36" s="197">
        <v>7</v>
      </c>
      <c r="CV36" s="195">
        <v>8</v>
      </c>
      <c r="CW36" s="198">
        <v>30</v>
      </c>
      <c r="CX36" s="199">
        <v>30</v>
      </c>
      <c r="CY36" s="194">
        <v>0</v>
      </c>
      <c r="CZ36" s="195">
        <v>0</v>
      </c>
      <c r="DA36" s="195">
        <v>0</v>
      </c>
      <c r="DB36" s="196">
        <v>3</v>
      </c>
      <c r="DC36" s="197">
        <v>6</v>
      </c>
      <c r="DD36" s="197">
        <v>6</v>
      </c>
      <c r="DE36" s="197">
        <v>7</v>
      </c>
      <c r="DF36" s="195">
        <v>8</v>
      </c>
      <c r="DG36" s="198">
        <v>30</v>
      </c>
      <c r="DH36" s="200">
        <v>30</v>
      </c>
      <c r="DI36" s="201">
        <v>0</v>
      </c>
      <c r="DJ36" s="195">
        <v>0</v>
      </c>
      <c r="DK36" s="195">
        <v>0</v>
      </c>
      <c r="DL36" s="196">
        <v>0</v>
      </c>
      <c r="DM36" s="197">
        <v>0</v>
      </c>
      <c r="DN36" s="197">
        <v>0</v>
      </c>
      <c r="DO36" s="197">
        <v>0</v>
      </c>
      <c r="DP36" s="195">
        <v>0</v>
      </c>
      <c r="DQ36" s="198">
        <v>0</v>
      </c>
      <c r="DR36" s="200">
        <v>0</v>
      </c>
      <c r="DS36" s="201">
        <v>0</v>
      </c>
      <c r="DT36" s="195">
        <v>0</v>
      </c>
      <c r="DU36" s="195">
        <v>0</v>
      </c>
      <c r="DV36" s="196">
        <v>11</v>
      </c>
      <c r="DW36" s="197">
        <v>19</v>
      </c>
      <c r="DX36" s="197">
        <v>42</v>
      </c>
      <c r="DY36" s="197">
        <v>62</v>
      </c>
      <c r="DZ36" s="195">
        <v>37</v>
      </c>
      <c r="EA36" s="198">
        <v>171</v>
      </c>
      <c r="EB36" s="200">
        <v>171</v>
      </c>
      <c r="EC36" s="37"/>
    </row>
    <row r="37" spans="2:133" ht="21" customHeight="1" x14ac:dyDescent="0.2">
      <c r="B37" s="62" t="s">
        <v>34</v>
      </c>
      <c r="C37" s="194">
        <v>0</v>
      </c>
      <c r="D37" s="195">
        <v>0</v>
      </c>
      <c r="E37" s="195">
        <v>0</v>
      </c>
      <c r="F37" s="196">
        <v>0</v>
      </c>
      <c r="G37" s="197">
        <v>0</v>
      </c>
      <c r="H37" s="197">
        <v>7</v>
      </c>
      <c r="I37" s="197">
        <v>25</v>
      </c>
      <c r="J37" s="195">
        <v>11</v>
      </c>
      <c r="K37" s="198">
        <v>43</v>
      </c>
      <c r="L37" s="199">
        <v>43</v>
      </c>
      <c r="M37" s="194">
        <v>0</v>
      </c>
      <c r="N37" s="195">
        <v>0</v>
      </c>
      <c r="O37" s="198">
        <v>0</v>
      </c>
      <c r="P37" s="196">
        <v>0</v>
      </c>
      <c r="Q37" s="197">
        <v>0</v>
      </c>
      <c r="R37" s="197">
        <v>7</v>
      </c>
      <c r="S37" s="197">
        <v>25</v>
      </c>
      <c r="T37" s="195">
        <v>11</v>
      </c>
      <c r="U37" s="198">
        <v>43</v>
      </c>
      <c r="V37" s="200">
        <v>43</v>
      </c>
      <c r="W37" s="201">
        <v>0</v>
      </c>
      <c r="X37" s="195">
        <v>0</v>
      </c>
      <c r="Y37" s="198">
        <v>0</v>
      </c>
      <c r="Z37" s="201">
        <v>0</v>
      </c>
      <c r="AA37" s="197">
        <v>0</v>
      </c>
      <c r="AB37" s="197">
        <v>0</v>
      </c>
      <c r="AC37" s="197">
        <v>0</v>
      </c>
      <c r="AD37" s="195">
        <v>0</v>
      </c>
      <c r="AE37" s="198">
        <v>0</v>
      </c>
      <c r="AF37" s="202">
        <v>0</v>
      </c>
      <c r="AG37" s="201">
        <v>0</v>
      </c>
      <c r="AH37" s="195">
        <v>0</v>
      </c>
      <c r="AI37" s="198">
        <v>0</v>
      </c>
      <c r="AJ37" s="201">
        <v>3</v>
      </c>
      <c r="AK37" s="197">
        <v>13</v>
      </c>
      <c r="AL37" s="197">
        <v>12</v>
      </c>
      <c r="AM37" s="197">
        <v>11</v>
      </c>
      <c r="AN37" s="195">
        <v>6</v>
      </c>
      <c r="AO37" s="198">
        <v>45</v>
      </c>
      <c r="AP37" s="202">
        <v>45</v>
      </c>
      <c r="AQ37" s="201">
        <v>0</v>
      </c>
      <c r="AR37" s="195">
        <v>0</v>
      </c>
      <c r="AS37" s="198">
        <v>0</v>
      </c>
      <c r="AT37" s="196">
        <v>3</v>
      </c>
      <c r="AU37" s="197">
        <v>13</v>
      </c>
      <c r="AV37" s="197">
        <v>12</v>
      </c>
      <c r="AW37" s="197">
        <v>11</v>
      </c>
      <c r="AX37" s="195">
        <v>6</v>
      </c>
      <c r="AY37" s="198">
        <v>45</v>
      </c>
      <c r="AZ37" s="199">
        <v>45</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0</v>
      </c>
      <c r="CT37" s="197">
        <v>0</v>
      </c>
      <c r="CU37" s="197">
        <v>2</v>
      </c>
      <c r="CV37" s="195">
        <v>1</v>
      </c>
      <c r="CW37" s="198">
        <v>3</v>
      </c>
      <c r="CX37" s="199">
        <v>3</v>
      </c>
      <c r="CY37" s="194">
        <v>0</v>
      </c>
      <c r="CZ37" s="195">
        <v>0</v>
      </c>
      <c r="DA37" s="195">
        <v>0</v>
      </c>
      <c r="DB37" s="196">
        <v>0</v>
      </c>
      <c r="DC37" s="197">
        <v>0</v>
      </c>
      <c r="DD37" s="197">
        <v>0</v>
      </c>
      <c r="DE37" s="197">
        <v>2</v>
      </c>
      <c r="DF37" s="195">
        <v>1</v>
      </c>
      <c r="DG37" s="198">
        <v>3</v>
      </c>
      <c r="DH37" s="200">
        <v>3</v>
      </c>
      <c r="DI37" s="201">
        <v>0</v>
      </c>
      <c r="DJ37" s="195">
        <v>0</v>
      </c>
      <c r="DK37" s="195">
        <v>0</v>
      </c>
      <c r="DL37" s="196">
        <v>0</v>
      </c>
      <c r="DM37" s="197">
        <v>0</v>
      </c>
      <c r="DN37" s="197">
        <v>0</v>
      </c>
      <c r="DO37" s="197">
        <v>0</v>
      </c>
      <c r="DP37" s="195">
        <v>0</v>
      </c>
      <c r="DQ37" s="198">
        <v>0</v>
      </c>
      <c r="DR37" s="200">
        <v>0</v>
      </c>
      <c r="DS37" s="201">
        <v>0</v>
      </c>
      <c r="DT37" s="195">
        <v>0</v>
      </c>
      <c r="DU37" s="195">
        <v>0</v>
      </c>
      <c r="DV37" s="196">
        <v>3</v>
      </c>
      <c r="DW37" s="197">
        <v>13</v>
      </c>
      <c r="DX37" s="197">
        <v>19</v>
      </c>
      <c r="DY37" s="197">
        <v>37</v>
      </c>
      <c r="DZ37" s="195">
        <v>18</v>
      </c>
      <c r="EA37" s="198">
        <v>90</v>
      </c>
      <c r="EB37" s="200">
        <v>90</v>
      </c>
      <c r="EC37" s="37"/>
    </row>
    <row r="38" spans="2:133" ht="21" customHeight="1" x14ac:dyDescent="0.2">
      <c r="B38" s="62" t="s">
        <v>35</v>
      </c>
      <c r="C38" s="194">
        <v>0</v>
      </c>
      <c r="D38" s="195">
        <v>0</v>
      </c>
      <c r="E38" s="195">
        <v>0</v>
      </c>
      <c r="F38" s="196">
        <v>1</v>
      </c>
      <c r="G38" s="197">
        <v>2</v>
      </c>
      <c r="H38" s="197">
        <v>27</v>
      </c>
      <c r="I38" s="197">
        <v>44</v>
      </c>
      <c r="J38" s="195">
        <v>29</v>
      </c>
      <c r="K38" s="198">
        <v>103</v>
      </c>
      <c r="L38" s="199">
        <v>103</v>
      </c>
      <c r="M38" s="194">
        <v>0</v>
      </c>
      <c r="N38" s="195">
        <v>0</v>
      </c>
      <c r="O38" s="198">
        <v>0</v>
      </c>
      <c r="P38" s="196">
        <v>1</v>
      </c>
      <c r="Q38" s="197">
        <v>2</v>
      </c>
      <c r="R38" s="197">
        <v>27</v>
      </c>
      <c r="S38" s="197">
        <v>44</v>
      </c>
      <c r="T38" s="195">
        <v>29</v>
      </c>
      <c r="U38" s="198">
        <v>103</v>
      </c>
      <c r="V38" s="200">
        <v>103</v>
      </c>
      <c r="W38" s="201">
        <v>0</v>
      </c>
      <c r="X38" s="195">
        <v>0</v>
      </c>
      <c r="Y38" s="198">
        <v>0</v>
      </c>
      <c r="Z38" s="201">
        <v>0</v>
      </c>
      <c r="AA38" s="197">
        <v>0</v>
      </c>
      <c r="AB38" s="197">
        <v>0</v>
      </c>
      <c r="AC38" s="197">
        <v>0</v>
      </c>
      <c r="AD38" s="195">
        <v>0</v>
      </c>
      <c r="AE38" s="198">
        <v>0</v>
      </c>
      <c r="AF38" s="202">
        <v>0</v>
      </c>
      <c r="AG38" s="201">
        <v>0</v>
      </c>
      <c r="AH38" s="195">
        <v>0</v>
      </c>
      <c r="AI38" s="198">
        <v>0</v>
      </c>
      <c r="AJ38" s="201">
        <v>19</v>
      </c>
      <c r="AK38" s="197">
        <v>32</v>
      </c>
      <c r="AL38" s="197">
        <v>22</v>
      </c>
      <c r="AM38" s="197">
        <v>19</v>
      </c>
      <c r="AN38" s="195">
        <v>6</v>
      </c>
      <c r="AO38" s="198">
        <v>98</v>
      </c>
      <c r="AP38" s="202">
        <v>98</v>
      </c>
      <c r="AQ38" s="201">
        <v>0</v>
      </c>
      <c r="AR38" s="195">
        <v>0</v>
      </c>
      <c r="AS38" s="198">
        <v>0</v>
      </c>
      <c r="AT38" s="196">
        <v>19</v>
      </c>
      <c r="AU38" s="197">
        <v>32</v>
      </c>
      <c r="AV38" s="197">
        <v>22</v>
      </c>
      <c r="AW38" s="197">
        <v>19</v>
      </c>
      <c r="AX38" s="195">
        <v>6</v>
      </c>
      <c r="AY38" s="198">
        <v>98</v>
      </c>
      <c r="AZ38" s="199">
        <v>98</v>
      </c>
      <c r="BA38" s="194">
        <v>0</v>
      </c>
      <c r="BB38" s="195">
        <v>0</v>
      </c>
      <c r="BC38" s="195">
        <v>0</v>
      </c>
      <c r="BD38" s="196">
        <v>0</v>
      </c>
      <c r="BE38" s="197">
        <v>0</v>
      </c>
      <c r="BF38" s="197">
        <v>0</v>
      </c>
      <c r="BG38" s="197">
        <v>0</v>
      </c>
      <c r="BH38" s="195">
        <v>0</v>
      </c>
      <c r="BI38" s="198">
        <v>0</v>
      </c>
      <c r="BJ38" s="200">
        <v>0</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2</v>
      </c>
      <c r="CS38" s="197">
        <v>3</v>
      </c>
      <c r="CT38" s="197">
        <v>4</v>
      </c>
      <c r="CU38" s="197">
        <v>6</v>
      </c>
      <c r="CV38" s="195">
        <v>11</v>
      </c>
      <c r="CW38" s="198">
        <v>26</v>
      </c>
      <c r="CX38" s="199">
        <v>26</v>
      </c>
      <c r="CY38" s="194">
        <v>0</v>
      </c>
      <c r="CZ38" s="195">
        <v>0</v>
      </c>
      <c r="DA38" s="195">
        <v>0</v>
      </c>
      <c r="DB38" s="196">
        <v>2</v>
      </c>
      <c r="DC38" s="197">
        <v>2</v>
      </c>
      <c r="DD38" s="197">
        <v>4</v>
      </c>
      <c r="DE38" s="197">
        <v>6</v>
      </c>
      <c r="DF38" s="195">
        <v>10</v>
      </c>
      <c r="DG38" s="198">
        <v>24</v>
      </c>
      <c r="DH38" s="200">
        <v>24</v>
      </c>
      <c r="DI38" s="201">
        <v>0</v>
      </c>
      <c r="DJ38" s="195">
        <v>0</v>
      </c>
      <c r="DK38" s="195">
        <v>0</v>
      </c>
      <c r="DL38" s="196">
        <v>0</v>
      </c>
      <c r="DM38" s="197">
        <v>1</v>
      </c>
      <c r="DN38" s="197">
        <v>0</v>
      </c>
      <c r="DO38" s="197">
        <v>0</v>
      </c>
      <c r="DP38" s="195">
        <v>1</v>
      </c>
      <c r="DQ38" s="198">
        <v>2</v>
      </c>
      <c r="DR38" s="200">
        <v>2</v>
      </c>
      <c r="DS38" s="201">
        <v>0</v>
      </c>
      <c r="DT38" s="195">
        <v>0</v>
      </c>
      <c r="DU38" s="195">
        <v>0</v>
      </c>
      <c r="DV38" s="196">
        <v>22</v>
      </c>
      <c r="DW38" s="197">
        <v>37</v>
      </c>
      <c r="DX38" s="197">
        <v>53</v>
      </c>
      <c r="DY38" s="197">
        <v>69</v>
      </c>
      <c r="DZ38" s="195">
        <v>46</v>
      </c>
      <c r="EA38" s="198">
        <v>227</v>
      </c>
      <c r="EB38" s="200">
        <v>227</v>
      </c>
      <c r="EC38" s="37"/>
    </row>
    <row r="39" spans="2:133" ht="21" customHeight="1" x14ac:dyDescent="0.2">
      <c r="B39" s="62" t="s">
        <v>36</v>
      </c>
      <c r="C39" s="194">
        <v>0</v>
      </c>
      <c r="D39" s="195">
        <v>0</v>
      </c>
      <c r="E39" s="195">
        <v>0</v>
      </c>
      <c r="F39" s="196">
        <v>0</v>
      </c>
      <c r="G39" s="197">
        <v>3</v>
      </c>
      <c r="H39" s="197">
        <v>53</v>
      </c>
      <c r="I39" s="197">
        <v>81</v>
      </c>
      <c r="J39" s="195">
        <v>73</v>
      </c>
      <c r="K39" s="198">
        <v>210</v>
      </c>
      <c r="L39" s="199">
        <v>210</v>
      </c>
      <c r="M39" s="194">
        <v>0</v>
      </c>
      <c r="N39" s="195">
        <v>0</v>
      </c>
      <c r="O39" s="198">
        <v>0</v>
      </c>
      <c r="P39" s="196">
        <v>0</v>
      </c>
      <c r="Q39" s="197">
        <v>3</v>
      </c>
      <c r="R39" s="197">
        <v>53</v>
      </c>
      <c r="S39" s="197">
        <v>76</v>
      </c>
      <c r="T39" s="195">
        <v>72</v>
      </c>
      <c r="U39" s="198">
        <v>204</v>
      </c>
      <c r="V39" s="200">
        <v>204</v>
      </c>
      <c r="W39" s="201">
        <v>0</v>
      </c>
      <c r="X39" s="195">
        <v>0</v>
      </c>
      <c r="Y39" s="198">
        <v>0</v>
      </c>
      <c r="Z39" s="201">
        <v>0</v>
      </c>
      <c r="AA39" s="197">
        <v>0</v>
      </c>
      <c r="AB39" s="197">
        <v>0</v>
      </c>
      <c r="AC39" s="197">
        <v>5</v>
      </c>
      <c r="AD39" s="195">
        <v>1</v>
      </c>
      <c r="AE39" s="198">
        <v>6</v>
      </c>
      <c r="AF39" s="202">
        <v>6</v>
      </c>
      <c r="AG39" s="201">
        <v>0</v>
      </c>
      <c r="AH39" s="195">
        <v>0</v>
      </c>
      <c r="AI39" s="198">
        <v>0</v>
      </c>
      <c r="AJ39" s="201">
        <v>17</v>
      </c>
      <c r="AK39" s="197">
        <v>23</v>
      </c>
      <c r="AL39" s="197">
        <v>47</v>
      </c>
      <c r="AM39" s="197">
        <v>44</v>
      </c>
      <c r="AN39" s="195">
        <v>25</v>
      </c>
      <c r="AO39" s="198">
        <v>156</v>
      </c>
      <c r="AP39" s="202">
        <v>156</v>
      </c>
      <c r="AQ39" s="201">
        <v>0</v>
      </c>
      <c r="AR39" s="195">
        <v>0</v>
      </c>
      <c r="AS39" s="198">
        <v>0</v>
      </c>
      <c r="AT39" s="196">
        <v>17</v>
      </c>
      <c r="AU39" s="197">
        <v>23</v>
      </c>
      <c r="AV39" s="197">
        <v>46</v>
      </c>
      <c r="AW39" s="197">
        <v>41</v>
      </c>
      <c r="AX39" s="195">
        <v>25</v>
      </c>
      <c r="AY39" s="198">
        <v>152</v>
      </c>
      <c r="AZ39" s="199">
        <v>152</v>
      </c>
      <c r="BA39" s="194">
        <v>0</v>
      </c>
      <c r="BB39" s="195">
        <v>0</v>
      </c>
      <c r="BC39" s="195">
        <v>0</v>
      </c>
      <c r="BD39" s="196">
        <v>0</v>
      </c>
      <c r="BE39" s="197">
        <v>0</v>
      </c>
      <c r="BF39" s="197">
        <v>1</v>
      </c>
      <c r="BG39" s="197">
        <v>3</v>
      </c>
      <c r="BH39" s="195">
        <v>0</v>
      </c>
      <c r="BI39" s="198">
        <v>4</v>
      </c>
      <c r="BJ39" s="200">
        <v>4</v>
      </c>
      <c r="BK39" s="201">
        <v>0</v>
      </c>
      <c r="BL39" s="195">
        <v>0</v>
      </c>
      <c r="BM39" s="195">
        <v>0</v>
      </c>
      <c r="BN39" s="196">
        <v>0</v>
      </c>
      <c r="BO39" s="197">
        <v>0</v>
      </c>
      <c r="BP39" s="197">
        <v>0</v>
      </c>
      <c r="BQ39" s="197">
        <v>2</v>
      </c>
      <c r="BR39" s="195">
        <v>1</v>
      </c>
      <c r="BS39" s="198">
        <v>3</v>
      </c>
      <c r="BT39" s="199">
        <v>3</v>
      </c>
      <c r="BU39" s="194">
        <v>0</v>
      </c>
      <c r="BV39" s="195">
        <v>0</v>
      </c>
      <c r="BW39" s="195">
        <v>0</v>
      </c>
      <c r="BX39" s="196">
        <v>0</v>
      </c>
      <c r="BY39" s="197">
        <v>0</v>
      </c>
      <c r="BZ39" s="197">
        <v>0</v>
      </c>
      <c r="CA39" s="197">
        <v>2</v>
      </c>
      <c r="CB39" s="195">
        <v>1</v>
      </c>
      <c r="CC39" s="198">
        <v>3</v>
      </c>
      <c r="CD39" s="200">
        <v>3</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5</v>
      </c>
      <c r="CV39" s="195">
        <v>0</v>
      </c>
      <c r="CW39" s="198">
        <v>5</v>
      </c>
      <c r="CX39" s="199">
        <v>5</v>
      </c>
      <c r="CY39" s="194">
        <v>0</v>
      </c>
      <c r="CZ39" s="195">
        <v>0</v>
      </c>
      <c r="DA39" s="195">
        <v>0</v>
      </c>
      <c r="DB39" s="196">
        <v>0</v>
      </c>
      <c r="DC39" s="197">
        <v>0</v>
      </c>
      <c r="DD39" s="197">
        <v>0</v>
      </c>
      <c r="DE39" s="197">
        <v>4</v>
      </c>
      <c r="DF39" s="195">
        <v>0</v>
      </c>
      <c r="DG39" s="198">
        <v>4</v>
      </c>
      <c r="DH39" s="200">
        <v>4</v>
      </c>
      <c r="DI39" s="201">
        <v>0</v>
      </c>
      <c r="DJ39" s="195">
        <v>0</v>
      </c>
      <c r="DK39" s="195">
        <v>0</v>
      </c>
      <c r="DL39" s="196">
        <v>0</v>
      </c>
      <c r="DM39" s="197">
        <v>0</v>
      </c>
      <c r="DN39" s="197">
        <v>0</v>
      </c>
      <c r="DO39" s="197">
        <v>1</v>
      </c>
      <c r="DP39" s="195">
        <v>0</v>
      </c>
      <c r="DQ39" s="198">
        <v>1</v>
      </c>
      <c r="DR39" s="200">
        <v>1</v>
      </c>
      <c r="DS39" s="201">
        <v>0</v>
      </c>
      <c r="DT39" s="195">
        <v>0</v>
      </c>
      <c r="DU39" s="195">
        <v>0</v>
      </c>
      <c r="DV39" s="196">
        <v>17</v>
      </c>
      <c r="DW39" s="197">
        <v>26</v>
      </c>
      <c r="DX39" s="197">
        <v>100</v>
      </c>
      <c r="DY39" s="197">
        <v>130</v>
      </c>
      <c r="DZ39" s="195">
        <v>99</v>
      </c>
      <c r="EA39" s="198">
        <v>372</v>
      </c>
      <c r="EB39" s="200">
        <v>372</v>
      </c>
      <c r="EC39" s="37"/>
    </row>
    <row r="40" spans="2:133" ht="21" customHeight="1" thickBot="1" x14ac:dyDescent="0.25">
      <c r="B40" s="63" t="s">
        <v>37</v>
      </c>
      <c r="C40" s="203">
        <v>0</v>
      </c>
      <c r="D40" s="204">
        <v>0</v>
      </c>
      <c r="E40" s="204">
        <v>0</v>
      </c>
      <c r="F40" s="205">
        <v>0</v>
      </c>
      <c r="G40" s="206">
        <v>0</v>
      </c>
      <c r="H40" s="206">
        <v>10</v>
      </c>
      <c r="I40" s="206">
        <v>6</v>
      </c>
      <c r="J40" s="204">
        <v>6</v>
      </c>
      <c r="K40" s="207">
        <v>22</v>
      </c>
      <c r="L40" s="208">
        <v>22</v>
      </c>
      <c r="M40" s="203">
        <v>0</v>
      </c>
      <c r="N40" s="204">
        <v>0</v>
      </c>
      <c r="O40" s="207">
        <v>0</v>
      </c>
      <c r="P40" s="205">
        <v>0</v>
      </c>
      <c r="Q40" s="206">
        <v>0</v>
      </c>
      <c r="R40" s="206">
        <v>10</v>
      </c>
      <c r="S40" s="206">
        <v>6</v>
      </c>
      <c r="T40" s="204">
        <v>6</v>
      </c>
      <c r="U40" s="207">
        <v>22</v>
      </c>
      <c r="V40" s="209">
        <v>22</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0</v>
      </c>
      <c r="AL40" s="206">
        <v>9</v>
      </c>
      <c r="AM40" s="206">
        <v>2</v>
      </c>
      <c r="AN40" s="204">
        <v>1</v>
      </c>
      <c r="AO40" s="207">
        <v>14</v>
      </c>
      <c r="AP40" s="211">
        <v>14</v>
      </c>
      <c r="AQ40" s="210">
        <v>0</v>
      </c>
      <c r="AR40" s="204">
        <v>0</v>
      </c>
      <c r="AS40" s="207">
        <v>0</v>
      </c>
      <c r="AT40" s="205">
        <v>2</v>
      </c>
      <c r="AU40" s="206">
        <v>0</v>
      </c>
      <c r="AV40" s="206">
        <v>9</v>
      </c>
      <c r="AW40" s="206">
        <v>2</v>
      </c>
      <c r="AX40" s="204">
        <v>1</v>
      </c>
      <c r="AY40" s="207">
        <v>14</v>
      </c>
      <c r="AZ40" s="208">
        <v>14</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0</v>
      </c>
      <c r="BR40" s="204">
        <v>0</v>
      </c>
      <c r="BS40" s="207">
        <v>0</v>
      </c>
      <c r="BT40" s="208">
        <v>0</v>
      </c>
      <c r="BU40" s="203">
        <v>0</v>
      </c>
      <c r="BV40" s="204">
        <v>0</v>
      </c>
      <c r="BW40" s="204">
        <v>0</v>
      </c>
      <c r="BX40" s="205">
        <v>0</v>
      </c>
      <c r="BY40" s="206">
        <v>0</v>
      </c>
      <c r="BZ40" s="206">
        <v>0</v>
      </c>
      <c r="CA40" s="206">
        <v>0</v>
      </c>
      <c r="CB40" s="204">
        <v>0</v>
      </c>
      <c r="CC40" s="207">
        <v>0</v>
      </c>
      <c r="CD40" s="209">
        <v>0</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0</v>
      </c>
      <c r="CW40" s="207">
        <v>0</v>
      </c>
      <c r="CX40" s="208">
        <v>0</v>
      </c>
      <c r="CY40" s="203">
        <v>0</v>
      </c>
      <c r="CZ40" s="204">
        <v>0</v>
      </c>
      <c r="DA40" s="204">
        <v>0</v>
      </c>
      <c r="DB40" s="205">
        <v>0</v>
      </c>
      <c r="DC40" s="206">
        <v>0</v>
      </c>
      <c r="DD40" s="206">
        <v>0</v>
      </c>
      <c r="DE40" s="206">
        <v>0</v>
      </c>
      <c r="DF40" s="204">
        <v>0</v>
      </c>
      <c r="DG40" s="207">
        <v>0</v>
      </c>
      <c r="DH40" s="209">
        <v>0</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0</v>
      </c>
      <c r="DX40" s="206">
        <v>19</v>
      </c>
      <c r="DY40" s="206">
        <v>7</v>
      </c>
      <c r="DZ40" s="204">
        <v>7</v>
      </c>
      <c r="EA40" s="207">
        <v>35</v>
      </c>
      <c r="EB40" s="209">
        <v>35</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H1:I1"/>
    <mergeCell ref="K1:L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view="pageBreakPreview" zoomScale="60"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88671875" style="44" customWidth="1"/>
    <col min="2" max="2" width="11.10937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4">
        <f>第１表!F2</f>
        <v>5</v>
      </c>
      <c r="G1" s="524"/>
      <c r="H1" s="248">
        <f>第１表!G2</f>
        <v>5</v>
      </c>
      <c r="I1" s="506">
        <f>H1</f>
        <v>5</v>
      </c>
      <c r="J1" s="506"/>
    </row>
    <row r="2" spans="2:299" ht="24" customHeight="1" thickBot="1" x14ac:dyDescent="0.25">
      <c r="B2" s="20" t="s">
        <v>130</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15" t="s">
        <v>42</v>
      </c>
      <c r="C6" s="51" t="s">
        <v>43</v>
      </c>
      <c r="D6" s="47" t="s">
        <v>44</v>
      </c>
      <c r="E6" s="48" t="s">
        <v>45</v>
      </c>
      <c r="F6" s="52" t="s">
        <v>46</v>
      </c>
      <c r="G6" s="47" t="s">
        <v>47</v>
      </c>
      <c r="H6" s="47" t="s">
        <v>48</v>
      </c>
      <c r="I6" s="47" t="s">
        <v>49</v>
      </c>
      <c r="J6" s="47" t="s">
        <v>50</v>
      </c>
      <c r="K6" s="47" t="s">
        <v>51</v>
      </c>
      <c r="L6" s="48" t="s">
        <v>45</v>
      </c>
      <c r="M6" s="53" t="s">
        <v>52</v>
      </c>
      <c r="N6" s="354" t="s">
        <v>43</v>
      </c>
      <c r="O6" s="355" t="s">
        <v>44</v>
      </c>
      <c r="P6" s="356" t="s">
        <v>45</v>
      </c>
      <c r="Q6" s="357" t="s">
        <v>46</v>
      </c>
      <c r="R6" s="355" t="s">
        <v>47</v>
      </c>
      <c r="S6" s="355" t="s">
        <v>48</v>
      </c>
      <c r="T6" s="355" t="s">
        <v>49</v>
      </c>
      <c r="U6" s="355" t="s">
        <v>50</v>
      </c>
      <c r="V6" s="355" t="s">
        <v>51</v>
      </c>
      <c r="W6" s="356" t="s">
        <v>45</v>
      </c>
      <c r="X6" s="353" t="s">
        <v>52</v>
      </c>
      <c r="Y6" s="354" t="s">
        <v>43</v>
      </c>
      <c r="Z6" s="355" t="s">
        <v>44</v>
      </c>
      <c r="AA6" s="356" t="s">
        <v>45</v>
      </c>
      <c r="AB6" s="357" t="s">
        <v>46</v>
      </c>
      <c r="AC6" s="355" t="s">
        <v>47</v>
      </c>
      <c r="AD6" s="355" t="s">
        <v>48</v>
      </c>
      <c r="AE6" s="355" t="s">
        <v>49</v>
      </c>
      <c r="AF6" s="355" t="s">
        <v>50</v>
      </c>
      <c r="AG6" s="355" t="s">
        <v>51</v>
      </c>
      <c r="AH6" s="356" t="s">
        <v>45</v>
      </c>
      <c r="AI6" s="358" t="s">
        <v>52</v>
      </c>
      <c r="AJ6" s="354" t="s">
        <v>43</v>
      </c>
      <c r="AK6" s="355" t="s">
        <v>44</v>
      </c>
      <c r="AL6" s="356" t="s">
        <v>45</v>
      </c>
      <c r="AM6" s="357" t="s">
        <v>46</v>
      </c>
      <c r="AN6" s="355" t="s">
        <v>47</v>
      </c>
      <c r="AO6" s="355" t="s">
        <v>48</v>
      </c>
      <c r="AP6" s="355" t="s">
        <v>49</v>
      </c>
      <c r="AQ6" s="355" t="s">
        <v>50</v>
      </c>
      <c r="AR6" s="355" t="s">
        <v>51</v>
      </c>
      <c r="AS6" s="356" t="s">
        <v>45</v>
      </c>
      <c r="AT6" s="358" t="s">
        <v>52</v>
      </c>
      <c r="AU6" s="354" t="s">
        <v>43</v>
      </c>
      <c r="AV6" s="355" t="s">
        <v>44</v>
      </c>
      <c r="AW6" s="356" t="s">
        <v>45</v>
      </c>
      <c r="AX6" s="357" t="s">
        <v>46</v>
      </c>
      <c r="AY6" s="355" t="s">
        <v>47</v>
      </c>
      <c r="AZ6" s="355" t="s">
        <v>48</v>
      </c>
      <c r="BA6" s="355" t="s">
        <v>49</v>
      </c>
      <c r="BB6" s="355" t="s">
        <v>50</v>
      </c>
      <c r="BC6" s="355" t="s">
        <v>51</v>
      </c>
      <c r="BD6" s="356" t="s">
        <v>45</v>
      </c>
      <c r="BE6" s="358" t="s">
        <v>52</v>
      </c>
      <c r="BF6" s="354" t="s">
        <v>43</v>
      </c>
      <c r="BG6" s="355" t="s">
        <v>44</v>
      </c>
      <c r="BH6" s="356" t="s">
        <v>45</v>
      </c>
      <c r="BI6" s="357" t="s">
        <v>46</v>
      </c>
      <c r="BJ6" s="355" t="s">
        <v>47</v>
      </c>
      <c r="BK6" s="355" t="s">
        <v>48</v>
      </c>
      <c r="BL6" s="355" t="s">
        <v>49</v>
      </c>
      <c r="BM6" s="355" t="s">
        <v>50</v>
      </c>
      <c r="BN6" s="355" t="s">
        <v>51</v>
      </c>
      <c r="BO6" s="356" t="s">
        <v>45</v>
      </c>
      <c r="BP6" s="358" t="s">
        <v>52</v>
      </c>
      <c r="BQ6" s="354" t="s">
        <v>43</v>
      </c>
      <c r="BR6" s="355" t="s">
        <v>44</v>
      </c>
      <c r="BS6" s="356" t="s">
        <v>45</v>
      </c>
      <c r="BT6" s="357" t="s">
        <v>46</v>
      </c>
      <c r="BU6" s="355" t="s">
        <v>47</v>
      </c>
      <c r="BV6" s="355" t="s">
        <v>48</v>
      </c>
      <c r="BW6" s="355" t="s">
        <v>49</v>
      </c>
      <c r="BX6" s="355" t="s">
        <v>50</v>
      </c>
      <c r="BY6" s="355" t="s">
        <v>51</v>
      </c>
      <c r="BZ6" s="356" t="s">
        <v>45</v>
      </c>
      <c r="CA6" s="358" t="s">
        <v>52</v>
      </c>
      <c r="CB6" s="354" t="s">
        <v>43</v>
      </c>
      <c r="CC6" s="355" t="s">
        <v>44</v>
      </c>
      <c r="CD6" s="356" t="s">
        <v>45</v>
      </c>
      <c r="CE6" s="357" t="s">
        <v>46</v>
      </c>
      <c r="CF6" s="355" t="s">
        <v>47</v>
      </c>
      <c r="CG6" s="355" t="s">
        <v>48</v>
      </c>
      <c r="CH6" s="355" t="s">
        <v>49</v>
      </c>
      <c r="CI6" s="355" t="s">
        <v>50</v>
      </c>
      <c r="CJ6" s="355" t="s">
        <v>51</v>
      </c>
      <c r="CK6" s="356" t="s">
        <v>45</v>
      </c>
      <c r="CL6" s="358" t="s">
        <v>52</v>
      </c>
      <c r="CM6" s="354" t="s">
        <v>43</v>
      </c>
      <c r="CN6" s="355" t="s">
        <v>44</v>
      </c>
      <c r="CO6" s="356" t="s">
        <v>45</v>
      </c>
      <c r="CP6" s="357" t="s">
        <v>46</v>
      </c>
      <c r="CQ6" s="355" t="s">
        <v>47</v>
      </c>
      <c r="CR6" s="355" t="s">
        <v>48</v>
      </c>
      <c r="CS6" s="355" t="s">
        <v>49</v>
      </c>
      <c r="CT6" s="355" t="s">
        <v>50</v>
      </c>
      <c r="CU6" s="355" t="s">
        <v>51</v>
      </c>
      <c r="CV6" s="356" t="s">
        <v>45</v>
      </c>
      <c r="CW6" s="358" t="s">
        <v>52</v>
      </c>
      <c r="CX6" s="51" t="s">
        <v>43</v>
      </c>
      <c r="CY6" s="47" t="s">
        <v>44</v>
      </c>
      <c r="CZ6" s="48" t="s">
        <v>45</v>
      </c>
      <c r="DA6" s="52" t="s">
        <v>46</v>
      </c>
      <c r="DB6" s="47" t="s">
        <v>47</v>
      </c>
      <c r="DC6" s="47" t="s">
        <v>48</v>
      </c>
      <c r="DD6" s="47" t="s">
        <v>49</v>
      </c>
      <c r="DE6" s="47" t="s">
        <v>50</v>
      </c>
      <c r="DF6" s="47" t="s">
        <v>51</v>
      </c>
      <c r="DG6" s="48" t="s">
        <v>45</v>
      </c>
      <c r="DH6" s="53" t="s">
        <v>52</v>
      </c>
      <c r="DI6" s="354" t="s">
        <v>43</v>
      </c>
      <c r="DJ6" s="355" t="s">
        <v>44</v>
      </c>
      <c r="DK6" s="356" t="s">
        <v>45</v>
      </c>
      <c r="DL6" s="357" t="s">
        <v>46</v>
      </c>
      <c r="DM6" s="355" t="s">
        <v>47</v>
      </c>
      <c r="DN6" s="355" t="s">
        <v>48</v>
      </c>
      <c r="DO6" s="355" t="s">
        <v>49</v>
      </c>
      <c r="DP6" s="355" t="s">
        <v>50</v>
      </c>
      <c r="DQ6" s="355" t="s">
        <v>51</v>
      </c>
      <c r="DR6" s="356" t="s">
        <v>45</v>
      </c>
      <c r="DS6" s="358" t="s">
        <v>52</v>
      </c>
      <c r="DT6" s="354" t="s">
        <v>43</v>
      </c>
      <c r="DU6" s="355" t="s">
        <v>44</v>
      </c>
      <c r="DV6" s="356" t="s">
        <v>45</v>
      </c>
      <c r="DW6" s="357" t="s">
        <v>46</v>
      </c>
      <c r="DX6" s="355" t="s">
        <v>47</v>
      </c>
      <c r="DY6" s="355" t="s">
        <v>48</v>
      </c>
      <c r="DZ6" s="355" t="s">
        <v>49</v>
      </c>
      <c r="EA6" s="355" t="s">
        <v>50</v>
      </c>
      <c r="EB6" s="355" t="s">
        <v>51</v>
      </c>
      <c r="EC6" s="356" t="s">
        <v>45</v>
      </c>
      <c r="ED6" s="358" t="s">
        <v>52</v>
      </c>
      <c r="EE6" s="354" t="s">
        <v>43</v>
      </c>
      <c r="EF6" s="355" t="s">
        <v>44</v>
      </c>
      <c r="EG6" s="356" t="s">
        <v>45</v>
      </c>
      <c r="EH6" s="357" t="s">
        <v>46</v>
      </c>
      <c r="EI6" s="355" t="s">
        <v>47</v>
      </c>
      <c r="EJ6" s="355" t="s">
        <v>48</v>
      </c>
      <c r="EK6" s="355" t="s">
        <v>49</v>
      </c>
      <c r="EL6" s="355" t="s">
        <v>50</v>
      </c>
      <c r="EM6" s="355" t="s">
        <v>51</v>
      </c>
      <c r="EN6" s="356" t="s">
        <v>45</v>
      </c>
      <c r="EO6" s="358" t="s">
        <v>52</v>
      </c>
      <c r="EP6" s="354" t="s">
        <v>43</v>
      </c>
      <c r="EQ6" s="355" t="s">
        <v>44</v>
      </c>
      <c r="ER6" s="356" t="s">
        <v>45</v>
      </c>
      <c r="ES6" s="357" t="s">
        <v>46</v>
      </c>
      <c r="ET6" s="355" t="s">
        <v>47</v>
      </c>
      <c r="EU6" s="355" t="s">
        <v>48</v>
      </c>
      <c r="EV6" s="355" t="s">
        <v>49</v>
      </c>
      <c r="EW6" s="355" t="s">
        <v>50</v>
      </c>
      <c r="EX6" s="355" t="s">
        <v>51</v>
      </c>
      <c r="EY6" s="356" t="s">
        <v>45</v>
      </c>
      <c r="EZ6" s="358" t="s">
        <v>52</v>
      </c>
      <c r="FA6" s="354" t="s">
        <v>43</v>
      </c>
      <c r="FB6" s="355" t="s">
        <v>44</v>
      </c>
      <c r="FC6" s="356" t="s">
        <v>45</v>
      </c>
      <c r="FD6" s="357" t="s">
        <v>46</v>
      </c>
      <c r="FE6" s="355" t="s">
        <v>47</v>
      </c>
      <c r="FF6" s="355" t="s">
        <v>48</v>
      </c>
      <c r="FG6" s="355" t="s">
        <v>49</v>
      </c>
      <c r="FH6" s="355" t="s">
        <v>50</v>
      </c>
      <c r="FI6" s="355" t="s">
        <v>51</v>
      </c>
      <c r="FJ6" s="356" t="s">
        <v>45</v>
      </c>
      <c r="FK6" s="358" t="s">
        <v>52</v>
      </c>
      <c r="FL6" s="354" t="s">
        <v>43</v>
      </c>
      <c r="FM6" s="355" t="s">
        <v>44</v>
      </c>
      <c r="FN6" s="356" t="s">
        <v>45</v>
      </c>
      <c r="FO6" s="357" t="s">
        <v>46</v>
      </c>
      <c r="FP6" s="355" t="s">
        <v>47</v>
      </c>
      <c r="FQ6" s="355" t="s">
        <v>48</v>
      </c>
      <c r="FR6" s="355" t="s">
        <v>49</v>
      </c>
      <c r="FS6" s="355" t="s">
        <v>50</v>
      </c>
      <c r="FT6" s="355" t="s">
        <v>51</v>
      </c>
      <c r="FU6" s="356" t="s">
        <v>45</v>
      </c>
      <c r="FV6" s="358" t="s">
        <v>52</v>
      </c>
      <c r="FW6" s="354" t="s">
        <v>43</v>
      </c>
      <c r="FX6" s="355" t="s">
        <v>44</v>
      </c>
      <c r="FY6" s="356" t="s">
        <v>45</v>
      </c>
      <c r="FZ6" s="357" t="s">
        <v>46</v>
      </c>
      <c r="GA6" s="355" t="s">
        <v>47</v>
      </c>
      <c r="GB6" s="355" t="s">
        <v>48</v>
      </c>
      <c r="GC6" s="355" t="s">
        <v>49</v>
      </c>
      <c r="GD6" s="355" t="s">
        <v>50</v>
      </c>
      <c r="GE6" s="355" t="s">
        <v>51</v>
      </c>
      <c r="GF6" s="356" t="s">
        <v>45</v>
      </c>
      <c r="GG6" s="358" t="s">
        <v>52</v>
      </c>
      <c r="GH6" s="354" t="s">
        <v>43</v>
      </c>
      <c r="GI6" s="355" t="s">
        <v>44</v>
      </c>
      <c r="GJ6" s="356" t="s">
        <v>45</v>
      </c>
      <c r="GK6" s="357" t="s">
        <v>46</v>
      </c>
      <c r="GL6" s="355" t="s">
        <v>47</v>
      </c>
      <c r="GM6" s="355" t="s">
        <v>48</v>
      </c>
      <c r="GN6" s="355" t="s">
        <v>49</v>
      </c>
      <c r="GO6" s="355" t="s">
        <v>50</v>
      </c>
      <c r="GP6" s="355" t="s">
        <v>51</v>
      </c>
      <c r="GQ6" s="356" t="s">
        <v>45</v>
      </c>
      <c r="GR6" s="358" t="s">
        <v>52</v>
      </c>
      <c r="GS6" s="51" t="s">
        <v>43</v>
      </c>
      <c r="GT6" s="47" t="s">
        <v>44</v>
      </c>
      <c r="GU6" s="48" t="s">
        <v>45</v>
      </c>
      <c r="GV6" s="52" t="s">
        <v>46</v>
      </c>
      <c r="GW6" s="47" t="s">
        <v>47</v>
      </c>
      <c r="GX6" s="47" t="s">
        <v>48</v>
      </c>
      <c r="GY6" s="47" t="s">
        <v>49</v>
      </c>
      <c r="GZ6" s="47" t="s">
        <v>50</v>
      </c>
      <c r="HA6" s="47" t="s">
        <v>51</v>
      </c>
      <c r="HB6" s="48" t="s">
        <v>45</v>
      </c>
      <c r="HC6" s="53" t="s">
        <v>52</v>
      </c>
      <c r="HD6" s="354" t="s">
        <v>43</v>
      </c>
      <c r="HE6" s="355" t="s">
        <v>44</v>
      </c>
      <c r="HF6" s="356" t="s">
        <v>45</v>
      </c>
      <c r="HG6" s="357" t="s">
        <v>46</v>
      </c>
      <c r="HH6" s="355" t="s">
        <v>47</v>
      </c>
      <c r="HI6" s="355" t="s">
        <v>48</v>
      </c>
      <c r="HJ6" s="355" t="s">
        <v>49</v>
      </c>
      <c r="HK6" s="355" t="s">
        <v>50</v>
      </c>
      <c r="HL6" s="355" t="s">
        <v>51</v>
      </c>
      <c r="HM6" s="356" t="s">
        <v>45</v>
      </c>
      <c r="HN6" s="358" t="s">
        <v>52</v>
      </c>
      <c r="HO6" s="354" t="s">
        <v>43</v>
      </c>
      <c r="HP6" s="355" t="s">
        <v>44</v>
      </c>
      <c r="HQ6" s="356" t="s">
        <v>45</v>
      </c>
      <c r="HR6" s="357" t="s">
        <v>46</v>
      </c>
      <c r="HS6" s="355" t="s">
        <v>47</v>
      </c>
      <c r="HT6" s="355" t="s">
        <v>48</v>
      </c>
      <c r="HU6" s="355" t="s">
        <v>49</v>
      </c>
      <c r="HV6" s="355" t="s">
        <v>50</v>
      </c>
      <c r="HW6" s="355" t="s">
        <v>51</v>
      </c>
      <c r="HX6" s="356" t="s">
        <v>45</v>
      </c>
      <c r="HY6" s="358" t="s">
        <v>52</v>
      </c>
      <c r="HZ6" s="354" t="s">
        <v>43</v>
      </c>
      <c r="IA6" s="355" t="s">
        <v>44</v>
      </c>
      <c r="IB6" s="356" t="s">
        <v>45</v>
      </c>
      <c r="IC6" s="357" t="s">
        <v>46</v>
      </c>
      <c r="ID6" s="355" t="s">
        <v>47</v>
      </c>
      <c r="IE6" s="355" t="s">
        <v>48</v>
      </c>
      <c r="IF6" s="355" t="s">
        <v>49</v>
      </c>
      <c r="IG6" s="355" t="s">
        <v>50</v>
      </c>
      <c r="IH6" s="355" t="s">
        <v>51</v>
      </c>
      <c r="II6" s="356" t="s">
        <v>45</v>
      </c>
      <c r="IJ6" s="358" t="s">
        <v>52</v>
      </c>
      <c r="IK6" s="354" t="s">
        <v>43</v>
      </c>
      <c r="IL6" s="355" t="s">
        <v>44</v>
      </c>
      <c r="IM6" s="356" t="s">
        <v>45</v>
      </c>
      <c r="IN6" s="357" t="s">
        <v>46</v>
      </c>
      <c r="IO6" s="355" t="s">
        <v>47</v>
      </c>
      <c r="IP6" s="355" t="s">
        <v>48</v>
      </c>
      <c r="IQ6" s="355" t="s">
        <v>49</v>
      </c>
      <c r="IR6" s="355" t="s">
        <v>50</v>
      </c>
      <c r="IS6" s="355" t="s">
        <v>51</v>
      </c>
      <c r="IT6" s="356" t="s">
        <v>45</v>
      </c>
      <c r="IU6" s="358" t="s">
        <v>52</v>
      </c>
      <c r="IV6" s="354" t="s">
        <v>43</v>
      </c>
      <c r="IW6" s="355" t="s">
        <v>44</v>
      </c>
      <c r="IX6" s="356" t="s">
        <v>45</v>
      </c>
      <c r="IY6" s="357" t="s">
        <v>46</v>
      </c>
      <c r="IZ6" s="355" t="s">
        <v>47</v>
      </c>
      <c r="JA6" s="355" t="s">
        <v>48</v>
      </c>
      <c r="JB6" s="355" t="s">
        <v>49</v>
      </c>
      <c r="JC6" s="355" t="s">
        <v>50</v>
      </c>
      <c r="JD6" s="355" t="s">
        <v>51</v>
      </c>
      <c r="JE6" s="356" t="s">
        <v>45</v>
      </c>
      <c r="JF6" s="358" t="s">
        <v>52</v>
      </c>
      <c r="JG6" s="354" t="s">
        <v>43</v>
      </c>
      <c r="JH6" s="355" t="s">
        <v>44</v>
      </c>
      <c r="JI6" s="356" t="s">
        <v>45</v>
      </c>
      <c r="JJ6" s="357" t="s">
        <v>46</v>
      </c>
      <c r="JK6" s="355" t="s">
        <v>47</v>
      </c>
      <c r="JL6" s="355" t="s">
        <v>48</v>
      </c>
      <c r="JM6" s="355" t="s">
        <v>49</v>
      </c>
      <c r="JN6" s="355" t="s">
        <v>50</v>
      </c>
      <c r="JO6" s="355" t="s">
        <v>51</v>
      </c>
      <c r="JP6" s="356" t="s">
        <v>45</v>
      </c>
      <c r="JQ6" s="358" t="s">
        <v>52</v>
      </c>
      <c r="JR6" s="354" t="s">
        <v>43</v>
      </c>
      <c r="JS6" s="355" t="s">
        <v>44</v>
      </c>
      <c r="JT6" s="356" t="s">
        <v>45</v>
      </c>
      <c r="JU6" s="357" t="s">
        <v>46</v>
      </c>
      <c r="JV6" s="355" t="s">
        <v>47</v>
      </c>
      <c r="JW6" s="355" t="s">
        <v>48</v>
      </c>
      <c r="JX6" s="355" t="s">
        <v>49</v>
      </c>
      <c r="JY6" s="355" t="s">
        <v>50</v>
      </c>
      <c r="JZ6" s="355" t="s">
        <v>51</v>
      </c>
      <c r="KA6" s="356" t="s">
        <v>45</v>
      </c>
      <c r="KB6" s="358" t="s">
        <v>52</v>
      </c>
      <c r="KC6" s="354" t="s">
        <v>43</v>
      </c>
      <c r="KD6" s="355" t="s">
        <v>44</v>
      </c>
      <c r="KE6" s="356" t="s">
        <v>45</v>
      </c>
      <c r="KF6" s="357" t="s">
        <v>46</v>
      </c>
      <c r="KG6" s="355" t="s">
        <v>47</v>
      </c>
      <c r="KH6" s="355" t="s">
        <v>48</v>
      </c>
      <c r="KI6" s="355" t="s">
        <v>49</v>
      </c>
      <c r="KJ6" s="355" t="s">
        <v>50</v>
      </c>
      <c r="KK6" s="355" t="s">
        <v>51</v>
      </c>
      <c r="KL6" s="356" t="s">
        <v>45</v>
      </c>
      <c r="KM6" s="358" t="s">
        <v>52</v>
      </c>
    </row>
    <row r="7" spans="2:299" ht="21" customHeight="1" x14ac:dyDescent="0.2">
      <c r="B7" s="125" t="s">
        <v>4</v>
      </c>
      <c r="C7" s="312">
        <v>19833</v>
      </c>
      <c r="D7" s="78">
        <v>20198</v>
      </c>
      <c r="E7" s="79">
        <v>40031</v>
      </c>
      <c r="F7" s="240"/>
      <c r="G7" s="78">
        <v>30310</v>
      </c>
      <c r="H7" s="78">
        <v>29735</v>
      </c>
      <c r="I7" s="78">
        <v>20451</v>
      </c>
      <c r="J7" s="78">
        <v>17315</v>
      </c>
      <c r="K7" s="78">
        <v>10588</v>
      </c>
      <c r="L7" s="80">
        <v>108399</v>
      </c>
      <c r="M7" s="81">
        <v>148430</v>
      </c>
      <c r="N7" s="66">
        <v>859</v>
      </c>
      <c r="O7" s="67">
        <v>991</v>
      </c>
      <c r="P7" s="68">
        <v>1850</v>
      </c>
      <c r="Q7" s="243"/>
      <c r="R7" s="67">
        <v>1329</v>
      </c>
      <c r="S7" s="67">
        <v>1490</v>
      </c>
      <c r="T7" s="67">
        <v>1005</v>
      </c>
      <c r="U7" s="67">
        <v>934</v>
      </c>
      <c r="V7" s="67">
        <v>768</v>
      </c>
      <c r="W7" s="68">
        <v>5526</v>
      </c>
      <c r="X7" s="69">
        <v>7376</v>
      </c>
      <c r="Y7" s="66">
        <v>1926</v>
      </c>
      <c r="Z7" s="67">
        <v>2332</v>
      </c>
      <c r="AA7" s="68">
        <v>4258</v>
      </c>
      <c r="AB7" s="243"/>
      <c r="AC7" s="67">
        <v>2886</v>
      </c>
      <c r="AD7" s="67">
        <v>3367</v>
      </c>
      <c r="AE7" s="67">
        <v>2357</v>
      </c>
      <c r="AF7" s="67">
        <v>1997</v>
      </c>
      <c r="AG7" s="67">
        <v>1469</v>
      </c>
      <c r="AH7" s="68">
        <v>12076</v>
      </c>
      <c r="AI7" s="69">
        <v>16334</v>
      </c>
      <c r="AJ7" s="66">
        <v>3079</v>
      </c>
      <c r="AK7" s="67">
        <v>3361</v>
      </c>
      <c r="AL7" s="68">
        <v>6440</v>
      </c>
      <c r="AM7" s="243"/>
      <c r="AN7" s="67">
        <v>4884</v>
      </c>
      <c r="AO7" s="67">
        <v>4897</v>
      </c>
      <c r="AP7" s="67">
        <v>3344</v>
      </c>
      <c r="AQ7" s="67">
        <v>2855</v>
      </c>
      <c r="AR7" s="67">
        <v>1922</v>
      </c>
      <c r="AS7" s="68">
        <v>17902</v>
      </c>
      <c r="AT7" s="69">
        <v>24342</v>
      </c>
      <c r="AU7" s="66">
        <v>5048</v>
      </c>
      <c r="AV7" s="67">
        <v>4900</v>
      </c>
      <c r="AW7" s="68">
        <v>9948</v>
      </c>
      <c r="AX7" s="243"/>
      <c r="AY7" s="67">
        <v>7632</v>
      </c>
      <c r="AZ7" s="67">
        <v>7049</v>
      </c>
      <c r="BA7" s="67">
        <v>4662</v>
      </c>
      <c r="BB7" s="67">
        <v>3849</v>
      </c>
      <c r="BC7" s="67">
        <v>2384</v>
      </c>
      <c r="BD7" s="68">
        <v>25576</v>
      </c>
      <c r="BE7" s="69">
        <v>35524</v>
      </c>
      <c r="BF7" s="66">
        <v>5613</v>
      </c>
      <c r="BG7" s="67">
        <v>5224</v>
      </c>
      <c r="BH7" s="68">
        <v>10837</v>
      </c>
      <c r="BI7" s="243"/>
      <c r="BJ7" s="67">
        <v>8136</v>
      </c>
      <c r="BK7" s="67">
        <v>7273</v>
      </c>
      <c r="BL7" s="67">
        <v>4983</v>
      </c>
      <c r="BM7" s="67">
        <v>4194</v>
      </c>
      <c r="BN7" s="67">
        <v>2279</v>
      </c>
      <c r="BO7" s="68">
        <v>26865</v>
      </c>
      <c r="BP7" s="69">
        <v>37702</v>
      </c>
      <c r="BQ7" s="66">
        <v>3308</v>
      </c>
      <c r="BR7" s="67">
        <v>3390</v>
      </c>
      <c r="BS7" s="68">
        <v>6698</v>
      </c>
      <c r="BT7" s="243"/>
      <c r="BU7" s="67">
        <v>5443</v>
      </c>
      <c r="BV7" s="67">
        <v>5659</v>
      </c>
      <c r="BW7" s="67">
        <v>4100</v>
      </c>
      <c r="BX7" s="67">
        <v>3486</v>
      </c>
      <c r="BY7" s="67">
        <v>1766</v>
      </c>
      <c r="BZ7" s="68">
        <v>20454</v>
      </c>
      <c r="CA7" s="69">
        <v>27152</v>
      </c>
      <c r="CB7" s="66">
        <v>494</v>
      </c>
      <c r="CC7" s="67">
        <v>769</v>
      </c>
      <c r="CD7" s="68">
        <v>1263</v>
      </c>
      <c r="CE7" s="243"/>
      <c r="CF7" s="67">
        <v>880</v>
      </c>
      <c r="CG7" s="67">
        <v>1327</v>
      </c>
      <c r="CH7" s="67">
        <v>849</v>
      </c>
      <c r="CI7" s="67">
        <v>797</v>
      </c>
      <c r="CJ7" s="67">
        <v>728</v>
      </c>
      <c r="CK7" s="68">
        <v>4581</v>
      </c>
      <c r="CL7" s="69">
        <v>5844</v>
      </c>
      <c r="CM7" s="66">
        <v>20327</v>
      </c>
      <c r="CN7" s="67">
        <v>20967</v>
      </c>
      <c r="CO7" s="68">
        <v>41294</v>
      </c>
      <c r="CP7" s="243"/>
      <c r="CQ7" s="67">
        <v>31190</v>
      </c>
      <c r="CR7" s="67">
        <v>31062</v>
      </c>
      <c r="CS7" s="67">
        <v>21300</v>
      </c>
      <c r="CT7" s="67">
        <v>18112</v>
      </c>
      <c r="CU7" s="67">
        <v>11316</v>
      </c>
      <c r="CV7" s="68">
        <v>112980</v>
      </c>
      <c r="CW7" s="69">
        <v>154274</v>
      </c>
      <c r="CX7" s="122">
        <v>38103</v>
      </c>
      <c r="CY7" s="78">
        <v>44074</v>
      </c>
      <c r="CZ7" s="79">
        <v>82177</v>
      </c>
      <c r="DA7" s="240"/>
      <c r="DB7" s="78">
        <v>55389</v>
      </c>
      <c r="DC7" s="78">
        <v>52042</v>
      </c>
      <c r="DD7" s="78">
        <v>39043</v>
      </c>
      <c r="DE7" s="78">
        <v>38593</v>
      </c>
      <c r="DF7" s="78">
        <v>25685</v>
      </c>
      <c r="DG7" s="80">
        <v>210752</v>
      </c>
      <c r="DH7" s="81">
        <v>292929</v>
      </c>
      <c r="DI7" s="66">
        <v>841</v>
      </c>
      <c r="DJ7" s="67">
        <v>1032</v>
      </c>
      <c r="DK7" s="68">
        <v>1873</v>
      </c>
      <c r="DL7" s="243"/>
      <c r="DM7" s="67">
        <v>983</v>
      </c>
      <c r="DN7" s="67">
        <v>1042</v>
      </c>
      <c r="DO7" s="67">
        <v>673</v>
      </c>
      <c r="DP7" s="67">
        <v>708</v>
      </c>
      <c r="DQ7" s="67">
        <v>601</v>
      </c>
      <c r="DR7" s="68">
        <v>4007</v>
      </c>
      <c r="DS7" s="69">
        <v>5880</v>
      </c>
      <c r="DT7" s="66">
        <v>2554</v>
      </c>
      <c r="DU7" s="67">
        <v>3071</v>
      </c>
      <c r="DV7" s="68">
        <v>5625</v>
      </c>
      <c r="DW7" s="243"/>
      <c r="DX7" s="67">
        <v>2920</v>
      </c>
      <c r="DY7" s="67">
        <v>2917</v>
      </c>
      <c r="DZ7" s="67">
        <v>1830</v>
      </c>
      <c r="EA7" s="67">
        <v>1804</v>
      </c>
      <c r="EB7" s="67">
        <v>1411</v>
      </c>
      <c r="EC7" s="68">
        <v>10882</v>
      </c>
      <c r="ED7" s="69">
        <v>16507</v>
      </c>
      <c r="EE7" s="66">
        <v>5958</v>
      </c>
      <c r="EF7" s="67">
        <v>6603</v>
      </c>
      <c r="EG7" s="68">
        <v>12561</v>
      </c>
      <c r="EH7" s="243"/>
      <c r="EI7" s="67">
        <v>6689</v>
      </c>
      <c r="EJ7" s="67">
        <v>5671</v>
      </c>
      <c r="EK7" s="67">
        <v>3722</v>
      </c>
      <c r="EL7" s="67">
        <v>3400</v>
      </c>
      <c r="EM7" s="67">
        <v>2700</v>
      </c>
      <c r="EN7" s="68">
        <v>22182</v>
      </c>
      <c r="EO7" s="69">
        <v>34743</v>
      </c>
      <c r="EP7" s="66">
        <v>11494</v>
      </c>
      <c r="EQ7" s="67">
        <v>11733</v>
      </c>
      <c r="ER7" s="68">
        <v>23227</v>
      </c>
      <c r="ES7" s="243"/>
      <c r="ET7" s="67">
        <v>13216</v>
      </c>
      <c r="EU7" s="67">
        <v>10809</v>
      </c>
      <c r="EV7" s="67">
        <v>7049</v>
      </c>
      <c r="EW7" s="67">
        <v>6377</v>
      </c>
      <c r="EX7" s="67">
        <v>4450</v>
      </c>
      <c r="EY7" s="68">
        <v>41901</v>
      </c>
      <c r="EZ7" s="69">
        <v>65128</v>
      </c>
      <c r="FA7" s="66">
        <v>11299</v>
      </c>
      <c r="FB7" s="67">
        <v>13038</v>
      </c>
      <c r="FC7" s="68">
        <v>24337</v>
      </c>
      <c r="FD7" s="243"/>
      <c r="FE7" s="67">
        <v>17080</v>
      </c>
      <c r="FF7" s="67">
        <v>15042</v>
      </c>
      <c r="FG7" s="67">
        <v>10779</v>
      </c>
      <c r="FH7" s="67">
        <v>9921</v>
      </c>
      <c r="FI7" s="67">
        <v>6611</v>
      </c>
      <c r="FJ7" s="68">
        <v>59433</v>
      </c>
      <c r="FK7" s="69">
        <v>83770</v>
      </c>
      <c r="FL7" s="66">
        <v>5957</v>
      </c>
      <c r="FM7" s="67">
        <v>8597</v>
      </c>
      <c r="FN7" s="68">
        <v>14554</v>
      </c>
      <c r="FO7" s="243"/>
      <c r="FP7" s="67">
        <v>14501</v>
      </c>
      <c r="FQ7" s="67">
        <v>16561</v>
      </c>
      <c r="FR7" s="67">
        <v>14990</v>
      </c>
      <c r="FS7" s="67">
        <v>16383</v>
      </c>
      <c r="FT7" s="67">
        <v>9912</v>
      </c>
      <c r="FU7" s="68">
        <v>72347</v>
      </c>
      <c r="FV7" s="69">
        <v>86901</v>
      </c>
      <c r="FW7" s="66">
        <v>356</v>
      </c>
      <c r="FX7" s="67">
        <v>676</v>
      </c>
      <c r="FY7" s="68">
        <v>1032</v>
      </c>
      <c r="FZ7" s="243"/>
      <c r="GA7" s="67">
        <v>720</v>
      </c>
      <c r="GB7" s="67">
        <v>1018</v>
      </c>
      <c r="GC7" s="67">
        <v>615</v>
      </c>
      <c r="GD7" s="67">
        <v>589</v>
      </c>
      <c r="GE7" s="67">
        <v>610</v>
      </c>
      <c r="GF7" s="68">
        <v>3552</v>
      </c>
      <c r="GG7" s="69">
        <v>4584</v>
      </c>
      <c r="GH7" s="66">
        <v>38459</v>
      </c>
      <c r="GI7" s="67">
        <v>44750</v>
      </c>
      <c r="GJ7" s="68">
        <v>83209</v>
      </c>
      <c r="GK7" s="243"/>
      <c r="GL7" s="67">
        <v>56109</v>
      </c>
      <c r="GM7" s="67">
        <v>53060</v>
      </c>
      <c r="GN7" s="67">
        <v>39658</v>
      </c>
      <c r="GO7" s="67">
        <v>39182</v>
      </c>
      <c r="GP7" s="67">
        <v>26295</v>
      </c>
      <c r="GQ7" s="68">
        <v>214304</v>
      </c>
      <c r="GR7" s="69">
        <v>297513</v>
      </c>
      <c r="GS7" s="122">
        <v>57936</v>
      </c>
      <c r="GT7" s="78">
        <v>64272</v>
      </c>
      <c r="GU7" s="79">
        <v>122208</v>
      </c>
      <c r="GV7" s="240"/>
      <c r="GW7" s="78">
        <v>85699</v>
      </c>
      <c r="GX7" s="78">
        <v>81777</v>
      </c>
      <c r="GY7" s="78">
        <v>59494</v>
      </c>
      <c r="GZ7" s="78">
        <v>55908</v>
      </c>
      <c r="HA7" s="78">
        <v>36273</v>
      </c>
      <c r="HB7" s="80">
        <v>319151</v>
      </c>
      <c r="HC7" s="81">
        <v>441359</v>
      </c>
      <c r="HD7" s="66">
        <v>1700</v>
      </c>
      <c r="HE7" s="67">
        <v>2023</v>
      </c>
      <c r="HF7" s="68">
        <v>3723</v>
      </c>
      <c r="HG7" s="243"/>
      <c r="HH7" s="67">
        <v>2312</v>
      </c>
      <c r="HI7" s="67">
        <v>2532</v>
      </c>
      <c r="HJ7" s="67">
        <v>1678</v>
      </c>
      <c r="HK7" s="67">
        <v>1642</v>
      </c>
      <c r="HL7" s="67">
        <v>1369</v>
      </c>
      <c r="HM7" s="68">
        <v>9533</v>
      </c>
      <c r="HN7" s="69">
        <v>13256</v>
      </c>
      <c r="HO7" s="66">
        <v>4480</v>
      </c>
      <c r="HP7" s="67">
        <v>5403</v>
      </c>
      <c r="HQ7" s="68">
        <v>9883</v>
      </c>
      <c r="HR7" s="243"/>
      <c r="HS7" s="67">
        <v>5806</v>
      </c>
      <c r="HT7" s="67">
        <v>6284</v>
      </c>
      <c r="HU7" s="67">
        <v>4187</v>
      </c>
      <c r="HV7" s="67">
        <v>3801</v>
      </c>
      <c r="HW7" s="67">
        <v>2880</v>
      </c>
      <c r="HX7" s="68">
        <v>22958</v>
      </c>
      <c r="HY7" s="69">
        <v>32841</v>
      </c>
      <c r="HZ7" s="66">
        <v>9037</v>
      </c>
      <c r="IA7" s="67">
        <v>9964</v>
      </c>
      <c r="IB7" s="68">
        <v>19001</v>
      </c>
      <c r="IC7" s="243"/>
      <c r="ID7" s="67">
        <v>11573</v>
      </c>
      <c r="IE7" s="67">
        <v>10568</v>
      </c>
      <c r="IF7" s="67">
        <v>7066</v>
      </c>
      <c r="IG7" s="67">
        <v>6255</v>
      </c>
      <c r="IH7" s="67">
        <v>4622</v>
      </c>
      <c r="II7" s="68">
        <v>40084</v>
      </c>
      <c r="IJ7" s="69">
        <v>59085</v>
      </c>
      <c r="IK7" s="66">
        <v>16542</v>
      </c>
      <c r="IL7" s="67">
        <v>16633</v>
      </c>
      <c r="IM7" s="68">
        <v>33175</v>
      </c>
      <c r="IN7" s="243"/>
      <c r="IO7" s="67">
        <v>20848</v>
      </c>
      <c r="IP7" s="67">
        <v>17858</v>
      </c>
      <c r="IQ7" s="67">
        <v>11711</v>
      </c>
      <c r="IR7" s="67">
        <v>10226</v>
      </c>
      <c r="IS7" s="67">
        <v>6834</v>
      </c>
      <c r="IT7" s="68">
        <v>67477</v>
      </c>
      <c r="IU7" s="69">
        <v>100652</v>
      </c>
      <c r="IV7" s="66">
        <v>16912</v>
      </c>
      <c r="IW7" s="67">
        <v>18262</v>
      </c>
      <c r="IX7" s="68">
        <v>35174</v>
      </c>
      <c r="IY7" s="243"/>
      <c r="IZ7" s="67">
        <v>25216</v>
      </c>
      <c r="JA7" s="67">
        <v>22315</v>
      </c>
      <c r="JB7" s="67">
        <v>15762</v>
      </c>
      <c r="JC7" s="67">
        <v>14115</v>
      </c>
      <c r="JD7" s="67">
        <v>8890</v>
      </c>
      <c r="JE7" s="68">
        <v>86298</v>
      </c>
      <c r="JF7" s="69">
        <v>121472</v>
      </c>
      <c r="JG7" s="66">
        <v>9265</v>
      </c>
      <c r="JH7" s="67">
        <v>11987</v>
      </c>
      <c r="JI7" s="68">
        <v>21252</v>
      </c>
      <c r="JJ7" s="243"/>
      <c r="JK7" s="67">
        <v>19944</v>
      </c>
      <c r="JL7" s="67">
        <v>22220</v>
      </c>
      <c r="JM7" s="67">
        <v>19090</v>
      </c>
      <c r="JN7" s="67">
        <v>19869</v>
      </c>
      <c r="JO7" s="67">
        <v>11678</v>
      </c>
      <c r="JP7" s="68">
        <v>92801</v>
      </c>
      <c r="JQ7" s="69">
        <v>114053</v>
      </c>
      <c r="JR7" s="66">
        <v>850</v>
      </c>
      <c r="JS7" s="67">
        <v>1445</v>
      </c>
      <c r="JT7" s="68">
        <v>2295</v>
      </c>
      <c r="JU7" s="243"/>
      <c r="JV7" s="67">
        <v>1600</v>
      </c>
      <c r="JW7" s="67">
        <v>2345</v>
      </c>
      <c r="JX7" s="67">
        <v>1464</v>
      </c>
      <c r="JY7" s="67">
        <v>1386</v>
      </c>
      <c r="JZ7" s="67">
        <v>1338</v>
      </c>
      <c r="KA7" s="68">
        <v>8133</v>
      </c>
      <c r="KB7" s="69">
        <v>10428</v>
      </c>
      <c r="KC7" s="66">
        <v>58786</v>
      </c>
      <c r="KD7" s="67">
        <v>65717</v>
      </c>
      <c r="KE7" s="68">
        <v>124503</v>
      </c>
      <c r="KF7" s="243"/>
      <c r="KG7" s="67">
        <v>87299</v>
      </c>
      <c r="KH7" s="67">
        <v>84122</v>
      </c>
      <c r="KI7" s="67">
        <v>60958</v>
      </c>
      <c r="KJ7" s="67">
        <v>57294</v>
      </c>
      <c r="KK7" s="67">
        <v>37611</v>
      </c>
      <c r="KL7" s="68">
        <v>327284</v>
      </c>
      <c r="KM7" s="69">
        <v>451787</v>
      </c>
    </row>
    <row r="8" spans="2:299" ht="21" customHeight="1" x14ac:dyDescent="0.2">
      <c r="B8" s="126" t="s">
        <v>5</v>
      </c>
      <c r="C8" s="313">
        <v>8056</v>
      </c>
      <c r="D8" s="82">
        <v>9442</v>
      </c>
      <c r="E8" s="83">
        <v>17498</v>
      </c>
      <c r="F8" s="241"/>
      <c r="G8" s="82">
        <v>10092</v>
      </c>
      <c r="H8" s="82">
        <v>13140</v>
      </c>
      <c r="I8" s="82">
        <v>8509</v>
      </c>
      <c r="J8" s="82">
        <v>7153</v>
      </c>
      <c r="K8" s="82">
        <v>4371</v>
      </c>
      <c r="L8" s="84">
        <v>43265</v>
      </c>
      <c r="M8" s="85">
        <v>60763</v>
      </c>
      <c r="N8" s="70">
        <v>345</v>
      </c>
      <c r="O8" s="71">
        <v>453</v>
      </c>
      <c r="P8" s="72">
        <v>798</v>
      </c>
      <c r="Q8" s="244"/>
      <c r="R8" s="71">
        <v>401</v>
      </c>
      <c r="S8" s="71">
        <v>666</v>
      </c>
      <c r="T8" s="71">
        <v>414</v>
      </c>
      <c r="U8" s="71">
        <v>382</v>
      </c>
      <c r="V8" s="71">
        <v>312</v>
      </c>
      <c r="W8" s="72">
        <v>2175</v>
      </c>
      <c r="X8" s="73">
        <v>2973</v>
      </c>
      <c r="Y8" s="70">
        <v>729</v>
      </c>
      <c r="Z8" s="71">
        <v>1026</v>
      </c>
      <c r="AA8" s="72">
        <v>1755</v>
      </c>
      <c r="AB8" s="244"/>
      <c r="AC8" s="71">
        <v>868</v>
      </c>
      <c r="AD8" s="71">
        <v>1452</v>
      </c>
      <c r="AE8" s="71">
        <v>1012</v>
      </c>
      <c r="AF8" s="71">
        <v>829</v>
      </c>
      <c r="AG8" s="71">
        <v>623</v>
      </c>
      <c r="AH8" s="72">
        <v>4784</v>
      </c>
      <c r="AI8" s="73">
        <v>6539</v>
      </c>
      <c r="AJ8" s="70">
        <v>1215</v>
      </c>
      <c r="AK8" s="71">
        <v>1542</v>
      </c>
      <c r="AL8" s="72">
        <v>2757</v>
      </c>
      <c r="AM8" s="244"/>
      <c r="AN8" s="71">
        <v>1585</v>
      </c>
      <c r="AO8" s="71">
        <v>2132</v>
      </c>
      <c r="AP8" s="71">
        <v>1362</v>
      </c>
      <c r="AQ8" s="71">
        <v>1139</v>
      </c>
      <c r="AR8" s="71">
        <v>751</v>
      </c>
      <c r="AS8" s="72">
        <v>6969</v>
      </c>
      <c r="AT8" s="73">
        <v>9726</v>
      </c>
      <c r="AU8" s="70">
        <v>2037</v>
      </c>
      <c r="AV8" s="71">
        <v>2253</v>
      </c>
      <c r="AW8" s="72">
        <v>4290</v>
      </c>
      <c r="AX8" s="244"/>
      <c r="AY8" s="71">
        <v>2450</v>
      </c>
      <c r="AZ8" s="71">
        <v>3011</v>
      </c>
      <c r="BA8" s="71">
        <v>1834</v>
      </c>
      <c r="BB8" s="71">
        <v>1609</v>
      </c>
      <c r="BC8" s="71">
        <v>958</v>
      </c>
      <c r="BD8" s="72">
        <v>9862</v>
      </c>
      <c r="BE8" s="73">
        <v>14152</v>
      </c>
      <c r="BF8" s="70">
        <v>2353</v>
      </c>
      <c r="BG8" s="71">
        <v>2476</v>
      </c>
      <c r="BH8" s="72">
        <v>4829</v>
      </c>
      <c r="BI8" s="244"/>
      <c r="BJ8" s="71">
        <v>2859</v>
      </c>
      <c r="BK8" s="71">
        <v>3294</v>
      </c>
      <c r="BL8" s="71">
        <v>2072</v>
      </c>
      <c r="BM8" s="71">
        <v>1719</v>
      </c>
      <c r="BN8" s="71">
        <v>941</v>
      </c>
      <c r="BO8" s="72">
        <v>10885</v>
      </c>
      <c r="BP8" s="73">
        <v>15714</v>
      </c>
      <c r="BQ8" s="70">
        <v>1377</v>
      </c>
      <c r="BR8" s="71">
        <v>1692</v>
      </c>
      <c r="BS8" s="72">
        <v>3069</v>
      </c>
      <c r="BT8" s="244"/>
      <c r="BU8" s="71">
        <v>1929</v>
      </c>
      <c r="BV8" s="71">
        <v>2585</v>
      </c>
      <c r="BW8" s="71">
        <v>1815</v>
      </c>
      <c r="BX8" s="71">
        <v>1475</v>
      </c>
      <c r="BY8" s="71">
        <v>786</v>
      </c>
      <c r="BZ8" s="72">
        <v>8590</v>
      </c>
      <c r="CA8" s="73">
        <v>11659</v>
      </c>
      <c r="CB8" s="70">
        <v>177</v>
      </c>
      <c r="CC8" s="71">
        <v>337</v>
      </c>
      <c r="CD8" s="72">
        <v>514</v>
      </c>
      <c r="CE8" s="244"/>
      <c r="CF8" s="71">
        <v>247</v>
      </c>
      <c r="CG8" s="71">
        <v>603</v>
      </c>
      <c r="CH8" s="71">
        <v>381</v>
      </c>
      <c r="CI8" s="71">
        <v>332</v>
      </c>
      <c r="CJ8" s="71">
        <v>321</v>
      </c>
      <c r="CK8" s="72">
        <v>1884</v>
      </c>
      <c r="CL8" s="73">
        <v>2398</v>
      </c>
      <c r="CM8" s="70">
        <v>8233</v>
      </c>
      <c r="CN8" s="71">
        <v>9779</v>
      </c>
      <c r="CO8" s="72">
        <v>18012</v>
      </c>
      <c r="CP8" s="244"/>
      <c r="CQ8" s="71">
        <v>10339</v>
      </c>
      <c r="CR8" s="71">
        <v>13743</v>
      </c>
      <c r="CS8" s="71">
        <v>8890</v>
      </c>
      <c r="CT8" s="71">
        <v>7485</v>
      </c>
      <c r="CU8" s="71">
        <v>4692</v>
      </c>
      <c r="CV8" s="72">
        <v>45149</v>
      </c>
      <c r="CW8" s="73">
        <v>63161</v>
      </c>
      <c r="CX8" s="123">
        <v>14943</v>
      </c>
      <c r="CY8" s="82">
        <v>19656</v>
      </c>
      <c r="CZ8" s="83">
        <v>34599</v>
      </c>
      <c r="DA8" s="241"/>
      <c r="DB8" s="82">
        <v>19137</v>
      </c>
      <c r="DC8" s="82">
        <v>23521</v>
      </c>
      <c r="DD8" s="82">
        <v>16137</v>
      </c>
      <c r="DE8" s="82">
        <v>15945</v>
      </c>
      <c r="DF8" s="82">
        <v>10719</v>
      </c>
      <c r="DG8" s="84">
        <v>85459</v>
      </c>
      <c r="DH8" s="85">
        <v>120058</v>
      </c>
      <c r="DI8" s="70">
        <v>317</v>
      </c>
      <c r="DJ8" s="71">
        <v>445</v>
      </c>
      <c r="DK8" s="72">
        <v>762</v>
      </c>
      <c r="DL8" s="244"/>
      <c r="DM8" s="71">
        <v>306</v>
      </c>
      <c r="DN8" s="71">
        <v>473</v>
      </c>
      <c r="DO8" s="71">
        <v>260</v>
      </c>
      <c r="DP8" s="71">
        <v>295</v>
      </c>
      <c r="DQ8" s="71">
        <v>259</v>
      </c>
      <c r="DR8" s="72">
        <v>1593</v>
      </c>
      <c r="DS8" s="73">
        <v>2355</v>
      </c>
      <c r="DT8" s="70">
        <v>969</v>
      </c>
      <c r="DU8" s="71">
        <v>1339</v>
      </c>
      <c r="DV8" s="72">
        <v>2308</v>
      </c>
      <c r="DW8" s="244"/>
      <c r="DX8" s="71">
        <v>888</v>
      </c>
      <c r="DY8" s="71">
        <v>1255</v>
      </c>
      <c r="DZ8" s="71">
        <v>723</v>
      </c>
      <c r="EA8" s="71">
        <v>766</v>
      </c>
      <c r="EB8" s="71">
        <v>621</v>
      </c>
      <c r="EC8" s="72">
        <v>4253</v>
      </c>
      <c r="ED8" s="73">
        <v>6561</v>
      </c>
      <c r="EE8" s="70">
        <v>2287</v>
      </c>
      <c r="EF8" s="71">
        <v>2920</v>
      </c>
      <c r="EG8" s="72">
        <v>5207</v>
      </c>
      <c r="EH8" s="244"/>
      <c r="EI8" s="71">
        <v>2207</v>
      </c>
      <c r="EJ8" s="71">
        <v>2413</v>
      </c>
      <c r="EK8" s="71">
        <v>1488</v>
      </c>
      <c r="EL8" s="71">
        <v>1303</v>
      </c>
      <c r="EM8" s="71">
        <v>1103</v>
      </c>
      <c r="EN8" s="72">
        <v>8514</v>
      </c>
      <c r="EO8" s="73">
        <v>13721</v>
      </c>
      <c r="EP8" s="70">
        <v>4484</v>
      </c>
      <c r="EQ8" s="71">
        <v>5093</v>
      </c>
      <c r="ER8" s="72">
        <v>9577</v>
      </c>
      <c r="ES8" s="244"/>
      <c r="ET8" s="71">
        <v>4581</v>
      </c>
      <c r="EU8" s="71">
        <v>4860</v>
      </c>
      <c r="EV8" s="71">
        <v>2832</v>
      </c>
      <c r="EW8" s="71">
        <v>2591</v>
      </c>
      <c r="EX8" s="71">
        <v>1738</v>
      </c>
      <c r="EY8" s="72">
        <v>16602</v>
      </c>
      <c r="EZ8" s="73">
        <v>26179</v>
      </c>
      <c r="FA8" s="70">
        <v>4543</v>
      </c>
      <c r="FB8" s="71">
        <v>6013</v>
      </c>
      <c r="FC8" s="72">
        <v>10556</v>
      </c>
      <c r="FD8" s="244"/>
      <c r="FE8" s="71">
        <v>6146</v>
      </c>
      <c r="FF8" s="71">
        <v>6913</v>
      </c>
      <c r="FG8" s="71">
        <v>4575</v>
      </c>
      <c r="FH8" s="71">
        <v>4199</v>
      </c>
      <c r="FI8" s="71">
        <v>2811</v>
      </c>
      <c r="FJ8" s="72">
        <v>24644</v>
      </c>
      <c r="FK8" s="73">
        <v>35200</v>
      </c>
      <c r="FL8" s="70">
        <v>2343</v>
      </c>
      <c r="FM8" s="71">
        <v>3846</v>
      </c>
      <c r="FN8" s="72">
        <v>6189</v>
      </c>
      <c r="FO8" s="244"/>
      <c r="FP8" s="71">
        <v>5009</v>
      </c>
      <c r="FQ8" s="71">
        <v>7607</v>
      </c>
      <c r="FR8" s="71">
        <v>6259</v>
      </c>
      <c r="FS8" s="71">
        <v>6791</v>
      </c>
      <c r="FT8" s="71">
        <v>4187</v>
      </c>
      <c r="FU8" s="72">
        <v>29853</v>
      </c>
      <c r="FV8" s="73">
        <v>36042</v>
      </c>
      <c r="FW8" s="70">
        <v>148</v>
      </c>
      <c r="FX8" s="71">
        <v>290</v>
      </c>
      <c r="FY8" s="72">
        <v>438</v>
      </c>
      <c r="FZ8" s="244"/>
      <c r="GA8" s="71">
        <v>206</v>
      </c>
      <c r="GB8" s="71">
        <v>454</v>
      </c>
      <c r="GC8" s="71">
        <v>259</v>
      </c>
      <c r="GD8" s="71">
        <v>241</v>
      </c>
      <c r="GE8" s="71">
        <v>245</v>
      </c>
      <c r="GF8" s="72">
        <v>1405</v>
      </c>
      <c r="GG8" s="73">
        <v>1843</v>
      </c>
      <c r="GH8" s="70">
        <v>15091</v>
      </c>
      <c r="GI8" s="71">
        <v>19946</v>
      </c>
      <c r="GJ8" s="72">
        <v>35037</v>
      </c>
      <c r="GK8" s="244"/>
      <c r="GL8" s="71">
        <v>19343</v>
      </c>
      <c r="GM8" s="71">
        <v>23975</v>
      </c>
      <c r="GN8" s="71">
        <v>16396</v>
      </c>
      <c r="GO8" s="71">
        <v>16186</v>
      </c>
      <c r="GP8" s="71">
        <v>10964</v>
      </c>
      <c r="GQ8" s="72">
        <v>86864</v>
      </c>
      <c r="GR8" s="73">
        <v>121901</v>
      </c>
      <c r="GS8" s="123">
        <v>22999</v>
      </c>
      <c r="GT8" s="82">
        <v>29098</v>
      </c>
      <c r="GU8" s="83">
        <v>52097</v>
      </c>
      <c r="GV8" s="241"/>
      <c r="GW8" s="82">
        <v>29229</v>
      </c>
      <c r="GX8" s="82">
        <v>36661</v>
      </c>
      <c r="GY8" s="82">
        <v>24646</v>
      </c>
      <c r="GZ8" s="82">
        <v>23098</v>
      </c>
      <c r="HA8" s="82">
        <v>15090</v>
      </c>
      <c r="HB8" s="84">
        <v>128724</v>
      </c>
      <c r="HC8" s="85">
        <v>180821</v>
      </c>
      <c r="HD8" s="70">
        <v>662</v>
      </c>
      <c r="HE8" s="71">
        <v>898</v>
      </c>
      <c r="HF8" s="72">
        <v>1560</v>
      </c>
      <c r="HG8" s="244"/>
      <c r="HH8" s="71">
        <v>707</v>
      </c>
      <c r="HI8" s="71">
        <v>1139</v>
      </c>
      <c r="HJ8" s="71">
        <v>674</v>
      </c>
      <c r="HK8" s="71">
        <v>677</v>
      </c>
      <c r="HL8" s="71">
        <v>571</v>
      </c>
      <c r="HM8" s="72">
        <v>3768</v>
      </c>
      <c r="HN8" s="73">
        <v>5328</v>
      </c>
      <c r="HO8" s="70">
        <v>1698</v>
      </c>
      <c r="HP8" s="71">
        <v>2365</v>
      </c>
      <c r="HQ8" s="72">
        <v>4063</v>
      </c>
      <c r="HR8" s="244"/>
      <c r="HS8" s="71">
        <v>1756</v>
      </c>
      <c r="HT8" s="71">
        <v>2707</v>
      </c>
      <c r="HU8" s="71">
        <v>1735</v>
      </c>
      <c r="HV8" s="71">
        <v>1595</v>
      </c>
      <c r="HW8" s="71">
        <v>1244</v>
      </c>
      <c r="HX8" s="72">
        <v>9037</v>
      </c>
      <c r="HY8" s="73">
        <v>13100</v>
      </c>
      <c r="HZ8" s="70">
        <v>3502</v>
      </c>
      <c r="IA8" s="71">
        <v>4462</v>
      </c>
      <c r="IB8" s="72">
        <v>7964</v>
      </c>
      <c r="IC8" s="244"/>
      <c r="ID8" s="71">
        <v>3792</v>
      </c>
      <c r="IE8" s="71">
        <v>4545</v>
      </c>
      <c r="IF8" s="71">
        <v>2850</v>
      </c>
      <c r="IG8" s="71">
        <v>2442</v>
      </c>
      <c r="IH8" s="71">
        <v>1854</v>
      </c>
      <c r="II8" s="72">
        <v>15483</v>
      </c>
      <c r="IJ8" s="73">
        <v>23447</v>
      </c>
      <c r="IK8" s="70">
        <v>6521</v>
      </c>
      <c r="IL8" s="71">
        <v>7346</v>
      </c>
      <c r="IM8" s="72">
        <v>13867</v>
      </c>
      <c r="IN8" s="244"/>
      <c r="IO8" s="71">
        <v>7031</v>
      </c>
      <c r="IP8" s="71">
        <v>7871</v>
      </c>
      <c r="IQ8" s="71">
        <v>4666</v>
      </c>
      <c r="IR8" s="71">
        <v>4200</v>
      </c>
      <c r="IS8" s="71">
        <v>2696</v>
      </c>
      <c r="IT8" s="72">
        <v>26464</v>
      </c>
      <c r="IU8" s="73">
        <v>40331</v>
      </c>
      <c r="IV8" s="70">
        <v>6896</v>
      </c>
      <c r="IW8" s="71">
        <v>8489</v>
      </c>
      <c r="IX8" s="72">
        <v>15385</v>
      </c>
      <c r="IY8" s="244"/>
      <c r="IZ8" s="71">
        <v>9005</v>
      </c>
      <c r="JA8" s="71">
        <v>10207</v>
      </c>
      <c r="JB8" s="71">
        <v>6647</v>
      </c>
      <c r="JC8" s="71">
        <v>5918</v>
      </c>
      <c r="JD8" s="71">
        <v>3752</v>
      </c>
      <c r="JE8" s="72">
        <v>35529</v>
      </c>
      <c r="JF8" s="73">
        <v>50914</v>
      </c>
      <c r="JG8" s="70">
        <v>3720</v>
      </c>
      <c r="JH8" s="71">
        <v>5538</v>
      </c>
      <c r="JI8" s="72">
        <v>9258</v>
      </c>
      <c r="JJ8" s="244"/>
      <c r="JK8" s="71">
        <v>6938</v>
      </c>
      <c r="JL8" s="71">
        <v>10192</v>
      </c>
      <c r="JM8" s="71">
        <v>8074</v>
      </c>
      <c r="JN8" s="71">
        <v>8266</v>
      </c>
      <c r="JO8" s="71">
        <v>4973</v>
      </c>
      <c r="JP8" s="72">
        <v>38443</v>
      </c>
      <c r="JQ8" s="73">
        <v>47701</v>
      </c>
      <c r="JR8" s="70">
        <v>325</v>
      </c>
      <c r="JS8" s="71">
        <v>627</v>
      </c>
      <c r="JT8" s="72">
        <v>952</v>
      </c>
      <c r="JU8" s="244"/>
      <c r="JV8" s="71">
        <v>453</v>
      </c>
      <c r="JW8" s="71">
        <v>1057</v>
      </c>
      <c r="JX8" s="71">
        <v>640</v>
      </c>
      <c r="JY8" s="71">
        <v>573</v>
      </c>
      <c r="JZ8" s="71">
        <v>566</v>
      </c>
      <c r="KA8" s="72">
        <v>3289</v>
      </c>
      <c r="KB8" s="73">
        <v>4241</v>
      </c>
      <c r="KC8" s="70">
        <v>23324</v>
      </c>
      <c r="KD8" s="71">
        <v>29725</v>
      </c>
      <c r="KE8" s="72">
        <v>53049</v>
      </c>
      <c r="KF8" s="244"/>
      <c r="KG8" s="71">
        <v>29682</v>
      </c>
      <c r="KH8" s="71">
        <v>37718</v>
      </c>
      <c r="KI8" s="71">
        <v>25286</v>
      </c>
      <c r="KJ8" s="71">
        <v>23671</v>
      </c>
      <c r="KK8" s="71">
        <v>15656</v>
      </c>
      <c r="KL8" s="72">
        <v>132013</v>
      </c>
      <c r="KM8" s="73">
        <v>185062</v>
      </c>
    </row>
    <row r="9" spans="2:299" ht="21" customHeight="1" x14ac:dyDescent="0.2">
      <c r="B9" s="126" t="s">
        <v>6</v>
      </c>
      <c r="C9" s="313">
        <v>2594</v>
      </c>
      <c r="D9" s="82">
        <v>2331</v>
      </c>
      <c r="E9" s="83">
        <v>4925</v>
      </c>
      <c r="F9" s="241"/>
      <c r="G9" s="82">
        <v>4858</v>
      </c>
      <c r="H9" s="82">
        <v>3861</v>
      </c>
      <c r="I9" s="82">
        <v>2849</v>
      </c>
      <c r="J9" s="82">
        <v>2497</v>
      </c>
      <c r="K9" s="82">
        <v>1700</v>
      </c>
      <c r="L9" s="84">
        <v>15765</v>
      </c>
      <c r="M9" s="85">
        <v>20690</v>
      </c>
      <c r="N9" s="70">
        <v>143</v>
      </c>
      <c r="O9" s="71">
        <v>152</v>
      </c>
      <c r="P9" s="72">
        <v>295</v>
      </c>
      <c r="Q9" s="244"/>
      <c r="R9" s="71">
        <v>274</v>
      </c>
      <c r="S9" s="71">
        <v>213</v>
      </c>
      <c r="T9" s="71">
        <v>150</v>
      </c>
      <c r="U9" s="71">
        <v>146</v>
      </c>
      <c r="V9" s="71">
        <v>130</v>
      </c>
      <c r="W9" s="72">
        <v>913</v>
      </c>
      <c r="X9" s="73">
        <v>1208</v>
      </c>
      <c r="Y9" s="70">
        <v>289</v>
      </c>
      <c r="Z9" s="71">
        <v>276</v>
      </c>
      <c r="AA9" s="72">
        <v>565</v>
      </c>
      <c r="AB9" s="244"/>
      <c r="AC9" s="71">
        <v>524</v>
      </c>
      <c r="AD9" s="71">
        <v>492</v>
      </c>
      <c r="AE9" s="71">
        <v>363</v>
      </c>
      <c r="AF9" s="71">
        <v>304</v>
      </c>
      <c r="AG9" s="71">
        <v>239</v>
      </c>
      <c r="AH9" s="72">
        <v>1922</v>
      </c>
      <c r="AI9" s="73">
        <v>2487</v>
      </c>
      <c r="AJ9" s="70">
        <v>416</v>
      </c>
      <c r="AK9" s="71">
        <v>391</v>
      </c>
      <c r="AL9" s="72">
        <v>807</v>
      </c>
      <c r="AM9" s="244"/>
      <c r="AN9" s="71">
        <v>828</v>
      </c>
      <c r="AO9" s="71">
        <v>685</v>
      </c>
      <c r="AP9" s="71">
        <v>464</v>
      </c>
      <c r="AQ9" s="71">
        <v>446</v>
      </c>
      <c r="AR9" s="71">
        <v>329</v>
      </c>
      <c r="AS9" s="72">
        <v>2752</v>
      </c>
      <c r="AT9" s="73">
        <v>3559</v>
      </c>
      <c r="AU9" s="70">
        <v>610</v>
      </c>
      <c r="AV9" s="71">
        <v>538</v>
      </c>
      <c r="AW9" s="72">
        <v>1148</v>
      </c>
      <c r="AX9" s="244"/>
      <c r="AY9" s="71">
        <v>1185</v>
      </c>
      <c r="AZ9" s="71">
        <v>887</v>
      </c>
      <c r="BA9" s="71">
        <v>685</v>
      </c>
      <c r="BB9" s="71">
        <v>513</v>
      </c>
      <c r="BC9" s="71">
        <v>380</v>
      </c>
      <c r="BD9" s="72">
        <v>3650</v>
      </c>
      <c r="BE9" s="73">
        <v>4798</v>
      </c>
      <c r="BF9" s="70">
        <v>707</v>
      </c>
      <c r="BG9" s="71">
        <v>573</v>
      </c>
      <c r="BH9" s="72">
        <v>1280</v>
      </c>
      <c r="BI9" s="244"/>
      <c r="BJ9" s="71">
        <v>1217</v>
      </c>
      <c r="BK9" s="71">
        <v>894</v>
      </c>
      <c r="BL9" s="71">
        <v>648</v>
      </c>
      <c r="BM9" s="71">
        <v>574</v>
      </c>
      <c r="BN9" s="71">
        <v>361</v>
      </c>
      <c r="BO9" s="72">
        <v>3694</v>
      </c>
      <c r="BP9" s="73">
        <v>4974</v>
      </c>
      <c r="BQ9" s="70">
        <v>429</v>
      </c>
      <c r="BR9" s="71">
        <v>401</v>
      </c>
      <c r="BS9" s="72">
        <v>830</v>
      </c>
      <c r="BT9" s="244"/>
      <c r="BU9" s="71">
        <v>830</v>
      </c>
      <c r="BV9" s="71">
        <v>690</v>
      </c>
      <c r="BW9" s="71">
        <v>539</v>
      </c>
      <c r="BX9" s="71">
        <v>514</v>
      </c>
      <c r="BY9" s="71">
        <v>261</v>
      </c>
      <c r="BZ9" s="72">
        <v>2834</v>
      </c>
      <c r="CA9" s="73">
        <v>3664</v>
      </c>
      <c r="CB9" s="70">
        <v>85</v>
      </c>
      <c r="CC9" s="71">
        <v>88</v>
      </c>
      <c r="CD9" s="72">
        <v>173</v>
      </c>
      <c r="CE9" s="244"/>
      <c r="CF9" s="71">
        <v>157</v>
      </c>
      <c r="CG9" s="71">
        <v>190</v>
      </c>
      <c r="CH9" s="71">
        <v>112</v>
      </c>
      <c r="CI9" s="71">
        <v>135</v>
      </c>
      <c r="CJ9" s="71">
        <v>124</v>
      </c>
      <c r="CK9" s="72">
        <v>718</v>
      </c>
      <c r="CL9" s="73">
        <v>891</v>
      </c>
      <c r="CM9" s="70">
        <v>2679</v>
      </c>
      <c r="CN9" s="71">
        <v>2419</v>
      </c>
      <c r="CO9" s="72">
        <v>5098</v>
      </c>
      <c r="CP9" s="244"/>
      <c r="CQ9" s="71">
        <v>5015</v>
      </c>
      <c r="CR9" s="71">
        <v>4051</v>
      </c>
      <c r="CS9" s="71">
        <v>2961</v>
      </c>
      <c r="CT9" s="71">
        <v>2632</v>
      </c>
      <c r="CU9" s="71">
        <v>1824</v>
      </c>
      <c r="CV9" s="72">
        <v>16483</v>
      </c>
      <c r="CW9" s="73">
        <v>21581</v>
      </c>
      <c r="CX9" s="123">
        <v>5080</v>
      </c>
      <c r="CY9" s="82">
        <v>5391</v>
      </c>
      <c r="CZ9" s="83">
        <v>10471</v>
      </c>
      <c r="DA9" s="241"/>
      <c r="DB9" s="82">
        <v>8644</v>
      </c>
      <c r="DC9" s="82">
        <v>6540</v>
      </c>
      <c r="DD9" s="82">
        <v>5317</v>
      </c>
      <c r="DE9" s="82">
        <v>5451</v>
      </c>
      <c r="DF9" s="82">
        <v>3664</v>
      </c>
      <c r="DG9" s="84">
        <v>29616</v>
      </c>
      <c r="DH9" s="85">
        <v>40087</v>
      </c>
      <c r="DI9" s="70">
        <v>120</v>
      </c>
      <c r="DJ9" s="71">
        <v>119</v>
      </c>
      <c r="DK9" s="72">
        <v>239</v>
      </c>
      <c r="DL9" s="244"/>
      <c r="DM9" s="71">
        <v>163</v>
      </c>
      <c r="DN9" s="71">
        <v>119</v>
      </c>
      <c r="DO9" s="71">
        <v>105</v>
      </c>
      <c r="DP9" s="71">
        <v>111</v>
      </c>
      <c r="DQ9" s="71">
        <v>79</v>
      </c>
      <c r="DR9" s="72">
        <v>577</v>
      </c>
      <c r="DS9" s="73">
        <v>816</v>
      </c>
      <c r="DT9" s="70">
        <v>344</v>
      </c>
      <c r="DU9" s="71">
        <v>349</v>
      </c>
      <c r="DV9" s="72">
        <v>693</v>
      </c>
      <c r="DW9" s="244"/>
      <c r="DX9" s="71">
        <v>482</v>
      </c>
      <c r="DY9" s="71">
        <v>385</v>
      </c>
      <c r="DZ9" s="71">
        <v>262</v>
      </c>
      <c r="EA9" s="71">
        <v>273</v>
      </c>
      <c r="EB9" s="71">
        <v>173</v>
      </c>
      <c r="EC9" s="72">
        <v>1575</v>
      </c>
      <c r="ED9" s="73">
        <v>2268</v>
      </c>
      <c r="EE9" s="70">
        <v>771</v>
      </c>
      <c r="EF9" s="71">
        <v>838</v>
      </c>
      <c r="EG9" s="72">
        <v>1609</v>
      </c>
      <c r="EH9" s="244"/>
      <c r="EI9" s="71">
        <v>1052</v>
      </c>
      <c r="EJ9" s="71">
        <v>681</v>
      </c>
      <c r="EK9" s="71">
        <v>469</v>
      </c>
      <c r="EL9" s="71">
        <v>500</v>
      </c>
      <c r="EM9" s="71">
        <v>368</v>
      </c>
      <c r="EN9" s="72">
        <v>3070</v>
      </c>
      <c r="EO9" s="73">
        <v>4679</v>
      </c>
      <c r="EP9" s="70">
        <v>1559</v>
      </c>
      <c r="EQ9" s="71">
        <v>1408</v>
      </c>
      <c r="ER9" s="72">
        <v>2967</v>
      </c>
      <c r="ES9" s="244"/>
      <c r="ET9" s="71">
        <v>2015</v>
      </c>
      <c r="EU9" s="71">
        <v>1337</v>
      </c>
      <c r="EV9" s="71">
        <v>953</v>
      </c>
      <c r="EW9" s="71">
        <v>877</v>
      </c>
      <c r="EX9" s="71">
        <v>639</v>
      </c>
      <c r="EY9" s="72">
        <v>5821</v>
      </c>
      <c r="EZ9" s="73">
        <v>8788</v>
      </c>
      <c r="FA9" s="70">
        <v>1489</v>
      </c>
      <c r="FB9" s="71">
        <v>1624</v>
      </c>
      <c r="FC9" s="72">
        <v>3113</v>
      </c>
      <c r="FD9" s="244"/>
      <c r="FE9" s="71">
        <v>2652</v>
      </c>
      <c r="FF9" s="71">
        <v>1948</v>
      </c>
      <c r="FG9" s="71">
        <v>1474</v>
      </c>
      <c r="FH9" s="71">
        <v>1398</v>
      </c>
      <c r="FI9" s="71">
        <v>973</v>
      </c>
      <c r="FJ9" s="72">
        <v>8445</v>
      </c>
      <c r="FK9" s="73">
        <v>11558</v>
      </c>
      <c r="FL9" s="70">
        <v>797</v>
      </c>
      <c r="FM9" s="71">
        <v>1053</v>
      </c>
      <c r="FN9" s="72">
        <v>1850</v>
      </c>
      <c r="FO9" s="244"/>
      <c r="FP9" s="71">
        <v>2280</v>
      </c>
      <c r="FQ9" s="71">
        <v>2070</v>
      </c>
      <c r="FR9" s="71">
        <v>2054</v>
      </c>
      <c r="FS9" s="71">
        <v>2292</v>
      </c>
      <c r="FT9" s="71">
        <v>1432</v>
      </c>
      <c r="FU9" s="72">
        <v>10128</v>
      </c>
      <c r="FV9" s="73">
        <v>11978</v>
      </c>
      <c r="FW9" s="70">
        <v>49</v>
      </c>
      <c r="FX9" s="71">
        <v>83</v>
      </c>
      <c r="FY9" s="72">
        <v>132</v>
      </c>
      <c r="FZ9" s="244"/>
      <c r="GA9" s="71">
        <v>141</v>
      </c>
      <c r="GB9" s="71">
        <v>127</v>
      </c>
      <c r="GC9" s="71">
        <v>101</v>
      </c>
      <c r="GD9" s="71">
        <v>104</v>
      </c>
      <c r="GE9" s="71">
        <v>101</v>
      </c>
      <c r="GF9" s="72">
        <v>574</v>
      </c>
      <c r="GG9" s="73">
        <v>706</v>
      </c>
      <c r="GH9" s="70">
        <v>5129</v>
      </c>
      <c r="GI9" s="71">
        <v>5474</v>
      </c>
      <c r="GJ9" s="72">
        <v>10603</v>
      </c>
      <c r="GK9" s="244"/>
      <c r="GL9" s="71">
        <v>8785</v>
      </c>
      <c r="GM9" s="71">
        <v>6667</v>
      </c>
      <c r="GN9" s="71">
        <v>5418</v>
      </c>
      <c r="GO9" s="71">
        <v>5555</v>
      </c>
      <c r="GP9" s="71">
        <v>3765</v>
      </c>
      <c r="GQ9" s="72">
        <v>30190</v>
      </c>
      <c r="GR9" s="73">
        <v>40793</v>
      </c>
      <c r="GS9" s="123">
        <v>7674</v>
      </c>
      <c r="GT9" s="82">
        <v>7722</v>
      </c>
      <c r="GU9" s="83">
        <v>15396</v>
      </c>
      <c r="GV9" s="241"/>
      <c r="GW9" s="82">
        <v>13502</v>
      </c>
      <c r="GX9" s="82">
        <v>10401</v>
      </c>
      <c r="GY9" s="82">
        <v>8166</v>
      </c>
      <c r="GZ9" s="82">
        <v>7948</v>
      </c>
      <c r="HA9" s="82">
        <v>5364</v>
      </c>
      <c r="HB9" s="84">
        <v>45381</v>
      </c>
      <c r="HC9" s="85">
        <v>60777</v>
      </c>
      <c r="HD9" s="70">
        <v>263</v>
      </c>
      <c r="HE9" s="71">
        <v>271</v>
      </c>
      <c r="HF9" s="72">
        <v>534</v>
      </c>
      <c r="HG9" s="244"/>
      <c r="HH9" s="71">
        <v>437</v>
      </c>
      <c r="HI9" s="71">
        <v>332</v>
      </c>
      <c r="HJ9" s="71">
        <v>255</v>
      </c>
      <c r="HK9" s="71">
        <v>257</v>
      </c>
      <c r="HL9" s="71">
        <v>209</v>
      </c>
      <c r="HM9" s="72">
        <v>1490</v>
      </c>
      <c r="HN9" s="73">
        <v>2024</v>
      </c>
      <c r="HO9" s="70">
        <v>633</v>
      </c>
      <c r="HP9" s="71">
        <v>625</v>
      </c>
      <c r="HQ9" s="72">
        <v>1258</v>
      </c>
      <c r="HR9" s="244"/>
      <c r="HS9" s="71">
        <v>1006</v>
      </c>
      <c r="HT9" s="71">
        <v>877</v>
      </c>
      <c r="HU9" s="71">
        <v>625</v>
      </c>
      <c r="HV9" s="71">
        <v>577</v>
      </c>
      <c r="HW9" s="71">
        <v>412</v>
      </c>
      <c r="HX9" s="72">
        <v>3497</v>
      </c>
      <c r="HY9" s="73">
        <v>4755</v>
      </c>
      <c r="HZ9" s="70">
        <v>1187</v>
      </c>
      <c r="IA9" s="71">
        <v>1229</v>
      </c>
      <c r="IB9" s="72">
        <v>2416</v>
      </c>
      <c r="IC9" s="244"/>
      <c r="ID9" s="71">
        <v>1880</v>
      </c>
      <c r="IE9" s="71">
        <v>1366</v>
      </c>
      <c r="IF9" s="71">
        <v>933</v>
      </c>
      <c r="IG9" s="71">
        <v>946</v>
      </c>
      <c r="IH9" s="71">
        <v>697</v>
      </c>
      <c r="II9" s="72">
        <v>5822</v>
      </c>
      <c r="IJ9" s="73">
        <v>8238</v>
      </c>
      <c r="IK9" s="70">
        <v>2169</v>
      </c>
      <c r="IL9" s="71">
        <v>1946</v>
      </c>
      <c r="IM9" s="72">
        <v>4115</v>
      </c>
      <c r="IN9" s="244"/>
      <c r="IO9" s="71">
        <v>3200</v>
      </c>
      <c r="IP9" s="71">
        <v>2224</v>
      </c>
      <c r="IQ9" s="71">
        <v>1638</v>
      </c>
      <c r="IR9" s="71">
        <v>1390</v>
      </c>
      <c r="IS9" s="71">
        <v>1019</v>
      </c>
      <c r="IT9" s="72">
        <v>9471</v>
      </c>
      <c r="IU9" s="73">
        <v>13586</v>
      </c>
      <c r="IV9" s="70">
        <v>2196</v>
      </c>
      <c r="IW9" s="71">
        <v>2197</v>
      </c>
      <c r="IX9" s="72">
        <v>4393</v>
      </c>
      <c r="IY9" s="244"/>
      <c r="IZ9" s="71">
        <v>3869</v>
      </c>
      <c r="JA9" s="71">
        <v>2842</v>
      </c>
      <c r="JB9" s="71">
        <v>2122</v>
      </c>
      <c r="JC9" s="71">
        <v>1972</v>
      </c>
      <c r="JD9" s="71">
        <v>1334</v>
      </c>
      <c r="JE9" s="72">
        <v>12139</v>
      </c>
      <c r="JF9" s="73">
        <v>16532</v>
      </c>
      <c r="JG9" s="70">
        <v>1226</v>
      </c>
      <c r="JH9" s="71">
        <v>1454</v>
      </c>
      <c r="JI9" s="72">
        <v>2680</v>
      </c>
      <c r="JJ9" s="244"/>
      <c r="JK9" s="71">
        <v>3110</v>
      </c>
      <c r="JL9" s="71">
        <v>2760</v>
      </c>
      <c r="JM9" s="71">
        <v>2593</v>
      </c>
      <c r="JN9" s="71">
        <v>2806</v>
      </c>
      <c r="JO9" s="71">
        <v>1693</v>
      </c>
      <c r="JP9" s="72">
        <v>12962</v>
      </c>
      <c r="JQ9" s="73">
        <v>15642</v>
      </c>
      <c r="JR9" s="70">
        <v>134</v>
      </c>
      <c r="JS9" s="71">
        <v>171</v>
      </c>
      <c r="JT9" s="72">
        <v>305</v>
      </c>
      <c r="JU9" s="244"/>
      <c r="JV9" s="71">
        <v>298</v>
      </c>
      <c r="JW9" s="71">
        <v>317</v>
      </c>
      <c r="JX9" s="71">
        <v>213</v>
      </c>
      <c r="JY9" s="71">
        <v>239</v>
      </c>
      <c r="JZ9" s="71">
        <v>225</v>
      </c>
      <c r="KA9" s="72">
        <v>1292</v>
      </c>
      <c r="KB9" s="73">
        <v>1597</v>
      </c>
      <c r="KC9" s="70">
        <v>7808</v>
      </c>
      <c r="KD9" s="71">
        <v>7893</v>
      </c>
      <c r="KE9" s="72">
        <v>15701</v>
      </c>
      <c r="KF9" s="244"/>
      <c r="KG9" s="71">
        <v>13800</v>
      </c>
      <c r="KH9" s="71">
        <v>10718</v>
      </c>
      <c r="KI9" s="71">
        <v>8379</v>
      </c>
      <c r="KJ9" s="71">
        <v>8187</v>
      </c>
      <c r="KK9" s="71">
        <v>5589</v>
      </c>
      <c r="KL9" s="72">
        <v>46673</v>
      </c>
      <c r="KM9" s="73">
        <v>62374</v>
      </c>
    </row>
    <row r="10" spans="2:299" ht="21" customHeight="1" x14ac:dyDescent="0.2">
      <c r="B10" s="126" t="s">
        <v>14</v>
      </c>
      <c r="C10" s="313">
        <v>1511</v>
      </c>
      <c r="D10" s="82">
        <v>1874</v>
      </c>
      <c r="E10" s="83">
        <v>3385</v>
      </c>
      <c r="F10" s="241"/>
      <c r="G10" s="82">
        <v>2233</v>
      </c>
      <c r="H10" s="82">
        <v>2505</v>
      </c>
      <c r="I10" s="82">
        <v>1878</v>
      </c>
      <c r="J10" s="82">
        <v>1486</v>
      </c>
      <c r="K10" s="82">
        <v>885</v>
      </c>
      <c r="L10" s="84">
        <v>8987</v>
      </c>
      <c r="M10" s="85">
        <v>12372</v>
      </c>
      <c r="N10" s="70">
        <v>69</v>
      </c>
      <c r="O10" s="71">
        <v>92</v>
      </c>
      <c r="P10" s="72">
        <v>161</v>
      </c>
      <c r="Q10" s="244"/>
      <c r="R10" s="71">
        <v>82</v>
      </c>
      <c r="S10" s="71">
        <v>125</v>
      </c>
      <c r="T10" s="71">
        <v>93</v>
      </c>
      <c r="U10" s="71">
        <v>79</v>
      </c>
      <c r="V10" s="71">
        <v>77</v>
      </c>
      <c r="W10" s="72">
        <v>456</v>
      </c>
      <c r="X10" s="73">
        <v>617</v>
      </c>
      <c r="Y10" s="70">
        <v>172</v>
      </c>
      <c r="Z10" s="71">
        <v>281</v>
      </c>
      <c r="AA10" s="72">
        <v>453</v>
      </c>
      <c r="AB10" s="244"/>
      <c r="AC10" s="71">
        <v>193</v>
      </c>
      <c r="AD10" s="71">
        <v>268</v>
      </c>
      <c r="AE10" s="71">
        <v>220</v>
      </c>
      <c r="AF10" s="71">
        <v>183</v>
      </c>
      <c r="AG10" s="71">
        <v>116</v>
      </c>
      <c r="AH10" s="72">
        <v>980</v>
      </c>
      <c r="AI10" s="73">
        <v>1433</v>
      </c>
      <c r="AJ10" s="70">
        <v>240</v>
      </c>
      <c r="AK10" s="71">
        <v>341</v>
      </c>
      <c r="AL10" s="72">
        <v>581</v>
      </c>
      <c r="AM10" s="244"/>
      <c r="AN10" s="71">
        <v>391</v>
      </c>
      <c r="AO10" s="71">
        <v>426</v>
      </c>
      <c r="AP10" s="71">
        <v>299</v>
      </c>
      <c r="AQ10" s="71">
        <v>251</v>
      </c>
      <c r="AR10" s="71">
        <v>161</v>
      </c>
      <c r="AS10" s="72">
        <v>1528</v>
      </c>
      <c r="AT10" s="73">
        <v>2109</v>
      </c>
      <c r="AU10" s="70">
        <v>434</v>
      </c>
      <c r="AV10" s="71">
        <v>518</v>
      </c>
      <c r="AW10" s="72">
        <v>952</v>
      </c>
      <c r="AX10" s="244"/>
      <c r="AY10" s="71">
        <v>611</v>
      </c>
      <c r="AZ10" s="71">
        <v>637</v>
      </c>
      <c r="BA10" s="71">
        <v>450</v>
      </c>
      <c r="BB10" s="71">
        <v>362</v>
      </c>
      <c r="BC10" s="71">
        <v>218</v>
      </c>
      <c r="BD10" s="72">
        <v>2278</v>
      </c>
      <c r="BE10" s="73">
        <v>3230</v>
      </c>
      <c r="BF10" s="70">
        <v>392</v>
      </c>
      <c r="BG10" s="71">
        <v>415</v>
      </c>
      <c r="BH10" s="72">
        <v>807</v>
      </c>
      <c r="BI10" s="244"/>
      <c r="BJ10" s="71">
        <v>595</v>
      </c>
      <c r="BK10" s="71">
        <v>612</v>
      </c>
      <c r="BL10" s="71">
        <v>473</v>
      </c>
      <c r="BM10" s="71">
        <v>357</v>
      </c>
      <c r="BN10" s="71">
        <v>189</v>
      </c>
      <c r="BO10" s="72">
        <v>2226</v>
      </c>
      <c r="BP10" s="73">
        <v>3033</v>
      </c>
      <c r="BQ10" s="70">
        <v>204</v>
      </c>
      <c r="BR10" s="71">
        <v>227</v>
      </c>
      <c r="BS10" s="72">
        <v>431</v>
      </c>
      <c r="BT10" s="244"/>
      <c r="BU10" s="71">
        <v>361</v>
      </c>
      <c r="BV10" s="71">
        <v>437</v>
      </c>
      <c r="BW10" s="71">
        <v>343</v>
      </c>
      <c r="BX10" s="71">
        <v>254</v>
      </c>
      <c r="BY10" s="71">
        <v>124</v>
      </c>
      <c r="BZ10" s="72">
        <v>1519</v>
      </c>
      <c r="CA10" s="73">
        <v>1950</v>
      </c>
      <c r="CB10" s="70">
        <v>39</v>
      </c>
      <c r="CC10" s="71">
        <v>90</v>
      </c>
      <c r="CD10" s="72">
        <v>129</v>
      </c>
      <c r="CE10" s="244"/>
      <c r="CF10" s="71">
        <v>42</v>
      </c>
      <c r="CG10" s="71">
        <v>108</v>
      </c>
      <c r="CH10" s="71">
        <v>69</v>
      </c>
      <c r="CI10" s="71">
        <v>79</v>
      </c>
      <c r="CJ10" s="71">
        <v>55</v>
      </c>
      <c r="CK10" s="72">
        <v>353</v>
      </c>
      <c r="CL10" s="73">
        <v>482</v>
      </c>
      <c r="CM10" s="70">
        <v>1550</v>
      </c>
      <c r="CN10" s="71">
        <v>1964</v>
      </c>
      <c r="CO10" s="72">
        <v>3514</v>
      </c>
      <c r="CP10" s="244"/>
      <c r="CQ10" s="71">
        <v>2275</v>
      </c>
      <c r="CR10" s="71">
        <v>2613</v>
      </c>
      <c r="CS10" s="71">
        <v>1947</v>
      </c>
      <c r="CT10" s="71">
        <v>1565</v>
      </c>
      <c r="CU10" s="71">
        <v>940</v>
      </c>
      <c r="CV10" s="72">
        <v>9340</v>
      </c>
      <c r="CW10" s="73">
        <v>12854</v>
      </c>
      <c r="CX10" s="123">
        <v>2857</v>
      </c>
      <c r="CY10" s="82">
        <v>4039</v>
      </c>
      <c r="CZ10" s="83">
        <v>6896</v>
      </c>
      <c r="DA10" s="241"/>
      <c r="DB10" s="82">
        <v>3729</v>
      </c>
      <c r="DC10" s="82">
        <v>4122</v>
      </c>
      <c r="DD10" s="82">
        <v>3189</v>
      </c>
      <c r="DE10" s="82">
        <v>3091</v>
      </c>
      <c r="DF10" s="82">
        <v>1905</v>
      </c>
      <c r="DG10" s="84">
        <v>16036</v>
      </c>
      <c r="DH10" s="85">
        <v>22932</v>
      </c>
      <c r="DI10" s="70">
        <v>70</v>
      </c>
      <c r="DJ10" s="71">
        <v>98</v>
      </c>
      <c r="DK10" s="72">
        <v>168</v>
      </c>
      <c r="DL10" s="244"/>
      <c r="DM10" s="71">
        <v>59</v>
      </c>
      <c r="DN10" s="71">
        <v>101</v>
      </c>
      <c r="DO10" s="71">
        <v>68</v>
      </c>
      <c r="DP10" s="71">
        <v>51</v>
      </c>
      <c r="DQ10" s="71">
        <v>39</v>
      </c>
      <c r="DR10" s="72">
        <v>318</v>
      </c>
      <c r="DS10" s="73">
        <v>486</v>
      </c>
      <c r="DT10" s="70">
        <v>220</v>
      </c>
      <c r="DU10" s="71">
        <v>355</v>
      </c>
      <c r="DV10" s="72">
        <v>575</v>
      </c>
      <c r="DW10" s="244"/>
      <c r="DX10" s="71">
        <v>204</v>
      </c>
      <c r="DY10" s="71">
        <v>294</v>
      </c>
      <c r="DZ10" s="71">
        <v>164</v>
      </c>
      <c r="EA10" s="71">
        <v>151</v>
      </c>
      <c r="EB10" s="71">
        <v>127</v>
      </c>
      <c r="EC10" s="72">
        <v>940</v>
      </c>
      <c r="ED10" s="73">
        <v>1515</v>
      </c>
      <c r="EE10" s="70">
        <v>557</v>
      </c>
      <c r="EF10" s="71">
        <v>673</v>
      </c>
      <c r="EG10" s="72">
        <v>1230</v>
      </c>
      <c r="EH10" s="244"/>
      <c r="EI10" s="71">
        <v>507</v>
      </c>
      <c r="EJ10" s="71">
        <v>536</v>
      </c>
      <c r="EK10" s="71">
        <v>351</v>
      </c>
      <c r="EL10" s="71">
        <v>328</v>
      </c>
      <c r="EM10" s="71">
        <v>241</v>
      </c>
      <c r="EN10" s="72">
        <v>1963</v>
      </c>
      <c r="EO10" s="73">
        <v>3193</v>
      </c>
      <c r="EP10" s="70">
        <v>867</v>
      </c>
      <c r="EQ10" s="71">
        <v>1179</v>
      </c>
      <c r="ER10" s="72">
        <v>2046</v>
      </c>
      <c r="ES10" s="244"/>
      <c r="ET10" s="71">
        <v>1027</v>
      </c>
      <c r="EU10" s="71">
        <v>940</v>
      </c>
      <c r="EV10" s="71">
        <v>695</v>
      </c>
      <c r="EW10" s="71">
        <v>541</v>
      </c>
      <c r="EX10" s="71">
        <v>376</v>
      </c>
      <c r="EY10" s="72">
        <v>3579</v>
      </c>
      <c r="EZ10" s="73">
        <v>5625</v>
      </c>
      <c r="FA10" s="70">
        <v>766</v>
      </c>
      <c r="FB10" s="71">
        <v>1112</v>
      </c>
      <c r="FC10" s="72">
        <v>1878</v>
      </c>
      <c r="FD10" s="244"/>
      <c r="FE10" s="71">
        <v>1099</v>
      </c>
      <c r="FF10" s="71">
        <v>1147</v>
      </c>
      <c r="FG10" s="71">
        <v>821</v>
      </c>
      <c r="FH10" s="71">
        <v>799</v>
      </c>
      <c r="FI10" s="71">
        <v>482</v>
      </c>
      <c r="FJ10" s="72">
        <v>4348</v>
      </c>
      <c r="FK10" s="73">
        <v>6226</v>
      </c>
      <c r="FL10" s="70">
        <v>377</v>
      </c>
      <c r="FM10" s="71">
        <v>622</v>
      </c>
      <c r="FN10" s="72">
        <v>999</v>
      </c>
      <c r="FO10" s="244"/>
      <c r="FP10" s="71">
        <v>833</v>
      </c>
      <c r="FQ10" s="71">
        <v>1104</v>
      </c>
      <c r="FR10" s="71">
        <v>1090</v>
      </c>
      <c r="FS10" s="71">
        <v>1221</v>
      </c>
      <c r="FT10" s="71">
        <v>640</v>
      </c>
      <c r="FU10" s="72">
        <v>4888</v>
      </c>
      <c r="FV10" s="73">
        <v>5887</v>
      </c>
      <c r="FW10" s="70">
        <v>21</v>
      </c>
      <c r="FX10" s="71">
        <v>77</v>
      </c>
      <c r="FY10" s="72">
        <v>98</v>
      </c>
      <c r="FZ10" s="244"/>
      <c r="GA10" s="71">
        <v>44</v>
      </c>
      <c r="GB10" s="71">
        <v>88</v>
      </c>
      <c r="GC10" s="71">
        <v>39</v>
      </c>
      <c r="GD10" s="71">
        <v>51</v>
      </c>
      <c r="GE10" s="71">
        <v>56</v>
      </c>
      <c r="GF10" s="72">
        <v>278</v>
      </c>
      <c r="GG10" s="73">
        <v>376</v>
      </c>
      <c r="GH10" s="70">
        <v>2878</v>
      </c>
      <c r="GI10" s="71">
        <v>4116</v>
      </c>
      <c r="GJ10" s="72">
        <v>6994</v>
      </c>
      <c r="GK10" s="244"/>
      <c r="GL10" s="71">
        <v>3773</v>
      </c>
      <c r="GM10" s="71">
        <v>4210</v>
      </c>
      <c r="GN10" s="71">
        <v>3228</v>
      </c>
      <c r="GO10" s="71">
        <v>3142</v>
      </c>
      <c r="GP10" s="71">
        <v>1961</v>
      </c>
      <c r="GQ10" s="72">
        <v>16314</v>
      </c>
      <c r="GR10" s="73">
        <v>23308</v>
      </c>
      <c r="GS10" s="123">
        <v>4368</v>
      </c>
      <c r="GT10" s="82">
        <v>5913</v>
      </c>
      <c r="GU10" s="83">
        <v>10281</v>
      </c>
      <c r="GV10" s="241"/>
      <c r="GW10" s="82">
        <v>5962</v>
      </c>
      <c r="GX10" s="82">
        <v>6627</v>
      </c>
      <c r="GY10" s="82">
        <v>5067</v>
      </c>
      <c r="GZ10" s="82">
        <v>4577</v>
      </c>
      <c r="HA10" s="82">
        <v>2790</v>
      </c>
      <c r="HB10" s="84">
        <v>25023</v>
      </c>
      <c r="HC10" s="85">
        <v>35304</v>
      </c>
      <c r="HD10" s="70">
        <v>139</v>
      </c>
      <c r="HE10" s="71">
        <v>190</v>
      </c>
      <c r="HF10" s="72">
        <v>329</v>
      </c>
      <c r="HG10" s="244"/>
      <c r="HH10" s="71">
        <v>141</v>
      </c>
      <c r="HI10" s="71">
        <v>226</v>
      </c>
      <c r="HJ10" s="71">
        <v>161</v>
      </c>
      <c r="HK10" s="71">
        <v>130</v>
      </c>
      <c r="HL10" s="71">
        <v>116</v>
      </c>
      <c r="HM10" s="72">
        <v>774</v>
      </c>
      <c r="HN10" s="73">
        <v>1103</v>
      </c>
      <c r="HO10" s="70">
        <v>392</v>
      </c>
      <c r="HP10" s="71">
        <v>636</v>
      </c>
      <c r="HQ10" s="72">
        <v>1028</v>
      </c>
      <c r="HR10" s="244"/>
      <c r="HS10" s="71">
        <v>397</v>
      </c>
      <c r="HT10" s="71">
        <v>562</v>
      </c>
      <c r="HU10" s="71">
        <v>384</v>
      </c>
      <c r="HV10" s="71">
        <v>334</v>
      </c>
      <c r="HW10" s="71">
        <v>243</v>
      </c>
      <c r="HX10" s="72">
        <v>1920</v>
      </c>
      <c r="HY10" s="73">
        <v>2948</v>
      </c>
      <c r="HZ10" s="70">
        <v>797</v>
      </c>
      <c r="IA10" s="71">
        <v>1014</v>
      </c>
      <c r="IB10" s="72">
        <v>1811</v>
      </c>
      <c r="IC10" s="244"/>
      <c r="ID10" s="71">
        <v>898</v>
      </c>
      <c r="IE10" s="71">
        <v>962</v>
      </c>
      <c r="IF10" s="71">
        <v>650</v>
      </c>
      <c r="IG10" s="71">
        <v>579</v>
      </c>
      <c r="IH10" s="71">
        <v>402</v>
      </c>
      <c r="II10" s="72">
        <v>3491</v>
      </c>
      <c r="IJ10" s="73">
        <v>5302</v>
      </c>
      <c r="IK10" s="70">
        <v>1301</v>
      </c>
      <c r="IL10" s="71">
        <v>1697</v>
      </c>
      <c r="IM10" s="72">
        <v>2998</v>
      </c>
      <c r="IN10" s="244"/>
      <c r="IO10" s="71">
        <v>1638</v>
      </c>
      <c r="IP10" s="71">
        <v>1577</v>
      </c>
      <c r="IQ10" s="71">
        <v>1145</v>
      </c>
      <c r="IR10" s="71">
        <v>903</v>
      </c>
      <c r="IS10" s="71">
        <v>594</v>
      </c>
      <c r="IT10" s="72">
        <v>5857</v>
      </c>
      <c r="IU10" s="73">
        <v>8855</v>
      </c>
      <c r="IV10" s="70">
        <v>1158</v>
      </c>
      <c r="IW10" s="71">
        <v>1527</v>
      </c>
      <c r="IX10" s="72">
        <v>2685</v>
      </c>
      <c r="IY10" s="244"/>
      <c r="IZ10" s="71">
        <v>1694</v>
      </c>
      <c r="JA10" s="71">
        <v>1759</v>
      </c>
      <c r="JB10" s="71">
        <v>1294</v>
      </c>
      <c r="JC10" s="71">
        <v>1156</v>
      </c>
      <c r="JD10" s="71">
        <v>671</v>
      </c>
      <c r="JE10" s="72">
        <v>6574</v>
      </c>
      <c r="JF10" s="73">
        <v>9259</v>
      </c>
      <c r="JG10" s="70">
        <v>581</v>
      </c>
      <c r="JH10" s="71">
        <v>849</v>
      </c>
      <c r="JI10" s="72">
        <v>1430</v>
      </c>
      <c r="JJ10" s="244"/>
      <c r="JK10" s="71">
        <v>1194</v>
      </c>
      <c r="JL10" s="71">
        <v>1541</v>
      </c>
      <c r="JM10" s="71">
        <v>1433</v>
      </c>
      <c r="JN10" s="71">
        <v>1475</v>
      </c>
      <c r="JO10" s="71">
        <v>764</v>
      </c>
      <c r="JP10" s="72">
        <v>6407</v>
      </c>
      <c r="JQ10" s="73">
        <v>7837</v>
      </c>
      <c r="JR10" s="70">
        <v>60</v>
      </c>
      <c r="JS10" s="71">
        <v>167</v>
      </c>
      <c r="JT10" s="72">
        <v>227</v>
      </c>
      <c r="JU10" s="244"/>
      <c r="JV10" s="71">
        <v>86</v>
      </c>
      <c r="JW10" s="71">
        <v>196</v>
      </c>
      <c r="JX10" s="71">
        <v>108</v>
      </c>
      <c r="JY10" s="71">
        <v>130</v>
      </c>
      <c r="JZ10" s="71">
        <v>111</v>
      </c>
      <c r="KA10" s="72">
        <v>631</v>
      </c>
      <c r="KB10" s="73">
        <v>858</v>
      </c>
      <c r="KC10" s="70">
        <v>4428</v>
      </c>
      <c r="KD10" s="71">
        <v>6080</v>
      </c>
      <c r="KE10" s="72">
        <v>10508</v>
      </c>
      <c r="KF10" s="244"/>
      <c r="KG10" s="71">
        <v>6048</v>
      </c>
      <c r="KH10" s="71">
        <v>6823</v>
      </c>
      <c r="KI10" s="71">
        <v>5175</v>
      </c>
      <c r="KJ10" s="71">
        <v>4707</v>
      </c>
      <c r="KK10" s="71">
        <v>2901</v>
      </c>
      <c r="KL10" s="72">
        <v>25654</v>
      </c>
      <c r="KM10" s="73">
        <v>36162</v>
      </c>
    </row>
    <row r="11" spans="2:299" ht="21" customHeight="1" x14ac:dyDescent="0.2">
      <c r="B11" s="126" t="s">
        <v>7</v>
      </c>
      <c r="C11" s="313">
        <v>964</v>
      </c>
      <c r="D11" s="82">
        <v>753</v>
      </c>
      <c r="E11" s="83">
        <v>1717</v>
      </c>
      <c r="F11" s="241"/>
      <c r="G11" s="82">
        <v>2324</v>
      </c>
      <c r="H11" s="82">
        <v>1525</v>
      </c>
      <c r="I11" s="82">
        <v>957</v>
      </c>
      <c r="J11" s="82">
        <v>818</v>
      </c>
      <c r="K11" s="82">
        <v>436</v>
      </c>
      <c r="L11" s="84">
        <v>6060</v>
      </c>
      <c r="M11" s="85">
        <v>7777</v>
      </c>
      <c r="N11" s="70">
        <v>39</v>
      </c>
      <c r="O11" s="71">
        <v>22</v>
      </c>
      <c r="P11" s="72">
        <v>61</v>
      </c>
      <c r="Q11" s="244"/>
      <c r="R11" s="71">
        <v>99</v>
      </c>
      <c r="S11" s="71">
        <v>61</v>
      </c>
      <c r="T11" s="71">
        <v>45</v>
      </c>
      <c r="U11" s="71">
        <v>44</v>
      </c>
      <c r="V11" s="71">
        <v>32</v>
      </c>
      <c r="W11" s="72">
        <v>281</v>
      </c>
      <c r="X11" s="73">
        <v>342</v>
      </c>
      <c r="Y11" s="70">
        <v>86</v>
      </c>
      <c r="Z11" s="71">
        <v>90</v>
      </c>
      <c r="AA11" s="72">
        <v>176</v>
      </c>
      <c r="AB11" s="244"/>
      <c r="AC11" s="71">
        <v>238</v>
      </c>
      <c r="AD11" s="71">
        <v>165</v>
      </c>
      <c r="AE11" s="71">
        <v>102</v>
      </c>
      <c r="AF11" s="71">
        <v>78</v>
      </c>
      <c r="AG11" s="71">
        <v>71</v>
      </c>
      <c r="AH11" s="72">
        <v>654</v>
      </c>
      <c r="AI11" s="73">
        <v>830</v>
      </c>
      <c r="AJ11" s="70">
        <v>137</v>
      </c>
      <c r="AK11" s="71">
        <v>125</v>
      </c>
      <c r="AL11" s="72">
        <v>262</v>
      </c>
      <c r="AM11" s="244"/>
      <c r="AN11" s="71">
        <v>380</v>
      </c>
      <c r="AO11" s="71">
        <v>242</v>
      </c>
      <c r="AP11" s="71">
        <v>167</v>
      </c>
      <c r="AQ11" s="71">
        <v>137</v>
      </c>
      <c r="AR11" s="71">
        <v>82</v>
      </c>
      <c r="AS11" s="72">
        <v>1008</v>
      </c>
      <c r="AT11" s="73">
        <v>1270</v>
      </c>
      <c r="AU11" s="70">
        <v>238</v>
      </c>
      <c r="AV11" s="71">
        <v>167</v>
      </c>
      <c r="AW11" s="72">
        <v>405</v>
      </c>
      <c r="AX11" s="244"/>
      <c r="AY11" s="71">
        <v>565</v>
      </c>
      <c r="AZ11" s="71">
        <v>378</v>
      </c>
      <c r="BA11" s="71">
        <v>229</v>
      </c>
      <c r="BB11" s="71">
        <v>189</v>
      </c>
      <c r="BC11" s="71">
        <v>101</v>
      </c>
      <c r="BD11" s="72">
        <v>1462</v>
      </c>
      <c r="BE11" s="73">
        <v>1867</v>
      </c>
      <c r="BF11" s="70">
        <v>281</v>
      </c>
      <c r="BG11" s="71">
        <v>230</v>
      </c>
      <c r="BH11" s="72">
        <v>511</v>
      </c>
      <c r="BI11" s="244"/>
      <c r="BJ11" s="71">
        <v>615</v>
      </c>
      <c r="BK11" s="71">
        <v>373</v>
      </c>
      <c r="BL11" s="71">
        <v>237</v>
      </c>
      <c r="BM11" s="71">
        <v>204</v>
      </c>
      <c r="BN11" s="71">
        <v>90</v>
      </c>
      <c r="BO11" s="72">
        <v>1519</v>
      </c>
      <c r="BP11" s="73">
        <v>2030</v>
      </c>
      <c r="BQ11" s="70">
        <v>183</v>
      </c>
      <c r="BR11" s="71">
        <v>119</v>
      </c>
      <c r="BS11" s="72">
        <v>302</v>
      </c>
      <c r="BT11" s="244"/>
      <c r="BU11" s="71">
        <v>427</v>
      </c>
      <c r="BV11" s="71">
        <v>306</v>
      </c>
      <c r="BW11" s="71">
        <v>177</v>
      </c>
      <c r="BX11" s="71">
        <v>166</v>
      </c>
      <c r="BY11" s="71">
        <v>60</v>
      </c>
      <c r="BZ11" s="72">
        <v>1136</v>
      </c>
      <c r="CA11" s="73">
        <v>1438</v>
      </c>
      <c r="CB11" s="70">
        <v>12</v>
      </c>
      <c r="CC11" s="71">
        <v>18</v>
      </c>
      <c r="CD11" s="72">
        <v>30</v>
      </c>
      <c r="CE11" s="244"/>
      <c r="CF11" s="71">
        <v>64</v>
      </c>
      <c r="CG11" s="71">
        <v>60</v>
      </c>
      <c r="CH11" s="71">
        <v>36</v>
      </c>
      <c r="CI11" s="71">
        <v>40</v>
      </c>
      <c r="CJ11" s="71">
        <v>28</v>
      </c>
      <c r="CK11" s="72">
        <v>228</v>
      </c>
      <c r="CL11" s="73">
        <v>258</v>
      </c>
      <c r="CM11" s="70">
        <v>976</v>
      </c>
      <c r="CN11" s="71">
        <v>771</v>
      </c>
      <c r="CO11" s="72">
        <v>1747</v>
      </c>
      <c r="CP11" s="244"/>
      <c r="CQ11" s="71">
        <v>2388</v>
      </c>
      <c r="CR11" s="71">
        <v>1585</v>
      </c>
      <c r="CS11" s="71">
        <v>993</v>
      </c>
      <c r="CT11" s="71">
        <v>858</v>
      </c>
      <c r="CU11" s="71">
        <v>464</v>
      </c>
      <c r="CV11" s="72">
        <v>6288</v>
      </c>
      <c r="CW11" s="73">
        <v>8035</v>
      </c>
      <c r="CX11" s="123">
        <v>1872</v>
      </c>
      <c r="CY11" s="82">
        <v>1970</v>
      </c>
      <c r="CZ11" s="83">
        <v>3842</v>
      </c>
      <c r="DA11" s="241"/>
      <c r="DB11" s="82">
        <v>4356</v>
      </c>
      <c r="DC11" s="82">
        <v>2637</v>
      </c>
      <c r="DD11" s="82">
        <v>2025</v>
      </c>
      <c r="DE11" s="82">
        <v>2006</v>
      </c>
      <c r="DF11" s="82">
        <v>1169</v>
      </c>
      <c r="DG11" s="84">
        <v>12193</v>
      </c>
      <c r="DH11" s="85">
        <v>16035</v>
      </c>
      <c r="DI11" s="70">
        <v>36</v>
      </c>
      <c r="DJ11" s="71">
        <v>41</v>
      </c>
      <c r="DK11" s="72">
        <v>77</v>
      </c>
      <c r="DL11" s="244"/>
      <c r="DM11" s="71">
        <v>79</v>
      </c>
      <c r="DN11" s="71">
        <v>44</v>
      </c>
      <c r="DO11" s="71">
        <v>39</v>
      </c>
      <c r="DP11" s="71">
        <v>37</v>
      </c>
      <c r="DQ11" s="71">
        <v>40</v>
      </c>
      <c r="DR11" s="72">
        <v>239</v>
      </c>
      <c r="DS11" s="73">
        <v>316</v>
      </c>
      <c r="DT11" s="70">
        <v>127</v>
      </c>
      <c r="DU11" s="71">
        <v>113</v>
      </c>
      <c r="DV11" s="72">
        <v>240</v>
      </c>
      <c r="DW11" s="244"/>
      <c r="DX11" s="71">
        <v>253</v>
      </c>
      <c r="DY11" s="71">
        <v>164</v>
      </c>
      <c r="DZ11" s="71">
        <v>92</v>
      </c>
      <c r="EA11" s="71">
        <v>91</v>
      </c>
      <c r="EB11" s="71">
        <v>45</v>
      </c>
      <c r="EC11" s="72">
        <v>645</v>
      </c>
      <c r="ED11" s="73">
        <v>885</v>
      </c>
      <c r="EE11" s="70">
        <v>274</v>
      </c>
      <c r="EF11" s="71">
        <v>262</v>
      </c>
      <c r="EG11" s="72">
        <v>536</v>
      </c>
      <c r="EH11" s="244"/>
      <c r="EI11" s="71">
        <v>550</v>
      </c>
      <c r="EJ11" s="71">
        <v>307</v>
      </c>
      <c r="EK11" s="71">
        <v>200</v>
      </c>
      <c r="EL11" s="71">
        <v>194</v>
      </c>
      <c r="EM11" s="71">
        <v>135</v>
      </c>
      <c r="EN11" s="72">
        <v>1386</v>
      </c>
      <c r="EO11" s="73">
        <v>1922</v>
      </c>
      <c r="EP11" s="70">
        <v>564</v>
      </c>
      <c r="EQ11" s="71">
        <v>537</v>
      </c>
      <c r="ER11" s="72">
        <v>1101</v>
      </c>
      <c r="ES11" s="244"/>
      <c r="ET11" s="71">
        <v>1032</v>
      </c>
      <c r="EU11" s="71">
        <v>515</v>
      </c>
      <c r="EV11" s="71">
        <v>351</v>
      </c>
      <c r="EW11" s="71">
        <v>342</v>
      </c>
      <c r="EX11" s="71">
        <v>208</v>
      </c>
      <c r="EY11" s="72">
        <v>2448</v>
      </c>
      <c r="EZ11" s="73">
        <v>3549</v>
      </c>
      <c r="FA11" s="70">
        <v>563</v>
      </c>
      <c r="FB11" s="71">
        <v>609</v>
      </c>
      <c r="FC11" s="72">
        <v>1172</v>
      </c>
      <c r="FD11" s="244"/>
      <c r="FE11" s="71">
        <v>1280</v>
      </c>
      <c r="FF11" s="71">
        <v>716</v>
      </c>
      <c r="FG11" s="71">
        <v>540</v>
      </c>
      <c r="FH11" s="71">
        <v>522</v>
      </c>
      <c r="FI11" s="71">
        <v>304</v>
      </c>
      <c r="FJ11" s="72">
        <v>3362</v>
      </c>
      <c r="FK11" s="73">
        <v>4534</v>
      </c>
      <c r="FL11" s="70">
        <v>308</v>
      </c>
      <c r="FM11" s="71">
        <v>408</v>
      </c>
      <c r="FN11" s="72">
        <v>716</v>
      </c>
      <c r="FO11" s="244"/>
      <c r="FP11" s="71">
        <v>1162</v>
      </c>
      <c r="FQ11" s="71">
        <v>891</v>
      </c>
      <c r="FR11" s="71">
        <v>803</v>
      </c>
      <c r="FS11" s="71">
        <v>820</v>
      </c>
      <c r="FT11" s="71">
        <v>437</v>
      </c>
      <c r="FU11" s="72">
        <v>4113</v>
      </c>
      <c r="FV11" s="73">
        <v>4829</v>
      </c>
      <c r="FW11" s="70">
        <v>11</v>
      </c>
      <c r="FX11" s="71">
        <v>12</v>
      </c>
      <c r="FY11" s="72">
        <v>23</v>
      </c>
      <c r="FZ11" s="244"/>
      <c r="GA11" s="71">
        <v>73</v>
      </c>
      <c r="GB11" s="71">
        <v>54</v>
      </c>
      <c r="GC11" s="71">
        <v>31</v>
      </c>
      <c r="GD11" s="71">
        <v>22</v>
      </c>
      <c r="GE11" s="71">
        <v>29</v>
      </c>
      <c r="GF11" s="72">
        <v>209</v>
      </c>
      <c r="GG11" s="73">
        <v>232</v>
      </c>
      <c r="GH11" s="70">
        <v>1883</v>
      </c>
      <c r="GI11" s="71">
        <v>1982</v>
      </c>
      <c r="GJ11" s="72">
        <v>3865</v>
      </c>
      <c r="GK11" s="244"/>
      <c r="GL11" s="71">
        <v>4429</v>
      </c>
      <c r="GM11" s="71">
        <v>2691</v>
      </c>
      <c r="GN11" s="71">
        <v>2056</v>
      </c>
      <c r="GO11" s="71">
        <v>2028</v>
      </c>
      <c r="GP11" s="71">
        <v>1198</v>
      </c>
      <c r="GQ11" s="72">
        <v>12402</v>
      </c>
      <c r="GR11" s="73">
        <v>16267</v>
      </c>
      <c r="GS11" s="123">
        <v>2836</v>
      </c>
      <c r="GT11" s="82">
        <v>2723</v>
      </c>
      <c r="GU11" s="83">
        <v>5559</v>
      </c>
      <c r="GV11" s="241"/>
      <c r="GW11" s="82">
        <v>6680</v>
      </c>
      <c r="GX11" s="82">
        <v>4162</v>
      </c>
      <c r="GY11" s="82">
        <v>2982</v>
      </c>
      <c r="GZ11" s="82">
        <v>2824</v>
      </c>
      <c r="HA11" s="82">
        <v>1605</v>
      </c>
      <c r="HB11" s="84">
        <v>18253</v>
      </c>
      <c r="HC11" s="85">
        <v>23812</v>
      </c>
      <c r="HD11" s="70">
        <v>75</v>
      </c>
      <c r="HE11" s="71">
        <v>63</v>
      </c>
      <c r="HF11" s="72">
        <v>138</v>
      </c>
      <c r="HG11" s="244"/>
      <c r="HH11" s="71">
        <v>178</v>
      </c>
      <c r="HI11" s="71">
        <v>105</v>
      </c>
      <c r="HJ11" s="71">
        <v>84</v>
      </c>
      <c r="HK11" s="71">
        <v>81</v>
      </c>
      <c r="HL11" s="71">
        <v>72</v>
      </c>
      <c r="HM11" s="72">
        <v>520</v>
      </c>
      <c r="HN11" s="73">
        <v>658</v>
      </c>
      <c r="HO11" s="70">
        <v>213</v>
      </c>
      <c r="HP11" s="71">
        <v>203</v>
      </c>
      <c r="HQ11" s="72">
        <v>416</v>
      </c>
      <c r="HR11" s="244"/>
      <c r="HS11" s="71">
        <v>491</v>
      </c>
      <c r="HT11" s="71">
        <v>329</v>
      </c>
      <c r="HU11" s="71">
        <v>194</v>
      </c>
      <c r="HV11" s="71">
        <v>169</v>
      </c>
      <c r="HW11" s="71">
        <v>116</v>
      </c>
      <c r="HX11" s="72">
        <v>1299</v>
      </c>
      <c r="HY11" s="73">
        <v>1715</v>
      </c>
      <c r="HZ11" s="70">
        <v>411</v>
      </c>
      <c r="IA11" s="71">
        <v>387</v>
      </c>
      <c r="IB11" s="72">
        <v>798</v>
      </c>
      <c r="IC11" s="244"/>
      <c r="ID11" s="71">
        <v>930</v>
      </c>
      <c r="IE11" s="71">
        <v>549</v>
      </c>
      <c r="IF11" s="71">
        <v>367</v>
      </c>
      <c r="IG11" s="71">
        <v>331</v>
      </c>
      <c r="IH11" s="71">
        <v>217</v>
      </c>
      <c r="II11" s="72">
        <v>2394</v>
      </c>
      <c r="IJ11" s="73">
        <v>3192</v>
      </c>
      <c r="IK11" s="70">
        <v>802</v>
      </c>
      <c r="IL11" s="71">
        <v>704</v>
      </c>
      <c r="IM11" s="72">
        <v>1506</v>
      </c>
      <c r="IN11" s="244"/>
      <c r="IO11" s="71">
        <v>1597</v>
      </c>
      <c r="IP11" s="71">
        <v>893</v>
      </c>
      <c r="IQ11" s="71">
        <v>580</v>
      </c>
      <c r="IR11" s="71">
        <v>531</v>
      </c>
      <c r="IS11" s="71">
        <v>309</v>
      </c>
      <c r="IT11" s="72">
        <v>3910</v>
      </c>
      <c r="IU11" s="73">
        <v>5416</v>
      </c>
      <c r="IV11" s="70">
        <v>844</v>
      </c>
      <c r="IW11" s="71">
        <v>839</v>
      </c>
      <c r="IX11" s="72">
        <v>1683</v>
      </c>
      <c r="IY11" s="244"/>
      <c r="IZ11" s="71">
        <v>1895</v>
      </c>
      <c r="JA11" s="71">
        <v>1089</v>
      </c>
      <c r="JB11" s="71">
        <v>777</v>
      </c>
      <c r="JC11" s="71">
        <v>726</v>
      </c>
      <c r="JD11" s="71">
        <v>394</v>
      </c>
      <c r="JE11" s="72">
        <v>4881</v>
      </c>
      <c r="JF11" s="73">
        <v>6564</v>
      </c>
      <c r="JG11" s="70">
        <v>491</v>
      </c>
      <c r="JH11" s="71">
        <v>527</v>
      </c>
      <c r="JI11" s="72">
        <v>1018</v>
      </c>
      <c r="JJ11" s="244"/>
      <c r="JK11" s="71">
        <v>1589</v>
      </c>
      <c r="JL11" s="71">
        <v>1197</v>
      </c>
      <c r="JM11" s="71">
        <v>980</v>
      </c>
      <c r="JN11" s="71">
        <v>986</v>
      </c>
      <c r="JO11" s="71">
        <v>497</v>
      </c>
      <c r="JP11" s="72">
        <v>5249</v>
      </c>
      <c r="JQ11" s="73">
        <v>6267</v>
      </c>
      <c r="JR11" s="70">
        <v>23</v>
      </c>
      <c r="JS11" s="71">
        <v>30</v>
      </c>
      <c r="JT11" s="72">
        <v>53</v>
      </c>
      <c r="JU11" s="244"/>
      <c r="JV11" s="71">
        <v>137</v>
      </c>
      <c r="JW11" s="71">
        <v>114</v>
      </c>
      <c r="JX11" s="71">
        <v>67</v>
      </c>
      <c r="JY11" s="71">
        <v>62</v>
      </c>
      <c r="JZ11" s="71">
        <v>57</v>
      </c>
      <c r="KA11" s="72">
        <v>437</v>
      </c>
      <c r="KB11" s="73">
        <v>490</v>
      </c>
      <c r="KC11" s="70">
        <v>2859</v>
      </c>
      <c r="KD11" s="71">
        <v>2753</v>
      </c>
      <c r="KE11" s="72">
        <v>5612</v>
      </c>
      <c r="KF11" s="244"/>
      <c r="KG11" s="71">
        <v>6817</v>
      </c>
      <c r="KH11" s="71">
        <v>4276</v>
      </c>
      <c r="KI11" s="71">
        <v>3049</v>
      </c>
      <c r="KJ11" s="71">
        <v>2886</v>
      </c>
      <c r="KK11" s="71">
        <v>1662</v>
      </c>
      <c r="KL11" s="72">
        <v>18690</v>
      </c>
      <c r="KM11" s="73">
        <v>24302</v>
      </c>
    </row>
    <row r="12" spans="2:299" ht="21" customHeight="1" x14ac:dyDescent="0.2">
      <c r="B12" s="126" t="s">
        <v>8</v>
      </c>
      <c r="C12" s="313">
        <v>546</v>
      </c>
      <c r="D12" s="82">
        <v>360</v>
      </c>
      <c r="E12" s="83">
        <v>906</v>
      </c>
      <c r="F12" s="241"/>
      <c r="G12" s="82">
        <v>982</v>
      </c>
      <c r="H12" s="82">
        <v>872</v>
      </c>
      <c r="I12" s="82">
        <v>637</v>
      </c>
      <c r="J12" s="82">
        <v>495</v>
      </c>
      <c r="K12" s="82">
        <v>280</v>
      </c>
      <c r="L12" s="84">
        <v>3266</v>
      </c>
      <c r="M12" s="85">
        <v>4172</v>
      </c>
      <c r="N12" s="70">
        <v>23</v>
      </c>
      <c r="O12" s="71">
        <v>26</v>
      </c>
      <c r="P12" s="72">
        <v>49</v>
      </c>
      <c r="Q12" s="244"/>
      <c r="R12" s="71">
        <v>48</v>
      </c>
      <c r="S12" s="71">
        <v>42</v>
      </c>
      <c r="T12" s="71">
        <v>26</v>
      </c>
      <c r="U12" s="71">
        <v>23</v>
      </c>
      <c r="V12" s="71">
        <v>18</v>
      </c>
      <c r="W12" s="72">
        <v>157</v>
      </c>
      <c r="X12" s="73">
        <v>206</v>
      </c>
      <c r="Y12" s="70">
        <v>52</v>
      </c>
      <c r="Z12" s="71">
        <v>48</v>
      </c>
      <c r="AA12" s="72">
        <v>100</v>
      </c>
      <c r="AB12" s="244"/>
      <c r="AC12" s="71">
        <v>100</v>
      </c>
      <c r="AD12" s="71">
        <v>116</v>
      </c>
      <c r="AE12" s="71">
        <v>76</v>
      </c>
      <c r="AF12" s="71">
        <v>69</v>
      </c>
      <c r="AG12" s="71">
        <v>41</v>
      </c>
      <c r="AH12" s="72">
        <v>402</v>
      </c>
      <c r="AI12" s="73">
        <v>502</v>
      </c>
      <c r="AJ12" s="70">
        <v>96</v>
      </c>
      <c r="AK12" s="71">
        <v>56</v>
      </c>
      <c r="AL12" s="72">
        <v>152</v>
      </c>
      <c r="AM12" s="244"/>
      <c r="AN12" s="71">
        <v>157</v>
      </c>
      <c r="AO12" s="71">
        <v>137</v>
      </c>
      <c r="AP12" s="71">
        <v>107</v>
      </c>
      <c r="AQ12" s="71">
        <v>82</v>
      </c>
      <c r="AR12" s="71">
        <v>57</v>
      </c>
      <c r="AS12" s="72">
        <v>540</v>
      </c>
      <c r="AT12" s="73">
        <v>692</v>
      </c>
      <c r="AU12" s="70">
        <v>143</v>
      </c>
      <c r="AV12" s="71">
        <v>78</v>
      </c>
      <c r="AW12" s="72">
        <v>221</v>
      </c>
      <c r="AX12" s="244"/>
      <c r="AY12" s="71">
        <v>252</v>
      </c>
      <c r="AZ12" s="71">
        <v>222</v>
      </c>
      <c r="BA12" s="71">
        <v>144</v>
      </c>
      <c r="BB12" s="71">
        <v>122</v>
      </c>
      <c r="BC12" s="71">
        <v>59</v>
      </c>
      <c r="BD12" s="72">
        <v>799</v>
      </c>
      <c r="BE12" s="73">
        <v>1020</v>
      </c>
      <c r="BF12" s="70">
        <v>149</v>
      </c>
      <c r="BG12" s="71">
        <v>82</v>
      </c>
      <c r="BH12" s="72">
        <v>231</v>
      </c>
      <c r="BI12" s="244"/>
      <c r="BJ12" s="71">
        <v>255</v>
      </c>
      <c r="BK12" s="71">
        <v>213</v>
      </c>
      <c r="BL12" s="71">
        <v>146</v>
      </c>
      <c r="BM12" s="71">
        <v>102</v>
      </c>
      <c r="BN12" s="71">
        <v>58</v>
      </c>
      <c r="BO12" s="72">
        <v>774</v>
      </c>
      <c r="BP12" s="73">
        <v>1005</v>
      </c>
      <c r="BQ12" s="70">
        <v>83</v>
      </c>
      <c r="BR12" s="71">
        <v>70</v>
      </c>
      <c r="BS12" s="72">
        <v>153</v>
      </c>
      <c r="BT12" s="244"/>
      <c r="BU12" s="71">
        <v>170</v>
      </c>
      <c r="BV12" s="71">
        <v>142</v>
      </c>
      <c r="BW12" s="71">
        <v>138</v>
      </c>
      <c r="BX12" s="71">
        <v>97</v>
      </c>
      <c r="BY12" s="71">
        <v>47</v>
      </c>
      <c r="BZ12" s="72">
        <v>594</v>
      </c>
      <c r="CA12" s="73">
        <v>747</v>
      </c>
      <c r="CB12" s="70">
        <v>16</v>
      </c>
      <c r="CC12" s="71">
        <v>13</v>
      </c>
      <c r="CD12" s="72">
        <v>29</v>
      </c>
      <c r="CE12" s="244"/>
      <c r="CF12" s="71">
        <v>30</v>
      </c>
      <c r="CG12" s="71">
        <v>48</v>
      </c>
      <c r="CH12" s="71">
        <v>23</v>
      </c>
      <c r="CI12" s="71">
        <v>23</v>
      </c>
      <c r="CJ12" s="71">
        <v>10</v>
      </c>
      <c r="CK12" s="72">
        <v>134</v>
      </c>
      <c r="CL12" s="73">
        <v>163</v>
      </c>
      <c r="CM12" s="70">
        <v>562</v>
      </c>
      <c r="CN12" s="71">
        <v>373</v>
      </c>
      <c r="CO12" s="72">
        <v>935</v>
      </c>
      <c r="CP12" s="244"/>
      <c r="CQ12" s="71">
        <v>1012</v>
      </c>
      <c r="CR12" s="71">
        <v>920</v>
      </c>
      <c r="CS12" s="71">
        <v>660</v>
      </c>
      <c r="CT12" s="71">
        <v>518</v>
      </c>
      <c r="CU12" s="71">
        <v>290</v>
      </c>
      <c r="CV12" s="72">
        <v>3400</v>
      </c>
      <c r="CW12" s="73">
        <v>4335</v>
      </c>
      <c r="CX12" s="123">
        <v>1020</v>
      </c>
      <c r="CY12" s="82">
        <v>920</v>
      </c>
      <c r="CZ12" s="83">
        <v>1940</v>
      </c>
      <c r="DA12" s="241"/>
      <c r="DB12" s="82">
        <v>1710</v>
      </c>
      <c r="DC12" s="82">
        <v>1582</v>
      </c>
      <c r="DD12" s="82">
        <v>1297</v>
      </c>
      <c r="DE12" s="82">
        <v>1069</v>
      </c>
      <c r="DF12" s="82">
        <v>644</v>
      </c>
      <c r="DG12" s="84">
        <v>6302</v>
      </c>
      <c r="DH12" s="85">
        <v>8242</v>
      </c>
      <c r="DI12" s="70">
        <v>31</v>
      </c>
      <c r="DJ12" s="71">
        <v>18</v>
      </c>
      <c r="DK12" s="72">
        <v>49</v>
      </c>
      <c r="DL12" s="244"/>
      <c r="DM12" s="71">
        <v>43</v>
      </c>
      <c r="DN12" s="71">
        <v>30</v>
      </c>
      <c r="DO12" s="71">
        <v>17</v>
      </c>
      <c r="DP12" s="71">
        <v>26</v>
      </c>
      <c r="DQ12" s="71">
        <v>14</v>
      </c>
      <c r="DR12" s="72">
        <v>130</v>
      </c>
      <c r="DS12" s="73">
        <v>179</v>
      </c>
      <c r="DT12" s="70">
        <v>73</v>
      </c>
      <c r="DU12" s="71">
        <v>68</v>
      </c>
      <c r="DV12" s="72">
        <v>141</v>
      </c>
      <c r="DW12" s="244"/>
      <c r="DX12" s="71">
        <v>92</v>
      </c>
      <c r="DY12" s="71">
        <v>79</v>
      </c>
      <c r="DZ12" s="71">
        <v>58</v>
      </c>
      <c r="EA12" s="71">
        <v>56</v>
      </c>
      <c r="EB12" s="71">
        <v>43</v>
      </c>
      <c r="EC12" s="72">
        <v>328</v>
      </c>
      <c r="ED12" s="73">
        <v>469</v>
      </c>
      <c r="EE12" s="70">
        <v>148</v>
      </c>
      <c r="EF12" s="71">
        <v>138</v>
      </c>
      <c r="EG12" s="72">
        <v>286</v>
      </c>
      <c r="EH12" s="244"/>
      <c r="EI12" s="71">
        <v>218</v>
      </c>
      <c r="EJ12" s="71">
        <v>159</v>
      </c>
      <c r="EK12" s="71">
        <v>129</v>
      </c>
      <c r="EL12" s="71">
        <v>101</v>
      </c>
      <c r="EM12" s="71">
        <v>73</v>
      </c>
      <c r="EN12" s="72">
        <v>680</v>
      </c>
      <c r="EO12" s="73">
        <v>966</v>
      </c>
      <c r="EP12" s="70">
        <v>332</v>
      </c>
      <c r="EQ12" s="71">
        <v>262</v>
      </c>
      <c r="ER12" s="72">
        <v>594</v>
      </c>
      <c r="ES12" s="244"/>
      <c r="ET12" s="71">
        <v>420</v>
      </c>
      <c r="EU12" s="71">
        <v>334</v>
      </c>
      <c r="EV12" s="71">
        <v>230</v>
      </c>
      <c r="EW12" s="71">
        <v>179</v>
      </c>
      <c r="EX12" s="71">
        <v>114</v>
      </c>
      <c r="EY12" s="72">
        <v>1277</v>
      </c>
      <c r="EZ12" s="73">
        <v>1871</v>
      </c>
      <c r="FA12" s="70">
        <v>283</v>
      </c>
      <c r="FB12" s="71">
        <v>268</v>
      </c>
      <c r="FC12" s="72">
        <v>551</v>
      </c>
      <c r="FD12" s="244"/>
      <c r="FE12" s="71">
        <v>507</v>
      </c>
      <c r="FF12" s="71">
        <v>458</v>
      </c>
      <c r="FG12" s="71">
        <v>366</v>
      </c>
      <c r="FH12" s="71">
        <v>255</v>
      </c>
      <c r="FI12" s="71">
        <v>159</v>
      </c>
      <c r="FJ12" s="72">
        <v>1745</v>
      </c>
      <c r="FK12" s="73">
        <v>2296</v>
      </c>
      <c r="FL12" s="70">
        <v>153</v>
      </c>
      <c r="FM12" s="71">
        <v>166</v>
      </c>
      <c r="FN12" s="72">
        <v>319</v>
      </c>
      <c r="FO12" s="244"/>
      <c r="FP12" s="71">
        <v>430</v>
      </c>
      <c r="FQ12" s="71">
        <v>522</v>
      </c>
      <c r="FR12" s="71">
        <v>497</v>
      </c>
      <c r="FS12" s="71">
        <v>452</v>
      </c>
      <c r="FT12" s="71">
        <v>241</v>
      </c>
      <c r="FU12" s="72">
        <v>2142</v>
      </c>
      <c r="FV12" s="73">
        <v>2461</v>
      </c>
      <c r="FW12" s="70">
        <v>7</v>
      </c>
      <c r="FX12" s="71">
        <v>20</v>
      </c>
      <c r="FY12" s="72">
        <v>27</v>
      </c>
      <c r="FZ12" s="244"/>
      <c r="GA12" s="71">
        <v>18</v>
      </c>
      <c r="GB12" s="71">
        <v>38</v>
      </c>
      <c r="GC12" s="71">
        <v>17</v>
      </c>
      <c r="GD12" s="71">
        <v>19</v>
      </c>
      <c r="GE12" s="71">
        <v>16</v>
      </c>
      <c r="GF12" s="72">
        <v>108</v>
      </c>
      <c r="GG12" s="73">
        <v>135</v>
      </c>
      <c r="GH12" s="70">
        <v>1027</v>
      </c>
      <c r="GI12" s="71">
        <v>940</v>
      </c>
      <c r="GJ12" s="72">
        <v>1967</v>
      </c>
      <c r="GK12" s="244"/>
      <c r="GL12" s="71">
        <v>1728</v>
      </c>
      <c r="GM12" s="71">
        <v>1620</v>
      </c>
      <c r="GN12" s="71">
        <v>1314</v>
      </c>
      <c r="GO12" s="71">
        <v>1088</v>
      </c>
      <c r="GP12" s="71">
        <v>660</v>
      </c>
      <c r="GQ12" s="72">
        <v>6410</v>
      </c>
      <c r="GR12" s="73">
        <v>8377</v>
      </c>
      <c r="GS12" s="123">
        <v>1566</v>
      </c>
      <c r="GT12" s="82">
        <v>1280</v>
      </c>
      <c r="GU12" s="83">
        <v>2846</v>
      </c>
      <c r="GV12" s="241"/>
      <c r="GW12" s="82">
        <v>2692</v>
      </c>
      <c r="GX12" s="82">
        <v>2454</v>
      </c>
      <c r="GY12" s="82">
        <v>1934</v>
      </c>
      <c r="GZ12" s="82">
        <v>1564</v>
      </c>
      <c r="HA12" s="82">
        <v>924</v>
      </c>
      <c r="HB12" s="84">
        <v>9568</v>
      </c>
      <c r="HC12" s="85">
        <v>12414</v>
      </c>
      <c r="HD12" s="70">
        <v>54</v>
      </c>
      <c r="HE12" s="71">
        <v>44</v>
      </c>
      <c r="HF12" s="72">
        <v>98</v>
      </c>
      <c r="HG12" s="244"/>
      <c r="HH12" s="71">
        <v>91</v>
      </c>
      <c r="HI12" s="71">
        <v>72</v>
      </c>
      <c r="HJ12" s="71">
        <v>43</v>
      </c>
      <c r="HK12" s="71">
        <v>49</v>
      </c>
      <c r="HL12" s="71">
        <v>32</v>
      </c>
      <c r="HM12" s="72">
        <v>287</v>
      </c>
      <c r="HN12" s="73">
        <v>385</v>
      </c>
      <c r="HO12" s="70">
        <v>125</v>
      </c>
      <c r="HP12" s="71">
        <v>116</v>
      </c>
      <c r="HQ12" s="72">
        <v>241</v>
      </c>
      <c r="HR12" s="244"/>
      <c r="HS12" s="71">
        <v>192</v>
      </c>
      <c r="HT12" s="71">
        <v>195</v>
      </c>
      <c r="HU12" s="71">
        <v>134</v>
      </c>
      <c r="HV12" s="71">
        <v>125</v>
      </c>
      <c r="HW12" s="71">
        <v>84</v>
      </c>
      <c r="HX12" s="72">
        <v>730</v>
      </c>
      <c r="HY12" s="73">
        <v>971</v>
      </c>
      <c r="HZ12" s="70">
        <v>244</v>
      </c>
      <c r="IA12" s="71">
        <v>194</v>
      </c>
      <c r="IB12" s="72">
        <v>438</v>
      </c>
      <c r="IC12" s="244"/>
      <c r="ID12" s="71">
        <v>375</v>
      </c>
      <c r="IE12" s="71">
        <v>296</v>
      </c>
      <c r="IF12" s="71">
        <v>236</v>
      </c>
      <c r="IG12" s="71">
        <v>183</v>
      </c>
      <c r="IH12" s="71">
        <v>130</v>
      </c>
      <c r="II12" s="72">
        <v>1220</v>
      </c>
      <c r="IJ12" s="73">
        <v>1658</v>
      </c>
      <c r="IK12" s="70">
        <v>475</v>
      </c>
      <c r="IL12" s="71">
        <v>340</v>
      </c>
      <c r="IM12" s="72">
        <v>815</v>
      </c>
      <c r="IN12" s="244"/>
      <c r="IO12" s="71">
        <v>672</v>
      </c>
      <c r="IP12" s="71">
        <v>556</v>
      </c>
      <c r="IQ12" s="71">
        <v>374</v>
      </c>
      <c r="IR12" s="71">
        <v>301</v>
      </c>
      <c r="IS12" s="71">
        <v>173</v>
      </c>
      <c r="IT12" s="72">
        <v>2076</v>
      </c>
      <c r="IU12" s="73">
        <v>2891</v>
      </c>
      <c r="IV12" s="70">
        <v>432</v>
      </c>
      <c r="IW12" s="71">
        <v>350</v>
      </c>
      <c r="IX12" s="72">
        <v>782</v>
      </c>
      <c r="IY12" s="244"/>
      <c r="IZ12" s="71">
        <v>762</v>
      </c>
      <c r="JA12" s="71">
        <v>671</v>
      </c>
      <c r="JB12" s="71">
        <v>512</v>
      </c>
      <c r="JC12" s="71">
        <v>357</v>
      </c>
      <c r="JD12" s="71">
        <v>217</v>
      </c>
      <c r="JE12" s="72">
        <v>2519</v>
      </c>
      <c r="JF12" s="73">
        <v>3301</v>
      </c>
      <c r="JG12" s="70">
        <v>236</v>
      </c>
      <c r="JH12" s="71">
        <v>236</v>
      </c>
      <c r="JI12" s="72">
        <v>472</v>
      </c>
      <c r="JJ12" s="244"/>
      <c r="JK12" s="71">
        <v>600</v>
      </c>
      <c r="JL12" s="71">
        <v>664</v>
      </c>
      <c r="JM12" s="71">
        <v>635</v>
      </c>
      <c r="JN12" s="71">
        <v>549</v>
      </c>
      <c r="JO12" s="71">
        <v>288</v>
      </c>
      <c r="JP12" s="72">
        <v>2736</v>
      </c>
      <c r="JQ12" s="73">
        <v>3208</v>
      </c>
      <c r="JR12" s="70">
        <v>23</v>
      </c>
      <c r="JS12" s="71">
        <v>33</v>
      </c>
      <c r="JT12" s="72">
        <v>56</v>
      </c>
      <c r="JU12" s="244"/>
      <c r="JV12" s="71">
        <v>48</v>
      </c>
      <c r="JW12" s="71">
        <v>86</v>
      </c>
      <c r="JX12" s="71">
        <v>40</v>
      </c>
      <c r="JY12" s="71">
        <v>42</v>
      </c>
      <c r="JZ12" s="71">
        <v>26</v>
      </c>
      <c r="KA12" s="72">
        <v>242</v>
      </c>
      <c r="KB12" s="73">
        <v>298</v>
      </c>
      <c r="KC12" s="70">
        <v>1589</v>
      </c>
      <c r="KD12" s="71">
        <v>1313</v>
      </c>
      <c r="KE12" s="72">
        <v>2902</v>
      </c>
      <c r="KF12" s="244"/>
      <c r="KG12" s="71">
        <v>2740</v>
      </c>
      <c r="KH12" s="71">
        <v>2540</v>
      </c>
      <c r="KI12" s="71">
        <v>1974</v>
      </c>
      <c r="KJ12" s="71">
        <v>1606</v>
      </c>
      <c r="KK12" s="71">
        <v>950</v>
      </c>
      <c r="KL12" s="72">
        <v>9810</v>
      </c>
      <c r="KM12" s="73">
        <v>12712</v>
      </c>
    </row>
    <row r="13" spans="2:299" ht="21" customHeight="1" x14ac:dyDescent="0.2">
      <c r="B13" s="126" t="s">
        <v>9</v>
      </c>
      <c r="C13" s="313">
        <v>685</v>
      </c>
      <c r="D13" s="82">
        <v>399</v>
      </c>
      <c r="E13" s="83">
        <v>1084</v>
      </c>
      <c r="F13" s="241"/>
      <c r="G13" s="82">
        <v>819</v>
      </c>
      <c r="H13" s="82">
        <v>583</v>
      </c>
      <c r="I13" s="82">
        <v>425</v>
      </c>
      <c r="J13" s="82">
        <v>374</v>
      </c>
      <c r="K13" s="82">
        <v>223</v>
      </c>
      <c r="L13" s="84">
        <v>2424</v>
      </c>
      <c r="M13" s="85">
        <v>3508</v>
      </c>
      <c r="N13" s="70">
        <v>22</v>
      </c>
      <c r="O13" s="71">
        <v>12</v>
      </c>
      <c r="P13" s="72">
        <v>34</v>
      </c>
      <c r="Q13" s="244"/>
      <c r="R13" s="71">
        <v>20</v>
      </c>
      <c r="S13" s="71">
        <v>26</v>
      </c>
      <c r="T13" s="71">
        <v>14</v>
      </c>
      <c r="U13" s="71">
        <v>11</v>
      </c>
      <c r="V13" s="71">
        <v>11</v>
      </c>
      <c r="W13" s="72">
        <v>82</v>
      </c>
      <c r="X13" s="73">
        <v>116</v>
      </c>
      <c r="Y13" s="70">
        <v>35</v>
      </c>
      <c r="Z13" s="71">
        <v>29</v>
      </c>
      <c r="AA13" s="72">
        <v>64</v>
      </c>
      <c r="AB13" s="244"/>
      <c r="AC13" s="71">
        <v>47</v>
      </c>
      <c r="AD13" s="71">
        <v>46</v>
      </c>
      <c r="AE13" s="71">
        <v>24</v>
      </c>
      <c r="AF13" s="71">
        <v>24</v>
      </c>
      <c r="AG13" s="71">
        <v>28</v>
      </c>
      <c r="AH13" s="72">
        <v>169</v>
      </c>
      <c r="AI13" s="73">
        <v>233</v>
      </c>
      <c r="AJ13" s="70">
        <v>80</v>
      </c>
      <c r="AK13" s="71">
        <v>49</v>
      </c>
      <c r="AL13" s="72">
        <v>129</v>
      </c>
      <c r="AM13" s="244"/>
      <c r="AN13" s="71">
        <v>105</v>
      </c>
      <c r="AO13" s="71">
        <v>75</v>
      </c>
      <c r="AP13" s="71">
        <v>69</v>
      </c>
      <c r="AQ13" s="71">
        <v>60</v>
      </c>
      <c r="AR13" s="71">
        <v>40</v>
      </c>
      <c r="AS13" s="72">
        <v>349</v>
      </c>
      <c r="AT13" s="73">
        <v>478</v>
      </c>
      <c r="AU13" s="70">
        <v>173</v>
      </c>
      <c r="AV13" s="71">
        <v>77</v>
      </c>
      <c r="AW13" s="72">
        <v>250</v>
      </c>
      <c r="AX13" s="244"/>
      <c r="AY13" s="71">
        <v>194</v>
      </c>
      <c r="AZ13" s="71">
        <v>121</v>
      </c>
      <c r="BA13" s="71">
        <v>75</v>
      </c>
      <c r="BB13" s="71">
        <v>54</v>
      </c>
      <c r="BC13" s="71">
        <v>44</v>
      </c>
      <c r="BD13" s="72">
        <v>488</v>
      </c>
      <c r="BE13" s="73">
        <v>738</v>
      </c>
      <c r="BF13" s="70">
        <v>220</v>
      </c>
      <c r="BG13" s="71">
        <v>141</v>
      </c>
      <c r="BH13" s="72">
        <v>361</v>
      </c>
      <c r="BI13" s="244"/>
      <c r="BJ13" s="71">
        <v>238</v>
      </c>
      <c r="BK13" s="71">
        <v>155</v>
      </c>
      <c r="BL13" s="71">
        <v>120</v>
      </c>
      <c r="BM13" s="71">
        <v>122</v>
      </c>
      <c r="BN13" s="71">
        <v>45</v>
      </c>
      <c r="BO13" s="72">
        <v>680</v>
      </c>
      <c r="BP13" s="73">
        <v>1041</v>
      </c>
      <c r="BQ13" s="70">
        <v>155</v>
      </c>
      <c r="BR13" s="71">
        <v>91</v>
      </c>
      <c r="BS13" s="72">
        <v>246</v>
      </c>
      <c r="BT13" s="244"/>
      <c r="BU13" s="71">
        <v>215</v>
      </c>
      <c r="BV13" s="71">
        <v>160</v>
      </c>
      <c r="BW13" s="71">
        <v>123</v>
      </c>
      <c r="BX13" s="71">
        <v>103</v>
      </c>
      <c r="BY13" s="71">
        <v>55</v>
      </c>
      <c r="BZ13" s="72">
        <v>656</v>
      </c>
      <c r="CA13" s="73">
        <v>902</v>
      </c>
      <c r="CB13" s="70">
        <v>5</v>
      </c>
      <c r="CC13" s="71">
        <v>15</v>
      </c>
      <c r="CD13" s="72">
        <v>20</v>
      </c>
      <c r="CE13" s="244"/>
      <c r="CF13" s="71">
        <v>31</v>
      </c>
      <c r="CG13" s="71">
        <v>19</v>
      </c>
      <c r="CH13" s="71">
        <v>15</v>
      </c>
      <c r="CI13" s="71">
        <v>14</v>
      </c>
      <c r="CJ13" s="71">
        <v>8</v>
      </c>
      <c r="CK13" s="72">
        <v>87</v>
      </c>
      <c r="CL13" s="73">
        <v>107</v>
      </c>
      <c r="CM13" s="70">
        <v>690</v>
      </c>
      <c r="CN13" s="71">
        <v>414</v>
      </c>
      <c r="CO13" s="72">
        <v>1104</v>
      </c>
      <c r="CP13" s="244"/>
      <c r="CQ13" s="71">
        <v>850</v>
      </c>
      <c r="CR13" s="71">
        <v>602</v>
      </c>
      <c r="CS13" s="71">
        <v>440</v>
      </c>
      <c r="CT13" s="71">
        <v>388</v>
      </c>
      <c r="CU13" s="71">
        <v>231</v>
      </c>
      <c r="CV13" s="72">
        <v>2511</v>
      </c>
      <c r="CW13" s="73">
        <v>3615</v>
      </c>
      <c r="CX13" s="123">
        <v>1394</v>
      </c>
      <c r="CY13" s="82">
        <v>975</v>
      </c>
      <c r="CZ13" s="83">
        <v>2369</v>
      </c>
      <c r="DA13" s="241"/>
      <c r="DB13" s="82">
        <v>1676</v>
      </c>
      <c r="DC13" s="82">
        <v>1162</v>
      </c>
      <c r="DD13" s="82">
        <v>951</v>
      </c>
      <c r="DE13" s="82">
        <v>1028</v>
      </c>
      <c r="DF13" s="82">
        <v>696</v>
      </c>
      <c r="DG13" s="84">
        <v>5513</v>
      </c>
      <c r="DH13" s="85">
        <v>7882</v>
      </c>
      <c r="DI13" s="70">
        <v>22</v>
      </c>
      <c r="DJ13" s="71">
        <v>14</v>
      </c>
      <c r="DK13" s="72">
        <v>36</v>
      </c>
      <c r="DL13" s="244"/>
      <c r="DM13" s="71">
        <v>8</v>
      </c>
      <c r="DN13" s="71">
        <v>16</v>
      </c>
      <c r="DO13" s="71">
        <v>12</v>
      </c>
      <c r="DP13" s="71">
        <v>8</v>
      </c>
      <c r="DQ13" s="71">
        <v>16</v>
      </c>
      <c r="DR13" s="72">
        <v>60</v>
      </c>
      <c r="DS13" s="73">
        <v>96</v>
      </c>
      <c r="DT13" s="70">
        <v>72</v>
      </c>
      <c r="DU13" s="71">
        <v>53</v>
      </c>
      <c r="DV13" s="72">
        <v>125</v>
      </c>
      <c r="DW13" s="244"/>
      <c r="DX13" s="71">
        <v>72</v>
      </c>
      <c r="DY13" s="71">
        <v>41</v>
      </c>
      <c r="DZ13" s="71">
        <v>28</v>
      </c>
      <c r="EA13" s="71">
        <v>30</v>
      </c>
      <c r="EB13" s="71">
        <v>24</v>
      </c>
      <c r="EC13" s="72">
        <v>195</v>
      </c>
      <c r="ED13" s="73">
        <v>320</v>
      </c>
      <c r="EE13" s="70">
        <v>189</v>
      </c>
      <c r="EF13" s="71">
        <v>135</v>
      </c>
      <c r="EG13" s="72">
        <v>324</v>
      </c>
      <c r="EH13" s="244"/>
      <c r="EI13" s="71">
        <v>170</v>
      </c>
      <c r="EJ13" s="71">
        <v>96</v>
      </c>
      <c r="EK13" s="71">
        <v>71</v>
      </c>
      <c r="EL13" s="71">
        <v>60</v>
      </c>
      <c r="EM13" s="71">
        <v>63</v>
      </c>
      <c r="EN13" s="72">
        <v>460</v>
      </c>
      <c r="EO13" s="73">
        <v>784</v>
      </c>
      <c r="EP13" s="70">
        <v>388</v>
      </c>
      <c r="EQ13" s="71">
        <v>238</v>
      </c>
      <c r="ER13" s="72">
        <v>626</v>
      </c>
      <c r="ES13" s="244"/>
      <c r="ET13" s="71">
        <v>334</v>
      </c>
      <c r="EU13" s="71">
        <v>201</v>
      </c>
      <c r="EV13" s="71">
        <v>136</v>
      </c>
      <c r="EW13" s="71">
        <v>166</v>
      </c>
      <c r="EX13" s="71">
        <v>108</v>
      </c>
      <c r="EY13" s="72">
        <v>945</v>
      </c>
      <c r="EZ13" s="73">
        <v>1571</v>
      </c>
      <c r="FA13" s="70">
        <v>461</v>
      </c>
      <c r="FB13" s="71">
        <v>288</v>
      </c>
      <c r="FC13" s="72">
        <v>749</v>
      </c>
      <c r="FD13" s="244"/>
      <c r="FE13" s="71">
        <v>512</v>
      </c>
      <c r="FF13" s="71">
        <v>345</v>
      </c>
      <c r="FG13" s="71">
        <v>244</v>
      </c>
      <c r="FH13" s="71">
        <v>236</v>
      </c>
      <c r="FI13" s="71">
        <v>178</v>
      </c>
      <c r="FJ13" s="72">
        <v>1515</v>
      </c>
      <c r="FK13" s="73">
        <v>2264</v>
      </c>
      <c r="FL13" s="70">
        <v>262</v>
      </c>
      <c r="FM13" s="71">
        <v>247</v>
      </c>
      <c r="FN13" s="72">
        <v>509</v>
      </c>
      <c r="FO13" s="244"/>
      <c r="FP13" s="71">
        <v>580</v>
      </c>
      <c r="FQ13" s="71">
        <v>463</v>
      </c>
      <c r="FR13" s="71">
        <v>460</v>
      </c>
      <c r="FS13" s="71">
        <v>528</v>
      </c>
      <c r="FT13" s="71">
        <v>307</v>
      </c>
      <c r="FU13" s="72">
        <v>2338</v>
      </c>
      <c r="FV13" s="73">
        <v>2847</v>
      </c>
      <c r="FW13" s="70">
        <v>6</v>
      </c>
      <c r="FX13" s="71">
        <v>15</v>
      </c>
      <c r="FY13" s="72">
        <v>21</v>
      </c>
      <c r="FZ13" s="244"/>
      <c r="GA13" s="71">
        <v>12</v>
      </c>
      <c r="GB13" s="71">
        <v>17</v>
      </c>
      <c r="GC13" s="71">
        <v>14</v>
      </c>
      <c r="GD13" s="71">
        <v>13</v>
      </c>
      <c r="GE13" s="71">
        <v>9</v>
      </c>
      <c r="GF13" s="72">
        <v>65</v>
      </c>
      <c r="GG13" s="73">
        <v>86</v>
      </c>
      <c r="GH13" s="70">
        <v>1400</v>
      </c>
      <c r="GI13" s="71">
        <v>990</v>
      </c>
      <c r="GJ13" s="72">
        <v>2390</v>
      </c>
      <c r="GK13" s="244"/>
      <c r="GL13" s="71">
        <v>1688</v>
      </c>
      <c r="GM13" s="71">
        <v>1179</v>
      </c>
      <c r="GN13" s="71">
        <v>965</v>
      </c>
      <c r="GO13" s="71">
        <v>1041</v>
      </c>
      <c r="GP13" s="71">
        <v>705</v>
      </c>
      <c r="GQ13" s="72">
        <v>5578</v>
      </c>
      <c r="GR13" s="73">
        <v>7968</v>
      </c>
      <c r="GS13" s="123">
        <v>2079</v>
      </c>
      <c r="GT13" s="82">
        <v>1374</v>
      </c>
      <c r="GU13" s="83">
        <v>3453</v>
      </c>
      <c r="GV13" s="241"/>
      <c r="GW13" s="82">
        <v>2495</v>
      </c>
      <c r="GX13" s="82">
        <v>1745</v>
      </c>
      <c r="GY13" s="82">
        <v>1376</v>
      </c>
      <c r="GZ13" s="82">
        <v>1402</v>
      </c>
      <c r="HA13" s="82">
        <v>919</v>
      </c>
      <c r="HB13" s="84">
        <v>7937</v>
      </c>
      <c r="HC13" s="85">
        <v>11390</v>
      </c>
      <c r="HD13" s="70">
        <v>44</v>
      </c>
      <c r="HE13" s="71">
        <v>26</v>
      </c>
      <c r="HF13" s="72">
        <v>70</v>
      </c>
      <c r="HG13" s="244"/>
      <c r="HH13" s="71">
        <v>28</v>
      </c>
      <c r="HI13" s="71">
        <v>42</v>
      </c>
      <c r="HJ13" s="71">
        <v>26</v>
      </c>
      <c r="HK13" s="71">
        <v>19</v>
      </c>
      <c r="HL13" s="71">
        <v>27</v>
      </c>
      <c r="HM13" s="72">
        <v>142</v>
      </c>
      <c r="HN13" s="73">
        <v>212</v>
      </c>
      <c r="HO13" s="70">
        <v>107</v>
      </c>
      <c r="HP13" s="71">
        <v>82</v>
      </c>
      <c r="HQ13" s="72">
        <v>189</v>
      </c>
      <c r="HR13" s="244"/>
      <c r="HS13" s="71">
        <v>119</v>
      </c>
      <c r="HT13" s="71">
        <v>87</v>
      </c>
      <c r="HU13" s="71">
        <v>52</v>
      </c>
      <c r="HV13" s="71">
        <v>54</v>
      </c>
      <c r="HW13" s="71">
        <v>52</v>
      </c>
      <c r="HX13" s="72">
        <v>364</v>
      </c>
      <c r="HY13" s="73">
        <v>553</v>
      </c>
      <c r="HZ13" s="70">
        <v>269</v>
      </c>
      <c r="IA13" s="71">
        <v>184</v>
      </c>
      <c r="IB13" s="72">
        <v>453</v>
      </c>
      <c r="IC13" s="244"/>
      <c r="ID13" s="71">
        <v>275</v>
      </c>
      <c r="IE13" s="71">
        <v>171</v>
      </c>
      <c r="IF13" s="71">
        <v>140</v>
      </c>
      <c r="IG13" s="71">
        <v>120</v>
      </c>
      <c r="IH13" s="71">
        <v>103</v>
      </c>
      <c r="II13" s="72">
        <v>809</v>
      </c>
      <c r="IJ13" s="73">
        <v>1262</v>
      </c>
      <c r="IK13" s="70">
        <v>561</v>
      </c>
      <c r="IL13" s="71">
        <v>315</v>
      </c>
      <c r="IM13" s="72">
        <v>876</v>
      </c>
      <c r="IN13" s="244"/>
      <c r="IO13" s="71">
        <v>528</v>
      </c>
      <c r="IP13" s="71">
        <v>322</v>
      </c>
      <c r="IQ13" s="71">
        <v>211</v>
      </c>
      <c r="IR13" s="71">
        <v>220</v>
      </c>
      <c r="IS13" s="71">
        <v>152</v>
      </c>
      <c r="IT13" s="72">
        <v>1433</v>
      </c>
      <c r="IU13" s="73">
        <v>2309</v>
      </c>
      <c r="IV13" s="70">
        <v>681</v>
      </c>
      <c r="IW13" s="71">
        <v>429</v>
      </c>
      <c r="IX13" s="72">
        <v>1110</v>
      </c>
      <c r="IY13" s="244"/>
      <c r="IZ13" s="71">
        <v>750</v>
      </c>
      <c r="JA13" s="71">
        <v>500</v>
      </c>
      <c r="JB13" s="71">
        <v>364</v>
      </c>
      <c r="JC13" s="71">
        <v>358</v>
      </c>
      <c r="JD13" s="71">
        <v>223</v>
      </c>
      <c r="JE13" s="72">
        <v>2195</v>
      </c>
      <c r="JF13" s="73">
        <v>3305</v>
      </c>
      <c r="JG13" s="70">
        <v>417</v>
      </c>
      <c r="JH13" s="71">
        <v>338</v>
      </c>
      <c r="JI13" s="72">
        <v>755</v>
      </c>
      <c r="JJ13" s="244"/>
      <c r="JK13" s="71">
        <v>795</v>
      </c>
      <c r="JL13" s="71">
        <v>623</v>
      </c>
      <c r="JM13" s="71">
        <v>583</v>
      </c>
      <c r="JN13" s="71">
        <v>631</v>
      </c>
      <c r="JO13" s="71">
        <v>362</v>
      </c>
      <c r="JP13" s="72">
        <v>2994</v>
      </c>
      <c r="JQ13" s="73">
        <v>3749</v>
      </c>
      <c r="JR13" s="70">
        <v>11</v>
      </c>
      <c r="JS13" s="71">
        <v>30</v>
      </c>
      <c r="JT13" s="72">
        <v>41</v>
      </c>
      <c r="JU13" s="244"/>
      <c r="JV13" s="71">
        <v>43</v>
      </c>
      <c r="JW13" s="71">
        <v>36</v>
      </c>
      <c r="JX13" s="71">
        <v>29</v>
      </c>
      <c r="JY13" s="71">
        <v>27</v>
      </c>
      <c r="JZ13" s="71">
        <v>17</v>
      </c>
      <c r="KA13" s="72">
        <v>152</v>
      </c>
      <c r="KB13" s="73">
        <v>193</v>
      </c>
      <c r="KC13" s="70">
        <v>2090</v>
      </c>
      <c r="KD13" s="71">
        <v>1404</v>
      </c>
      <c r="KE13" s="72">
        <v>3494</v>
      </c>
      <c r="KF13" s="244"/>
      <c r="KG13" s="71">
        <v>2538</v>
      </c>
      <c r="KH13" s="71">
        <v>1781</v>
      </c>
      <c r="KI13" s="71">
        <v>1405</v>
      </c>
      <c r="KJ13" s="71">
        <v>1429</v>
      </c>
      <c r="KK13" s="71">
        <v>936</v>
      </c>
      <c r="KL13" s="72">
        <v>8089</v>
      </c>
      <c r="KM13" s="73">
        <v>11583</v>
      </c>
    </row>
    <row r="14" spans="2:299" ht="21" customHeight="1" x14ac:dyDescent="0.2">
      <c r="B14" s="126" t="s">
        <v>10</v>
      </c>
      <c r="C14" s="313">
        <v>1470</v>
      </c>
      <c r="D14" s="82">
        <v>993</v>
      </c>
      <c r="E14" s="83">
        <v>2463</v>
      </c>
      <c r="F14" s="241"/>
      <c r="G14" s="82">
        <v>1735</v>
      </c>
      <c r="H14" s="82">
        <v>1020</v>
      </c>
      <c r="I14" s="82">
        <v>681</v>
      </c>
      <c r="J14" s="82">
        <v>614</v>
      </c>
      <c r="K14" s="82">
        <v>445</v>
      </c>
      <c r="L14" s="84">
        <v>4495</v>
      </c>
      <c r="M14" s="85">
        <v>6958</v>
      </c>
      <c r="N14" s="70">
        <v>63</v>
      </c>
      <c r="O14" s="71">
        <v>58</v>
      </c>
      <c r="P14" s="72">
        <v>121</v>
      </c>
      <c r="Q14" s="244"/>
      <c r="R14" s="71">
        <v>82</v>
      </c>
      <c r="S14" s="71">
        <v>51</v>
      </c>
      <c r="T14" s="71">
        <v>31</v>
      </c>
      <c r="U14" s="71">
        <v>30</v>
      </c>
      <c r="V14" s="71">
        <v>30</v>
      </c>
      <c r="W14" s="72">
        <v>224</v>
      </c>
      <c r="X14" s="73">
        <v>345</v>
      </c>
      <c r="Y14" s="70">
        <v>144</v>
      </c>
      <c r="Z14" s="71">
        <v>107</v>
      </c>
      <c r="AA14" s="72">
        <v>251</v>
      </c>
      <c r="AB14" s="244"/>
      <c r="AC14" s="71">
        <v>180</v>
      </c>
      <c r="AD14" s="71">
        <v>113</v>
      </c>
      <c r="AE14" s="71">
        <v>71</v>
      </c>
      <c r="AF14" s="71">
        <v>61</v>
      </c>
      <c r="AG14" s="71">
        <v>64</v>
      </c>
      <c r="AH14" s="72">
        <v>489</v>
      </c>
      <c r="AI14" s="73">
        <v>740</v>
      </c>
      <c r="AJ14" s="70">
        <v>222</v>
      </c>
      <c r="AK14" s="71">
        <v>173</v>
      </c>
      <c r="AL14" s="72">
        <v>395</v>
      </c>
      <c r="AM14" s="244"/>
      <c r="AN14" s="71">
        <v>279</v>
      </c>
      <c r="AO14" s="71">
        <v>162</v>
      </c>
      <c r="AP14" s="71">
        <v>106</v>
      </c>
      <c r="AQ14" s="71">
        <v>96</v>
      </c>
      <c r="AR14" s="71">
        <v>60</v>
      </c>
      <c r="AS14" s="72">
        <v>703</v>
      </c>
      <c r="AT14" s="73">
        <v>1098</v>
      </c>
      <c r="AU14" s="70">
        <v>367</v>
      </c>
      <c r="AV14" s="71">
        <v>223</v>
      </c>
      <c r="AW14" s="72">
        <v>590</v>
      </c>
      <c r="AX14" s="244"/>
      <c r="AY14" s="71">
        <v>422</v>
      </c>
      <c r="AZ14" s="71">
        <v>228</v>
      </c>
      <c r="BA14" s="71">
        <v>141</v>
      </c>
      <c r="BB14" s="71">
        <v>132</v>
      </c>
      <c r="BC14" s="71">
        <v>107</v>
      </c>
      <c r="BD14" s="72">
        <v>1030</v>
      </c>
      <c r="BE14" s="73">
        <v>1620</v>
      </c>
      <c r="BF14" s="70">
        <v>431</v>
      </c>
      <c r="BG14" s="71">
        <v>275</v>
      </c>
      <c r="BH14" s="72">
        <v>706</v>
      </c>
      <c r="BI14" s="244"/>
      <c r="BJ14" s="71">
        <v>446</v>
      </c>
      <c r="BK14" s="71">
        <v>253</v>
      </c>
      <c r="BL14" s="71">
        <v>170</v>
      </c>
      <c r="BM14" s="71">
        <v>141</v>
      </c>
      <c r="BN14" s="71">
        <v>101</v>
      </c>
      <c r="BO14" s="72">
        <v>1111</v>
      </c>
      <c r="BP14" s="73">
        <v>1817</v>
      </c>
      <c r="BQ14" s="70">
        <v>243</v>
      </c>
      <c r="BR14" s="71">
        <v>157</v>
      </c>
      <c r="BS14" s="72">
        <v>400</v>
      </c>
      <c r="BT14" s="244"/>
      <c r="BU14" s="71">
        <v>326</v>
      </c>
      <c r="BV14" s="71">
        <v>213</v>
      </c>
      <c r="BW14" s="71">
        <v>162</v>
      </c>
      <c r="BX14" s="71">
        <v>154</v>
      </c>
      <c r="BY14" s="71">
        <v>83</v>
      </c>
      <c r="BZ14" s="72">
        <v>938</v>
      </c>
      <c r="CA14" s="73">
        <v>1338</v>
      </c>
      <c r="CB14" s="70">
        <v>50</v>
      </c>
      <c r="CC14" s="71">
        <v>33</v>
      </c>
      <c r="CD14" s="72">
        <v>83</v>
      </c>
      <c r="CE14" s="244"/>
      <c r="CF14" s="71">
        <v>73</v>
      </c>
      <c r="CG14" s="71">
        <v>44</v>
      </c>
      <c r="CH14" s="71">
        <v>30</v>
      </c>
      <c r="CI14" s="71">
        <v>27</v>
      </c>
      <c r="CJ14" s="71">
        <v>35</v>
      </c>
      <c r="CK14" s="72">
        <v>209</v>
      </c>
      <c r="CL14" s="73">
        <v>292</v>
      </c>
      <c r="CM14" s="70">
        <v>1520</v>
      </c>
      <c r="CN14" s="71">
        <v>1026</v>
      </c>
      <c r="CO14" s="72">
        <v>2546</v>
      </c>
      <c r="CP14" s="244"/>
      <c r="CQ14" s="71">
        <v>1808</v>
      </c>
      <c r="CR14" s="71">
        <v>1064</v>
      </c>
      <c r="CS14" s="71">
        <v>711</v>
      </c>
      <c r="CT14" s="71">
        <v>641</v>
      </c>
      <c r="CU14" s="71">
        <v>480</v>
      </c>
      <c r="CV14" s="72">
        <v>4704</v>
      </c>
      <c r="CW14" s="73">
        <v>7250</v>
      </c>
      <c r="CX14" s="123">
        <v>3016</v>
      </c>
      <c r="CY14" s="82">
        <v>2191</v>
      </c>
      <c r="CZ14" s="83">
        <v>5207</v>
      </c>
      <c r="DA14" s="241"/>
      <c r="DB14" s="82">
        <v>3214</v>
      </c>
      <c r="DC14" s="82">
        <v>1759</v>
      </c>
      <c r="DD14" s="82">
        <v>1531</v>
      </c>
      <c r="DE14" s="82">
        <v>1479</v>
      </c>
      <c r="DF14" s="82">
        <v>1256</v>
      </c>
      <c r="DG14" s="84">
        <v>9239</v>
      </c>
      <c r="DH14" s="85">
        <v>14446</v>
      </c>
      <c r="DI14" s="70">
        <v>49</v>
      </c>
      <c r="DJ14" s="71">
        <v>61</v>
      </c>
      <c r="DK14" s="72">
        <v>110</v>
      </c>
      <c r="DL14" s="244"/>
      <c r="DM14" s="71">
        <v>67</v>
      </c>
      <c r="DN14" s="71">
        <v>29</v>
      </c>
      <c r="DO14" s="71">
        <v>23</v>
      </c>
      <c r="DP14" s="71">
        <v>21</v>
      </c>
      <c r="DQ14" s="71">
        <v>23</v>
      </c>
      <c r="DR14" s="72">
        <v>163</v>
      </c>
      <c r="DS14" s="73">
        <v>273</v>
      </c>
      <c r="DT14" s="70">
        <v>203</v>
      </c>
      <c r="DU14" s="71">
        <v>143</v>
      </c>
      <c r="DV14" s="72">
        <v>346</v>
      </c>
      <c r="DW14" s="244"/>
      <c r="DX14" s="71">
        <v>183</v>
      </c>
      <c r="DY14" s="71">
        <v>98</v>
      </c>
      <c r="DZ14" s="71">
        <v>54</v>
      </c>
      <c r="EA14" s="71">
        <v>47</v>
      </c>
      <c r="EB14" s="71">
        <v>70</v>
      </c>
      <c r="EC14" s="72">
        <v>452</v>
      </c>
      <c r="ED14" s="73">
        <v>798</v>
      </c>
      <c r="EE14" s="70">
        <v>471</v>
      </c>
      <c r="EF14" s="71">
        <v>296</v>
      </c>
      <c r="EG14" s="72">
        <v>767</v>
      </c>
      <c r="EH14" s="244"/>
      <c r="EI14" s="71">
        <v>388</v>
      </c>
      <c r="EJ14" s="71">
        <v>181</v>
      </c>
      <c r="EK14" s="71">
        <v>140</v>
      </c>
      <c r="EL14" s="71">
        <v>119</v>
      </c>
      <c r="EM14" s="71">
        <v>109</v>
      </c>
      <c r="EN14" s="72">
        <v>937</v>
      </c>
      <c r="EO14" s="73">
        <v>1704</v>
      </c>
      <c r="EP14" s="70">
        <v>842</v>
      </c>
      <c r="EQ14" s="71">
        <v>560</v>
      </c>
      <c r="ER14" s="72">
        <v>1402</v>
      </c>
      <c r="ES14" s="244"/>
      <c r="ET14" s="71">
        <v>658</v>
      </c>
      <c r="EU14" s="71">
        <v>327</v>
      </c>
      <c r="EV14" s="71">
        <v>257</v>
      </c>
      <c r="EW14" s="71">
        <v>239</v>
      </c>
      <c r="EX14" s="71">
        <v>205</v>
      </c>
      <c r="EY14" s="72">
        <v>1686</v>
      </c>
      <c r="EZ14" s="73">
        <v>3088</v>
      </c>
      <c r="FA14" s="70">
        <v>943</v>
      </c>
      <c r="FB14" s="71">
        <v>621</v>
      </c>
      <c r="FC14" s="72">
        <v>1564</v>
      </c>
      <c r="FD14" s="244"/>
      <c r="FE14" s="71">
        <v>1004</v>
      </c>
      <c r="FF14" s="71">
        <v>502</v>
      </c>
      <c r="FG14" s="71">
        <v>430</v>
      </c>
      <c r="FH14" s="71">
        <v>348</v>
      </c>
      <c r="FI14" s="71">
        <v>324</v>
      </c>
      <c r="FJ14" s="72">
        <v>2608</v>
      </c>
      <c r="FK14" s="73">
        <v>4172</v>
      </c>
      <c r="FL14" s="70">
        <v>508</v>
      </c>
      <c r="FM14" s="71">
        <v>510</v>
      </c>
      <c r="FN14" s="72">
        <v>1018</v>
      </c>
      <c r="FO14" s="244"/>
      <c r="FP14" s="71">
        <v>914</v>
      </c>
      <c r="FQ14" s="71">
        <v>622</v>
      </c>
      <c r="FR14" s="71">
        <v>627</v>
      </c>
      <c r="FS14" s="71">
        <v>705</v>
      </c>
      <c r="FT14" s="71">
        <v>525</v>
      </c>
      <c r="FU14" s="72">
        <v>3393</v>
      </c>
      <c r="FV14" s="73">
        <v>4411</v>
      </c>
      <c r="FW14" s="70">
        <v>34</v>
      </c>
      <c r="FX14" s="71">
        <v>37</v>
      </c>
      <c r="FY14" s="72">
        <v>71</v>
      </c>
      <c r="FZ14" s="244"/>
      <c r="GA14" s="71">
        <v>60</v>
      </c>
      <c r="GB14" s="71">
        <v>31</v>
      </c>
      <c r="GC14" s="71">
        <v>18</v>
      </c>
      <c r="GD14" s="71">
        <v>23</v>
      </c>
      <c r="GE14" s="71">
        <v>31</v>
      </c>
      <c r="GF14" s="72">
        <v>163</v>
      </c>
      <c r="GG14" s="73">
        <v>234</v>
      </c>
      <c r="GH14" s="70">
        <v>3050</v>
      </c>
      <c r="GI14" s="71">
        <v>2228</v>
      </c>
      <c r="GJ14" s="72">
        <v>5278</v>
      </c>
      <c r="GK14" s="244"/>
      <c r="GL14" s="71">
        <v>3274</v>
      </c>
      <c r="GM14" s="71">
        <v>1790</v>
      </c>
      <c r="GN14" s="71">
        <v>1549</v>
      </c>
      <c r="GO14" s="71">
        <v>1502</v>
      </c>
      <c r="GP14" s="71">
        <v>1287</v>
      </c>
      <c r="GQ14" s="72">
        <v>9402</v>
      </c>
      <c r="GR14" s="73">
        <v>14680</v>
      </c>
      <c r="GS14" s="123">
        <v>4486</v>
      </c>
      <c r="GT14" s="82">
        <v>3184</v>
      </c>
      <c r="GU14" s="83">
        <v>7670</v>
      </c>
      <c r="GV14" s="241"/>
      <c r="GW14" s="82">
        <v>4949</v>
      </c>
      <c r="GX14" s="82">
        <v>2779</v>
      </c>
      <c r="GY14" s="82">
        <v>2212</v>
      </c>
      <c r="GZ14" s="82">
        <v>2093</v>
      </c>
      <c r="HA14" s="82">
        <v>1701</v>
      </c>
      <c r="HB14" s="84">
        <v>13734</v>
      </c>
      <c r="HC14" s="85">
        <v>21404</v>
      </c>
      <c r="HD14" s="70">
        <v>112</v>
      </c>
      <c r="HE14" s="71">
        <v>119</v>
      </c>
      <c r="HF14" s="72">
        <v>231</v>
      </c>
      <c r="HG14" s="244"/>
      <c r="HH14" s="71">
        <v>149</v>
      </c>
      <c r="HI14" s="71">
        <v>80</v>
      </c>
      <c r="HJ14" s="71">
        <v>54</v>
      </c>
      <c r="HK14" s="71">
        <v>51</v>
      </c>
      <c r="HL14" s="71">
        <v>53</v>
      </c>
      <c r="HM14" s="72">
        <v>387</v>
      </c>
      <c r="HN14" s="73">
        <v>618</v>
      </c>
      <c r="HO14" s="70">
        <v>347</v>
      </c>
      <c r="HP14" s="71">
        <v>250</v>
      </c>
      <c r="HQ14" s="72">
        <v>597</v>
      </c>
      <c r="HR14" s="244"/>
      <c r="HS14" s="71">
        <v>363</v>
      </c>
      <c r="HT14" s="71">
        <v>211</v>
      </c>
      <c r="HU14" s="71">
        <v>125</v>
      </c>
      <c r="HV14" s="71">
        <v>108</v>
      </c>
      <c r="HW14" s="71">
        <v>134</v>
      </c>
      <c r="HX14" s="72">
        <v>941</v>
      </c>
      <c r="HY14" s="73">
        <v>1538</v>
      </c>
      <c r="HZ14" s="70">
        <v>693</v>
      </c>
      <c r="IA14" s="71">
        <v>469</v>
      </c>
      <c r="IB14" s="72">
        <v>1162</v>
      </c>
      <c r="IC14" s="244"/>
      <c r="ID14" s="71">
        <v>667</v>
      </c>
      <c r="IE14" s="71">
        <v>343</v>
      </c>
      <c r="IF14" s="71">
        <v>246</v>
      </c>
      <c r="IG14" s="71">
        <v>215</v>
      </c>
      <c r="IH14" s="71">
        <v>169</v>
      </c>
      <c r="II14" s="72">
        <v>1640</v>
      </c>
      <c r="IJ14" s="73">
        <v>2802</v>
      </c>
      <c r="IK14" s="70">
        <v>1209</v>
      </c>
      <c r="IL14" s="71">
        <v>783</v>
      </c>
      <c r="IM14" s="72">
        <v>1992</v>
      </c>
      <c r="IN14" s="244"/>
      <c r="IO14" s="71">
        <v>1080</v>
      </c>
      <c r="IP14" s="71">
        <v>555</v>
      </c>
      <c r="IQ14" s="71">
        <v>398</v>
      </c>
      <c r="IR14" s="71">
        <v>371</v>
      </c>
      <c r="IS14" s="71">
        <v>312</v>
      </c>
      <c r="IT14" s="72">
        <v>2716</v>
      </c>
      <c r="IU14" s="73">
        <v>4708</v>
      </c>
      <c r="IV14" s="70">
        <v>1374</v>
      </c>
      <c r="IW14" s="71">
        <v>896</v>
      </c>
      <c r="IX14" s="72">
        <v>2270</v>
      </c>
      <c r="IY14" s="244"/>
      <c r="IZ14" s="71">
        <v>1450</v>
      </c>
      <c r="JA14" s="71">
        <v>755</v>
      </c>
      <c r="JB14" s="71">
        <v>600</v>
      </c>
      <c r="JC14" s="71">
        <v>489</v>
      </c>
      <c r="JD14" s="71">
        <v>425</v>
      </c>
      <c r="JE14" s="72">
        <v>3719</v>
      </c>
      <c r="JF14" s="73">
        <v>5989</v>
      </c>
      <c r="JG14" s="70">
        <v>751</v>
      </c>
      <c r="JH14" s="71">
        <v>667</v>
      </c>
      <c r="JI14" s="72">
        <v>1418</v>
      </c>
      <c r="JJ14" s="244"/>
      <c r="JK14" s="71">
        <v>1240</v>
      </c>
      <c r="JL14" s="71">
        <v>835</v>
      </c>
      <c r="JM14" s="71">
        <v>789</v>
      </c>
      <c r="JN14" s="71">
        <v>859</v>
      </c>
      <c r="JO14" s="71">
        <v>608</v>
      </c>
      <c r="JP14" s="72">
        <v>4331</v>
      </c>
      <c r="JQ14" s="73">
        <v>5749</v>
      </c>
      <c r="JR14" s="70">
        <v>84</v>
      </c>
      <c r="JS14" s="71">
        <v>70</v>
      </c>
      <c r="JT14" s="72">
        <v>154</v>
      </c>
      <c r="JU14" s="244"/>
      <c r="JV14" s="71">
        <v>133</v>
      </c>
      <c r="JW14" s="71">
        <v>75</v>
      </c>
      <c r="JX14" s="71">
        <v>48</v>
      </c>
      <c r="JY14" s="71">
        <v>50</v>
      </c>
      <c r="JZ14" s="71">
        <v>66</v>
      </c>
      <c r="KA14" s="72">
        <v>372</v>
      </c>
      <c r="KB14" s="73">
        <v>526</v>
      </c>
      <c r="KC14" s="70">
        <v>4570</v>
      </c>
      <c r="KD14" s="71">
        <v>3254</v>
      </c>
      <c r="KE14" s="72">
        <v>7824</v>
      </c>
      <c r="KF14" s="244"/>
      <c r="KG14" s="71">
        <v>5082</v>
      </c>
      <c r="KH14" s="71">
        <v>2854</v>
      </c>
      <c r="KI14" s="71">
        <v>2260</v>
      </c>
      <c r="KJ14" s="71">
        <v>2143</v>
      </c>
      <c r="KK14" s="71">
        <v>1767</v>
      </c>
      <c r="KL14" s="72">
        <v>14106</v>
      </c>
      <c r="KM14" s="73">
        <v>21930</v>
      </c>
    </row>
    <row r="15" spans="2:299" ht="21" customHeight="1" x14ac:dyDescent="0.2">
      <c r="B15" s="126" t="s">
        <v>11</v>
      </c>
      <c r="C15" s="313">
        <v>447</v>
      </c>
      <c r="D15" s="82">
        <v>341</v>
      </c>
      <c r="E15" s="83">
        <v>788</v>
      </c>
      <c r="F15" s="241"/>
      <c r="G15" s="82">
        <v>844</v>
      </c>
      <c r="H15" s="82">
        <v>561</v>
      </c>
      <c r="I15" s="82">
        <v>467</v>
      </c>
      <c r="J15" s="82">
        <v>410</v>
      </c>
      <c r="K15" s="82">
        <v>218</v>
      </c>
      <c r="L15" s="84">
        <v>2500</v>
      </c>
      <c r="M15" s="85">
        <v>3288</v>
      </c>
      <c r="N15" s="70">
        <v>14</v>
      </c>
      <c r="O15" s="71">
        <v>15</v>
      </c>
      <c r="P15" s="72">
        <v>29</v>
      </c>
      <c r="Q15" s="244"/>
      <c r="R15" s="71">
        <v>47</v>
      </c>
      <c r="S15" s="71">
        <v>24</v>
      </c>
      <c r="T15" s="71">
        <v>21</v>
      </c>
      <c r="U15" s="71">
        <v>16</v>
      </c>
      <c r="V15" s="71">
        <v>15</v>
      </c>
      <c r="W15" s="72">
        <v>123</v>
      </c>
      <c r="X15" s="73">
        <v>152</v>
      </c>
      <c r="Y15" s="70">
        <v>54</v>
      </c>
      <c r="Z15" s="71">
        <v>39</v>
      </c>
      <c r="AA15" s="72">
        <v>93</v>
      </c>
      <c r="AB15" s="244"/>
      <c r="AC15" s="71">
        <v>94</v>
      </c>
      <c r="AD15" s="71">
        <v>62</v>
      </c>
      <c r="AE15" s="71">
        <v>57</v>
      </c>
      <c r="AF15" s="71">
        <v>41</v>
      </c>
      <c r="AG15" s="71">
        <v>30</v>
      </c>
      <c r="AH15" s="72">
        <v>284</v>
      </c>
      <c r="AI15" s="73">
        <v>377</v>
      </c>
      <c r="AJ15" s="70">
        <v>62</v>
      </c>
      <c r="AK15" s="71">
        <v>66</v>
      </c>
      <c r="AL15" s="72">
        <v>128</v>
      </c>
      <c r="AM15" s="244"/>
      <c r="AN15" s="71">
        <v>146</v>
      </c>
      <c r="AO15" s="71">
        <v>107</v>
      </c>
      <c r="AP15" s="71">
        <v>79</v>
      </c>
      <c r="AQ15" s="71">
        <v>72</v>
      </c>
      <c r="AR15" s="71">
        <v>34</v>
      </c>
      <c r="AS15" s="72">
        <v>438</v>
      </c>
      <c r="AT15" s="73">
        <v>566</v>
      </c>
      <c r="AU15" s="70">
        <v>120</v>
      </c>
      <c r="AV15" s="71">
        <v>78</v>
      </c>
      <c r="AW15" s="72">
        <v>198</v>
      </c>
      <c r="AX15" s="244"/>
      <c r="AY15" s="71">
        <v>213</v>
      </c>
      <c r="AZ15" s="71">
        <v>127</v>
      </c>
      <c r="BA15" s="71">
        <v>108</v>
      </c>
      <c r="BB15" s="71">
        <v>95</v>
      </c>
      <c r="BC15" s="71">
        <v>51</v>
      </c>
      <c r="BD15" s="72">
        <v>594</v>
      </c>
      <c r="BE15" s="73">
        <v>792</v>
      </c>
      <c r="BF15" s="70">
        <v>124</v>
      </c>
      <c r="BG15" s="71">
        <v>91</v>
      </c>
      <c r="BH15" s="72">
        <v>215</v>
      </c>
      <c r="BI15" s="244"/>
      <c r="BJ15" s="71">
        <v>193</v>
      </c>
      <c r="BK15" s="71">
        <v>134</v>
      </c>
      <c r="BL15" s="71">
        <v>113</v>
      </c>
      <c r="BM15" s="71">
        <v>106</v>
      </c>
      <c r="BN15" s="71">
        <v>47</v>
      </c>
      <c r="BO15" s="72">
        <v>593</v>
      </c>
      <c r="BP15" s="73">
        <v>808</v>
      </c>
      <c r="BQ15" s="70">
        <v>73</v>
      </c>
      <c r="BR15" s="71">
        <v>52</v>
      </c>
      <c r="BS15" s="72">
        <v>125</v>
      </c>
      <c r="BT15" s="244"/>
      <c r="BU15" s="71">
        <v>151</v>
      </c>
      <c r="BV15" s="71">
        <v>107</v>
      </c>
      <c r="BW15" s="71">
        <v>89</v>
      </c>
      <c r="BX15" s="71">
        <v>80</v>
      </c>
      <c r="BY15" s="71">
        <v>41</v>
      </c>
      <c r="BZ15" s="72">
        <v>468</v>
      </c>
      <c r="CA15" s="73">
        <v>593</v>
      </c>
      <c r="CB15" s="70">
        <v>9</v>
      </c>
      <c r="CC15" s="71">
        <v>10</v>
      </c>
      <c r="CD15" s="72">
        <v>19</v>
      </c>
      <c r="CE15" s="244"/>
      <c r="CF15" s="71">
        <v>34</v>
      </c>
      <c r="CG15" s="71">
        <v>19</v>
      </c>
      <c r="CH15" s="71">
        <v>12</v>
      </c>
      <c r="CI15" s="71">
        <v>18</v>
      </c>
      <c r="CJ15" s="71">
        <v>12</v>
      </c>
      <c r="CK15" s="72">
        <v>95</v>
      </c>
      <c r="CL15" s="73">
        <v>114</v>
      </c>
      <c r="CM15" s="70">
        <v>456</v>
      </c>
      <c r="CN15" s="71">
        <v>351</v>
      </c>
      <c r="CO15" s="72">
        <v>807</v>
      </c>
      <c r="CP15" s="244"/>
      <c r="CQ15" s="71">
        <v>878</v>
      </c>
      <c r="CR15" s="71">
        <v>580</v>
      </c>
      <c r="CS15" s="71">
        <v>479</v>
      </c>
      <c r="CT15" s="71">
        <v>428</v>
      </c>
      <c r="CU15" s="71">
        <v>230</v>
      </c>
      <c r="CV15" s="72">
        <v>2595</v>
      </c>
      <c r="CW15" s="73">
        <v>3402</v>
      </c>
      <c r="CX15" s="123">
        <v>949</v>
      </c>
      <c r="CY15" s="82">
        <v>757</v>
      </c>
      <c r="CZ15" s="83">
        <v>1706</v>
      </c>
      <c r="DA15" s="241"/>
      <c r="DB15" s="82">
        <v>1765</v>
      </c>
      <c r="DC15" s="82">
        <v>1040</v>
      </c>
      <c r="DD15" s="82">
        <v>925</v>
      </c>
      <c r="DE15" s="82">
        <v>955</v>
      </c>
      <c r="DF15" s="82">
        <v>532</v>
      </c>
      <c r="DG15" s="84">
        <v>5217</v>
      </c>
      <c r="DH15" s="85">
        <v>6923</v>
      </c>
      <c r="DI15" s="70">
        <v>21</v>
      </c>
      <c r="DJ15" s="71">
        <v>14</v>
      </c>
      <c r="DK15" s="72">
        <v>35</v>
      </c>
      <c r="DL15" s="244"/>
      <c r="DM15" s="71">
        <v>42</v>
      </c>
      <c r="DN15" s="71">
        <v>18</v>
      </c>
      <c r="DO15" s="71">
        <v>15</v>
      </c>
      <c r="DP15" s="71">
        <v>20</v>
      </c>
      <c r="DQ15" s="71">
        <v>14</v>
      </c>
      <c r="DR15" s="72">
        <v>109</v>
      </c>
      <c r="DS15" s="73">
        <v>144</v>
      </c>
      <c r="DT15" s="70">
        <v>70</v>
      </c>
      <c r="DU15" s="71">
        <v>58</v>
      </c>
      <c r="DV15" s="72">
        <v>128</v>
      </c>
      <c r="DW15" s="244"/>
      <c r="DX15" s="71">
        <v>99</v>
      </c>
      <c r="DY15" s="71">
        <v>41</v>
      </c>
      <c r="DZ15" s="71">
        <v>50</v>
      </c>
      <c r="EA15" s="71">
        <v>40</v>
      </c>
      <c r="EB15" s="71">
        <v>27</v>
      </c>
      <c r="EC15" s="72">
        <v>257</v>
      </c>
      <c r="ED15" s="73">
        <v>385</v>
      </c>
      <c r="EE15" s="70">
        <v>121</v>
      </c>
      <c r="EF15" s="71">
        <v>107</v>
      </c>
      <c r="EG15" s="72">
        <v>228</v>
      </c>
      <c r="EH15" s="244"/>
      <c r="EI15" s="71">
        <v>163</v>
      </c>
      <c r="EJ15" s="71">
        <v>115</v>
      </c>
      <c r="EK15" s="71">
        <v>95</v>
      </c>
      <c r="EL15" s="71">
        <v>83</v>
      </c>
      <c r="EM15" s="71">
        <v>46</v>
      </c>
      <c r="EN15" s="72">
        <v>502</v>
      </c>
      <c r="EO15" s="73">
        <v>730</v>
      </c>
      <c r="EP15" s="70">
        <v>280</v>
      </c>
      <c r="EQ15" s="71">
        <v>206</v>
      </c>
      <c r="ER15" s="72">
        <v>486</v>
      </c>
      <c r="ES15" s="244"/>
      <c r="ET15" s="71">
        <v>422</v>
      </c>
      <c r="EU15" s="71">
        <v>194</v>
      </c>
      <c r="EV15" s="71">
        <v>157</v>
      </c>
      <c r="EW15" s="71">
        <v>147</v>
      </c>
      <c r="EX15" s="71">
        <v>90</v>
      </c>
      <c r="EY15" s="72">
        <v>1010</v>
      </c>
      <c r="EZ15" s="73">
        <v>1496</v>
      </c>
      <c r="FA15" s="70">
        <v>289</v>
      </c>
      <c r="FB15" s="71">
        <v>214</v>
      </c>
      <c r="FC15" s="72">
        <v>503</v>
      </c>
      <c r="FD15" s="244"/>
      <c r="FE15" s="71">
        <v>552</v>
      </c>
      <c r="FF15" s="71">
        <v>292</v>
      </c>
      <c r="FG15" s="71">
        <v>244</v>
      </c>
      <c r="FH15" s="71">
        <v>240</v>
      </c>
      <c r="FI15" s="71">
        <v>138</v>
      </c>
      <c r="FJ15" s="72">
        <v>1466</v>
      </c>
      <c r="FK15" s="73">
        <v>1969</v>
      </c>
      <c r="FL15" s="70">
        <v>168</v>
      </c>
      <c r="FM15" s="71">
        <v>158</v>
      </c>
      <c r="FN15" s="72">
        <v>326</v>
      </c>
      <c r="FO15" s="244"/>
      <c r="FP15" s="71">
        <v>487</v>
      </c>
      <c r="FQ15" s="71">
        <v>380</v>
      </c>
      <c r="FR15" s="71">
        <v>364</v>
      </c>
      <c r="FS15" s="71">
        <v>425</v>
      </c>
      <c r="FT15" s="71">
        <v>217</v>
      </c>
      <c r="FU15" s="72">
        <v>1873</v>
      </c>
      <c r="FV15" s="73">
        <v>2199</v>
      </c>
      <c r="FW15" s="70">
        <v>12</v>
      </c>
      <c r="FX15" s="71">
        <v>9</v>
      </c>
      <c r="FY15" s="72">
        <v>21</v>
      </c>
      <c r="FZ15" s="244"/>
      <c r="GA15" s="71">
        <v>25</v>
      </c>
      <c r="GB15" s="71">
        <v>16</v>
      </c>
      <c r="GC15" s="71">
        <v>16</v>
      </c>
      <c r="GD15" s="71">
        <v>9</v>
      </c>
      <c r="GE15" s="71">
        <v>10</v>
      </c>
      <c r="GF15" s="72">
        <v>76</v>
      </c>
      <c r="GG15" s="73">
        <v>97</v>
      </c>
      <c r="GH15" s="70">
        <v>961</v>
      </c>
      <c r="GI15" s="71">
        <v>766</v>
      </c>
      <c r="GJ15" s="72">
        <v>1727</v>
      </c>
      <c r="GK15" s="244"/>
      <c r="GL15" s="71">
        <v>1790</v>
      </c>
      <c r="GM15" s="71">
        <v>1056</v>
      </c>
      <c r="GN15" s="71">
        <v>941</v>
      </c>
      <c r="GO15" s="71">
        <v>964</v>
      </c>
      <c r="GP15" s="71">
        <v>542</v>
      </c>
      <c r="GQ15" s="72">
        <v>5293</v>
      </c>
      <c r="GR15" s="73">
        <v>7020</v>
      </c>
      <c r="GS15" s="123">
        <v>1396</v>
      </c>
      <c r="GT15" s="82">
        <v>1098</v>
      </c>
      <c r="GU15" s="83">
        <v>2494</v>
      </c>
      <c r="GV15" s="241"/>
      <c r="GW15" s="82">
        <v>2609</v>
      </c>
      <c r="GX15" s="82">
        <v>1601</v>
      </c>
      <c r="GY15" s="82">
        <v>1392</v>
      </c>
      <c r="GZ15" s="82">
        <v>1365</v>
      </c>
      <c r="HA15" s="82">
        <v>750</v>
      </c>
      <c r="HB15" s="84">
        <v>7717</v>
      </c>
      <c r="HC15" s="85">
        <v>10211</v>
      </c>
      <c r="HD15" s="70">
        <v>35</v>
      </c>
      <c r="HE15" s="71">
        <v>29</v>
      </c>
      <c r="HF15" s="72">
        <v>64</v>
      </c>
      <c r="HG15" s="244"/>
      <c r="HH15" s="71">
        <v>89</v>
      </c>
      <c r="HI15" s="71">
        <v>42</v>
      </c>
      <c r="HJ15" s="71">
        <v>36</v>
      </c>
      <c r="HK15" s="71">
        <v>36</v>
      </c>
      <c r="HL15" s="71">
        <v>29</v>
      </c>
      <c r="HM15" s="72">
        <v>232</v>
      </c>
      <c r="HN15" s="73">
        <v>296</v>
      </c>
      <c r="HO15" s="70">
        <v>124</v>
      </c>
      <c r="HP15" s="71">
        <v>97</v>
      </c>
      <c r="HQ15" s="72">
        <v>221</v>
      </c>
      <c r="HR15" s="244"/>
      <c r="HS15" s="71">
        <v>193</v>
      </c>
      <c r="HT15" s="71">
        <v>103</v>
      </c>
      <c r="HU15" s="71">
        <v>107</v>
      </c>
      <c r="HV15" s="71">
        <v>81</v>
      </c>
      <c r="HW15" s="71">
        <v>57</v>
      </c>
      <c r="HX15" s="72">
        <v>541</v>
      </c>
      <c r="HY15" s="73">
        <v>762</v>
      </c>
      <c r="HZ15" s="70">
        <v>183</v>
      </c>
      <c r="IA15" s="71">
        <v>173</v>
      </c>
      <c r="IB15" s="72">
        <v>356</v>
      </c>
      <c r="IC15" s="244"/>
      <c r="ID15" s="71">
        <v>309</v>
      </c>
      <c r="IE15" s="71">
        <v>222</v>
      </c>
      <c r="IF15" s="71">
        <v>174</v>
      </c>
      <c r="IG15" s="71">
        <v>155</v>
      </c>
      <c r="IH15" s="71">
        <v>80</v>
      </c>
      <c r="II15" s="72">
        <v>940</v>
      </c>
      <c r="IJ15" s="73">
        <v>1296</v>
      </c>
      <c r="IK15" s="70">
        <v>400</v>
      </c>
      <c r="IL15" s="71">
        <v>284</v>
      </c>
      <c r="IM15" s="72">
        <v>684</v>
      </c>
      <c r="IN15" s="244"/>
      <c r="IO15" s="71">
        <v>635</v>
      </c>
      <c r="IP15" s="71">
        <v>321</v>
      </c>
      <c r="IQ15" s="71">
        <v>265</v>
      </c>
      <c r="IR15" s="71">
        <v>242</v>
      </c>
      <c r="IS15" s="71">
        <v>141</v>
      </c>
      <c r="IT15" s="72">
        <v>1604</v>
      </c>
      <c r="IU15" s="73">
        <v>2288</v>
      </c>
      <c r="IV15" s="70">
        <v>413</v>
      </c>
      <c r="IW15" s="71">
        <v>305</v>
      </c>
      <c r="IX15" s="72">
        <v>718</v>
      </c>
      <c r="IY15" s="244"/>
      <c r="IZ15" s="71">
        <v>745</v>
      </c>
      <c r="JA15" s="71">
        <v>426</v>
      </c>
      <c r="JB15" s="71">
        <v>357</v>
      </c>
      <c r="JC15" s="71">
        <v>346</v>
      </c>
      <c r="JD15" s="71">
        <v>185</v>
      </c>
      <c r="JE15" s="72">
        <v>2059</v>
      </c>
      <c r="JF15" s="73">
        <v>2777</v>
      </c>
      <c r="JG15" s="70">
        <v>241</v>
      </c>
      <c r="JH15" s="71">
        <v>210</v>
      </c>
      <c r="JI15" s="72">
        <v>451</v>
      </c>
      <c r="JJ15" s="244"/>
      <c r="JK15" s="71">
        <v>638</v>
      </c>
      <c r="JL15" s="71">
        <v>487</v>
      </c>
      <c r="JM15" s="71">
        <v>453</v>
      </c>
      <c r="JN15" s="71">
        <v>505</v>
      </c>
      <c r="JO15" s="71">
        <v>258</v>
      </c>
      <c r="JP15" s="72">
        <v>2341</v>
      </c>
      <c r="JQ15" s="73">
        <v>2792</v>
      </c>
      <c r="JR15" s="70">
        <v>21</v>
      </c>
      <c r="JS15" s="71">
        <v>19</v>
      </c>
      <c r="JT15" s="72">
        <v>40</v>
      </c>
      <c r="JU15" s="244"/>
      <c r="JV15" s="71">
        <v>59</v>
      </c>
      <c r="JW15" s="71">
        <v>35</v>
      </c>
      <c r="JX15" s="71">
        <v>28</v>
      </c>
      <c r="JY15" s="71">
        <v>27</v>
      </c>
      <c r="JZ15" s="71">
        <v>22</v>
      </c>
      <c r="KA15" s="72">
        <v>171</v>
      </c>
      <c r="KB15" s="73">
        <v>211</v>
      </c>
      <c r="KC15" s="70">
        <v>1417</v>
      </c>
      <c r="KD15" s="71">
        <v>1117</v>
      </c>
      <c r="KE15" s="72">
        <v>2534</v>
      </c>
      <c r="KF15" s="244"/>
      <c r="KG15" s="71">
        <v>2668</v>
      </c>
      <c r="KH15" s="71">
        <v>1636</v>
      </c>
      <c r="KI15" s="71">
        <v>1420</v>
      </c>
      <c r="KJ15" s="71">
        <v>1392</v>
      </c>
      <c r="KK15" s="71">
        <v>772</v>
      </c>
      <c r="KL15" s="72">
        <v>7888</v>
      </c>
      <c r="KM15" s="73">
        <v>10422</v>
      </c>
    </row>
    <row r="16" spans="2:299" ht="21" customHeight="1" x14ac:dyDescent="0.2">
      <c r="B16" s="126" t="s">
        <v>12</v>
      </c>
      <c r="C16" s="313">
        <v>681</v>
      </c>
      <c r="D16" s="82">
        <v>624</v>
      </c>
      <c r="E16" s="83">
        <v>1305</v>
      </c>
      <c r="F16" s="241"/>
      <c r="G16" s="82">
        <v>697</v>
      </c>
      <c r="H16" s="82">
        <v>618</v>
      </c>
      <c r="I16" s="82">
        <v>478</v>
      </c>
      <c r="J16" s="82">
        <v>465</v>
      </c>
      <c r="K16" s="82">
        <v>235</v>
      </c>
      <c r="L16" s="84">
        <v>2493</v>
      </c>
      <c r="M16" s="85">
        <v>3798</v>
      </c>
      <c r="N16" s="86">
        <v>25</v>
      </c>
      <c r="O16" s="71">
        <v>29</v>
      </c>
      <c r="P16" s="72">
        <v>54</v>
      </c>
      <c r="Q16" s="244"/>
      <c r="R16" s="71">
        <v>19</v>
      </c>
      <c r="S16" s="71">
        <v>27</v>
      </c>
      <c r="T16" s="71">
        <v>19</v>
      </c>
      <c r="U16" s="71">
        <v>25</v>
      </c>
      <c r="V16" s="71">
        <v>11</v>
      </c>
      <c r="W16" s="72">
        <v>101</v>
      </c>
      <c r="X16" s="73">
        <v>155</v>
      </c>
      <c r="Y16" s="70">
        <v>51</v>
      </c>
      <c r="Z16" s="71">
        <v>74</v>
      </c>
      <c r="AA16" s="72">
        <v>125</v>
      </c>
      <c r="AB16" s="244"/>
      <c r="AC16" s="71">
        <v>52</v>
      </c>
      <c r="AD16" s="71">
        <v>48</v>
      </c>
      <c r="AE16" s="71">
        <v>41</v>
      </c>
      <c r="AF16" s="71">
        <v>41</v>
      </c>
      <c r="AG16" s="71">
        <v>27</v>
      </c>
      <c r="AH16" s="72">
        <v>209</v>
      </c>
      <c r="AI16" s="73">
        <v>334</v>
      </c>
      <c r="AJ16" s="86">
        <v>91</v>
      </c>
      <c r="AK16" s="71">
        <v>93</v>
      </c>
      <c r="AL16" s="72">
        <v>184</v>
      </c>
      <c r="AM16" s="244"/>
      <c r="AN16" s="71">
        <v>92</v>
      </c>
      <c r="AO16" s="71">
        <v>89</v>
      </c>
      <c r="AP16" s="71">
        <v>79</v>
      </c>
      <c r="AQ16" s="71">
        <v>60</v>
      </c>
      <c r="AR16" s="71">
        <v>49</v>
      </c>
      <c r="AS16" s="72">
        <v>369</v>
      </c>
      <c r="AT16" s="73">
        <v>553</v>
      </c>
      <c r="AU16" s="70">
        <v>183</v>
      </c>
      <c r="AV16" s="71">
        <v>154</v>
      </c>
      <c r="AW16" s="72">
        <v>337</v>
      </c>
      <c r="AX16" s="244"/>
      <c r="AY16" s="71">
        <v>170</v>
      </c>
      <c r="AZ16" s="71">
        <v>159</v>
      </c>
      <c r="BA16" s="71">
        <v>107</v>
      </c>
      <c r="BB16" s="71">
        <v>90</v>
      </c>
      <c r="BC16" s="71">
        <v>53</v>
      </c>
      <c r="BD16" s="72">
        <v>579</v>
      </c>
      <c r="BE16" s="73">
        <v>916</v>
      </c>
      <c r="BF16" s="86">
        <v>204</v>
      </c>
      <c r="BG16" s="71">
        <v>147</v>
      </c>
      <c r="BH16" s="72">
        <v>351</v>
      </c>
      <c r="BI16" s="244"/>
      <c r="BJ16" s="71">
        <v>212</v>
      </c>
      <c r="BK16" s="71">
        <v>160</v>
      </c>
      <c r="BL16" s="71">
        <v>141</v>
      </c>
      <c r="BM16" s="71">
        <v>138</v>
      </c>
      <c r="BN16" s="71">
        <v>57</v>
      </c>
      <c r="BO16" s="72">
        <v>708</v>
      </c>
      <c r="BP16" s="73">
        <v>1059</v>
      </c>
      <c r="BQ16" s="70">
        <v>127</v>
      </c>
      <c r="BR16" s="71">
        <v>127</v>
      </c>
      <c r="BS16" s="72">
        <v>254</v>
      </c>
      <c r="BT16" s="244"/>
      <c r="BU16" s="71">
        <v>152</v>
      </c>
      <c r="BV16" s="71">
        <v>135</v>
      </c>
      <c r="BW16" s="71">
        <v>91</v>
      </c>
      <c r="BX16" s="71">
        <v>111</v>
      </c>
      <c r="BY16" s="71">
        <v>38</v>
      </c>
      <c r="BZ16" s="72">
        <v>527</v>
      </c>
      <c r="CA16" s="73">
        <v>781</v>
      </c>
      <c r="CB16" s="70">
        <v>17</v>
      </c>
      <c r="CC16" s="71">
        <v>33</v>
      </c>
      <c r="CD16" s="72">
        <v>50</v>
      </c>
      <c r="CE16" s="244"/>
      <c r="CF16" s="71">
        <v>14</v>
      </c>
      <c r="CG16" s="71">
        <v>17</v>
      </c>
      <c r="CH16" s="71">
        <v>18</v>
      </c>
      <c r="CI16" s="71">
        <v>11</v>
      </c>
      <c r="CJ16" s="71">
        <v>13</v>
      </c>
      <c r="CK16" s="72">
        <v>73</v>
      </c>
      <c r="CL16" s="73">
        <v>123</v>
      </c>
      <c r="CM16" s="70">
        <v>698</v>
      </c>
      <c r="CN16" s="71">
        <v>657</v>
      </c>
      <c r="CO16" s="72">
        <v>1355</v>
      </c>
      <c r="CP16" s="244"/>
      <c r="CQ16" s="71">
        <v>711</v>
      </c>
      <c r="CR16" s="71">
        <v>635</v>
      </c>
      <c r="CS16" s="71">
        <v>496</v>
      </c>
      <c r="CT16" s="71">
        <v>476</v>
      </c>
      <c r="CU16" s="71">
        <v>248</v>
      </c>
      <c r="CV16" s="72">
        <v>2566</v>
      </c>
      <c r="CW16" s="73">
        <v>3921</v>
      </c>
      <c r="CX16" s="123">
        <v>1328</v>
      </c>
      <c r="CY16" s="82">
        <v>1338</v>
      </c>
      <c r="CZ16" s="83">
        <v>2666</v>
      </c>
      <c r="DA16" s="241"/>
      <c r="DB16" s="82">
        <v>1439</v>
      </c>
      <c r="DC16" s="82">
        <v>1125</v>
      </c>
      <c r="DD16" s="82">
        <v>941</v>
      </c>
      <c r="DE16" s="82">
        <v>1015</v>
      </c>
      <c r="DF16" s="82">
        <v>696</v>
      </c>
      <c r="DG16" s="84">
        <v>5216</v>
      </c>
      <c r="DH16" s="85">
        <v>7882</v>
      </c>
      <c r="DI16" s="86">
        <v>35</v>
      </c>
      <c r="DJ16" s="71">
        <v>35</v>
      </c>
      <c r="DK16" s="72">
        <v>70</v>
      </c>
      <c r="DL16" s="244"/>
      <c r="DM16" s="71">
        <v>24</v>
      </c>
      <c r="DN16" s="71">
        <v>16</v>
      </c>
      <c r="DO16" s="71">
        <v>14</v>
      </c>
      <c r="DP16" s="71">
        <v>15</v>
      </c>
      <c r="DQ16" s="71">
        <v>11</v>
      </c>
      <c r="DR16" s="72">
        <v>80</v>
      </c>
      <c r="DS16" s="73">
        <v>150</v>
      </c>
      <c r="DT16" s="70">
        <v>86</v>
      </c>
      <c r="DU16" s="71">
        <v>82</v>
      </c>
      <c r="DV16" s="72">
        <v>168</v>
      </c>
      <c r="DW16" s="244"/>
      <c r="DX16" s="71">
        <v>54</v>
      </c>
      <c r="DY16" s="71">
        <v>55</v>
      </c>
      <c r="DZ16" s="71">
        <v>37</v>
      </c>
      <c r="EA16" s="71">
        <v>45</v>
      </c>
      <c r="EB16" s="71">
        <v>35</v>
      </c>
      <c r="EC16" s="72">
        <v>226</v>
      </c>
      <c r="ED16" s="73">
        <v>394</v>
      </c>
      <c r="EE16" s="86">
        <v>203</v>
      </c>
      <c r="EF16" s="71">
        <v>215</v>
      </c>
      <c r="EG16" s="72">
        <v>418</v>
      </c>
      <c r="EH16" s="244"/>
      <c r="EI16" s="71">
        <v>134</v>
      </c>
      <c r="EJ16" s="71">
        <v>116</v>
      </c>
      <c r="EK16" s="71">
        <v>94</v>
      </c>
      <c r="EL16" s="71">
        <v>85</v>
      </c>
      <c r="EM16" s="71">
        <v>69</v>
      </c>
      <c r="EN16" s="72">
        <v>498</v>
      </c>
      <c r="EO16" s="73">
        <v>916</v>
      </c>
      <c r="EP16" s="70">
        <v>380</v>
      </c>
      <c r="EQ16" s="71">
        <v>325</v>
      </c>
      <c r="ER16" s="72">
        <v>705</v>
      </c>
      <c r="ES16" s="244"/>
      <c r="ET16" s="71">
        <v>337</v>
      </c>
      <c r="EU16" s="71">
        <v>214</v>
      </c>
      <c r="EV16" s="71">
        <v>153</v>
      </c>
      <c r="EW16" s="71">
        <v>137</v>
      </c>
      <c r="EX16" s="71">
        <v>129</v>
      </c>
      <c r="EY16" s="72">
        <v>970</v>
      </c>
      <c r="EZ16" s="73">
        <v>1675</v>
      </c>
      <c r="FA16" s="86">
        <v>395</v>
      </c>
      <c r="FB16" s="71">
        <v>376</v>
      </c>
      <c r="FC16" s="72">
        <v>771</v>
      </c>
      <c r="FD16" s="244"/>
      <c r="FE16" s="71">
        <v>447</v>
      </c>
      <c r="FF16" s="71">
        <v>346</v>
      </c>
      <c r="FG16" s="71">
        <v>266</v>
      </c>
      <c r="FH16" s="71">
        <v>287</v>
      </c>
      <c r="FI16" s="71">
        <v>158</v>
      </c>
      <c r="FJ16" s="72">
        <v>1504</v>
      </c>
      <c r="FK16" s="73">
        <v>2275</v>
      </c>
      <c r="FL16" s="70">
        <v>229</v>
      </c>
      <c r="FM16" s="71">
        <v>305</v>
      </c>
      <c r="FN16" s="72">
        <v>534</v>
      </c>
      <c r="FO16" s="244"/>
      <c r="FP16" s="71">
        <v>443</v>
      </c>
      <c r="FQ16" s="71">
        <v>378</v>
      </c>
      <c r="FR16" s="71">
        <v>377</v>
      </c>
      <c r="FS16" s="71">
        <v>446</v>
      </c>
      <c r="FT16" s="71">
        <v>294</v>
      </c>
      <c r="FU16" s="72">
        <v>1938</v>
      </c>
      <c r="FV16" s="73">
        <v>2472</v>
      </c>
      <c r="FW16" s="70">
        <v>15</v>
      </c>
      <c r="FX16" s="71">
        <v>21</v>
      </c>
      <c r="FY16" s="72">
        <v>36</v>
      </c>
      <c r="FZ16" s="244"/>
      <c r="GA16" s="71">
        <v>19</v>
      </c>
      <c r="GB16" s="71">
        <v>15</v>
      </c>
      <c r="GC16" s="71">
        <v>17</v>
      </c>
      <c r="GD16" s="71">
        <v>14</v>
      </c>
      <c r="GE16" s="71">
        <v>9</v>
      </c>
      <c r="GF16" s="72">
        <v>74</v>
      </c>
      <c r="GG16" s="73">
        <v>110</v>
      </c>
      <c r="GH16" s="70">
        <v>1343</v>
      </c>
      <c r="GI16" s="71">
        <v>1359</v>
      </c>
      <c r="GJ16" s="72">
        <v>2702</v>
      </c>
      <c r="GK16" s="244"/>
      <c r="GL16" s="71">
        <v>1458</v>
      </c>
      <c r="GM16" s="71">
        <v>1140</v>
      </c>
      <c r="GN16" s="71">
        <v>958</v>
      </c>
      <c r="GO16" s="71">
        <v>1029</v>
      </c>
      <c r="GP16" s="71">
        <v>705</v>
      </c>
      <c r="GQ16" s="72">
        <v>5290</v>
      </c>
      <c r="GR16" s="73">
        <v>7992</v>
      </c>
      <c r="GS16" s="123">
        <v>2009</v>
      </c>
      <c r="GT16" s="82">
        <v>1962</v>
      </c>
      <c r="GU16" s="83">
        <v>3971</v>
      </c>
      <c r="GV16" s="241"/>
      <c r="GW16" s="82">
        <v>2136</v>
      </c>
      <c r="GX16" s="82">
        <v>1743</v>
      </c>
      <c r="GY16" s="82">
        <v>1419</v>
      </c>
      <c r="GZ16" s="82">
        <v>1480</v>
      </c>
      <c r="HA16" s="82">
        <v>931</v>
      </c>
      <c r="HB16" s="84">
        <v>7709</v>
      </c>
      <c r="HC16" s="85">
        <v>11680</v>
      </c>
      <c r="HD16" s="86">
        <v>60</v>
      </c>
      <c r="HE16" s="71">
        <v>64</v>
      </c>
      <c r="HF16" s="72">
        <v>124</v>
      </c>
      <c r="HG16" s="244"/>
      <c r="HH16" s="71">
        <v>43</v>
      </c>
      <c r="HI16" s="71">
        <v>43</v>
      </c>
      <c r="HJ16" s="71">
        <v>33</v>
      </c>
      <c r="HK16" s="71">
        <v>40</v>
      </c>
      <c r="HL16" s="71">
        <v>22</v>
      </c>
      <c r="HM16" s="72">
        <v>181</v>
      </c>
      <c r="HN16" s="73">
        <v>305</v>
      </c>
      <c r="HO16" s="70">
        <v>137</v>
      </c>
      <c r="HP16" s="71">
        <v>156</v>
      </c>
      <c r="HQ16" s="72">
        <v>293</v>
      </c>
      <c r="HR16" s="244"/>
      <c r="HS16" s="71">
        <v>106</v>
      </c>
      <c r="HT16" s="71">
        <v>103</v>
      </c>
      <c r="HU16" s="71">
        <v>78</v>
      </c>
      <c r="HV16" s="71">
        <v>86</v>
      </c>
      <c r="HW16" s="71">
        <v>62</v>
      </c>
      <c r="HX16" s="72">
        <v>435</v>
      </c>
      <c r="HY16" s="73">
        <v>728</v>
      </c>
      <c r="HZ16" s="86">
        <v>294</v>
      </c>
      <c r="IA16" s="71">
        <v>308</v>
      </c>
      <c r="IB16" s="72">
        <v>602</v>
      </c>
      <c r="IC16" s="244"/>
      <c r="ID16" s="71">
        <v>226</v>
      </c>
      <c r="IE16" s="71">
        <v>205</v>
      </c>
      <c r="IF16" s="71">
        <v>173</v>
      </c>
      <c r="IG16" s="71">
        <v>145</v>
      </c>
      <c r="IH16" s="71">
        <v>118</v>
      </c>
      <c r="II16" s="72">
        <v>867</v>
      </c>
      <c r="IJ16" s="73">
        <v>1469</v>
      </c>
      <c r="IK16" s="70">
        <v>563</v>
      </c>
      <c r="IL16" s="71">
        <v>479</v>
      </c>
      <c r="IM16" s="72">
        <v>1042</v>
      </c>
      <c r="IN16" s="244"/>
      <c r="IO16" s="71">
        <v>507</v>
      </c>
      <c r="IP16" s="71">
        <v>373</v>
      </c>
      <c r="IQ16" s="71">
        <v>260</v>
      </c>
      <c r="IR16" s="71">
        <v>227</v>
      </c>
      <c r="IS16" s="71">
        <v>182</v>
      </c>
      <c r="IT16" s="72">
        <v>1549</v>
      </c>
      <c r="IU16" s="73">
        <v>2591</v>
      </c>
      <c r="IV16" s="86">
        <v>599</v>
      </c>
      <c r="IW16" s="71">
        <v>523</v>
      </c>
      <c r="IX16" s="72">
        <v>1122</v>
      </c>
      <c r="IY16" s="244"/>
      <c r="IZ16" s="71">
        <v>659</v>
      </c>
      <c r="JA16" s="71">
        <v>506</v>
      </c>
      <c r="JB16" s="71">
        <v>407</v>
      </c>
      <c r="JC16" s="71">
        <v>425</v>
      </c>
      <c r="JD16" s="71">
        <v>215</v>
      </c>
      <c r="JE16" s="72">
        <v>2212</v>
      </c>
      <c r="JF16" s="73">
        <v>3334</v>
      </c>
      <c r="JG16" s="70">
        <v>356</v>
      </c>
      <c r="JH16" s="71">
        <v>432</v>
      </c>
      <c r="JI16" s="72">
        <v>788</v>
      </c>
      <c r="JJ16" s="244"/>
      <c r="JK16" s="71">
        <v>595</v>
      </c>
      <c r="JL16" s="71">
        <v>513</v>
      </c>
      <c r="JM16" s="71">
        <v>468</v>
      </c>
      <c r="JN16" s="71">
        <v>557</v>
      </c>
      <c r="JO16" s="71">
        <v>332</v>
      </c>
      <c r="JP16" s="72">
        <v>2465</v>
      </c>
      <c r="JQ16" s="73">
        <v>3253</v>
      </c>
      <c r="JR16" s="70">
        <v>32</v>
      </c>
      <c r="JS16" s="71">
        <v>54</v>
      </c>
      <c r="JT16" s="72">
        <v>86</v>
      </c>
      <c r="JU16" s="244"/>
      <c r="JV16" s="71">
        <v>33</v>
      </c>
      <c r="JW16" s="71">
        <v>32</v>
      </c>
      <c r="JX16" s="71">
        <v>35</v>
      </c>
      <c r="JY16" s="71">
        <v>25</v>
      </c>
      <c r="JZ16" s="71">
        <v>22</v>
      </c>
      <c r="KA16" s="72">
        <v>147</v>
      </c>
      <c r="KB16" s="73">
        <v>233</v>
      </c>
      <c r="KC16" s="70">
        <v>2041</v>
      </c>
      <c r="KD16" s="71">
        <v>2016</v>
      </c>
      <c r="KE16" s="72">
        <v>4057</v>
      </c>
      <c r="KF16" s="244"/>
      <c r="KG16" s="71">
        <v>2169</v>
      </c>
      <c r="KH16" s="71">
        <v>1775</v>
      </c>
      <c r="KI16" s="71">
        <v>1454</v>
      </c>
      <c r="KJ16" s="71">
        <v>1505</v>
      </c>
      <c r="KK16" s="71">
        <v>953</v>
      </c>
      <c r="KL16" s="72">
        <v>7856</v>
      </c>
      <c r="KM16" s="73">
        <v>11913</v>
      </c>
    </row>
    <row r="17" spans="2:299" ht="21" customHeight="1" x14ac:dyDescent="0.2">
      <c r="B17" s="126" t="s">
        <v>13</v>
      </c>
      <c r="C17" s="313">
        <v>160</v>
      </c>
      <c r="D17" s="82">
        <v>171</v>
      </c>
      <c r="E17" s="83">
        <v>331</v>
      </c>
      <c r="F17" s="241"/>
      <c r="G17" s="82">
        <v>316</v>
      </c>
      <c r="H17" s="82">
        <v>245</v>
      </c>
      <c r="I17" s="82">
        <v>177</v>
      </c>
      <c r="J17" s="82">
        <v>158</v>
      </c>
      <c r="K17" s="82">
        <v>100</v>
      </c>
      <c r="L17" s="84">
        <v>996</v>
      </c>
      <c r="M17" s="85">
        <v>1327</v>
      </c>
      <c r="N17" s="70">
        <v>4</v>
      </c>
      <c r="O17" s="71">
        <v>2</v>
      </c>
      <c r="P17" s="72">
        <v>6</v>
      </c>
      <c r="Q17" s="244"/>
      <c r="R17" s="71">
        <v>15</v>
      </c>
      <c r="S17" s="71">
        <v>5</v>
      </c>
      <c r="T17" s="71">
        <v>10</v>
      </c>
      <c r="U17" s="71">
        <v>8</v>
      </c>
      <c r="V17" s="71">
        <v>5</v>
      </c>
      <c r="W17" s="72">
        <v>43</v>
      </c>
      <c r="X17" s="73">
        <v>49</v>
      </c>
      <c r="Y17" s="70">
        <v>12</v>
      </c>
      <c r="Z17" s="71">
        <v>10</v>
      </c>
      <c r="AA17" s="72">
        <v>22</v>
      </c>
      <c r="AB17" s="244"/>
      <c r="AC17" s="71">
        <v>23</v>
      </c>
      <c r="AD17" s="71">
        <v>18</v>
      </c>
      <c r="AE17" s="71">
        <v>10</v>
      </c>
      <c r="AF17" s="71">
        <v>14</v>
      </c>
      <c r="AG17" s="71">
        <v>13</v>
      </c>
      <c r="AH17" s="72">
        <v>78</v>
      </c>
      <c r="AI17" s="73">
        <v>100</v>
      </c>
      <c r="AJ17" s="70">
        <v>21</v>
      </c>
      <c r="AK17" s="71">
        <v>22</v>
      </c>
      <c r="AL17" s="72">
        <v>43</v>
      </c>
      <c r="AM17" s="244"/>
      <c r="AN17" s="71">
        <v>41</v>
      </c>
      <c r="AO17" s="71">
        <v>32</v>
      </c>
      <c r="AP17" s="71">
        <v>25</v>
      </c>
      <c r="AQ17" s="71">
        <v>16</v>
      </c>
      <c r="AR17" s="71">
        <v>12</v>
      </c>
      <c r="AS17" s="72">
        <v>126</v>
      </c>
      <c r="AT17" s="73">
        <v>169</v>
      </c>
      <c r="AU17" s="70">
        <v>36</v>
      </c>
      <c r="AV17" s="71">
        <v>46</v>
      </c>
      <c r="AW17" s="72">
        <v>82</v>
      </c>
      <c r="AX17" s="244"/>
      <c r="AY17" s="71">
        <v>76</v>
      </c>
      <c r="AZ17" s="71">
        <v>43</v>
      </c>
      <c r="BA17" s="71">
        <v>36</v>
      </c>
      <c r="BB17" s="71">
        <v>28</v>
      </c>
      <c r="BC17" s="71">
        <v>24</v>
      </c>
      <c r="BD17" s="72">
        <v>207</v>
      </c>
      <c r="BE17" s="73">
        <v>289</v>
      </c>
      <c r="BF17" s="70">
        <v>49</v>
      </c>
      <c r="BG17" s="71">
        <v>56</v>
      </c>
      <c r="BH17" s="72">
        <v>105</v>
      </c>
      <c r="BI17" s="244"/>
      <c r="BJ17" s="71">
        <v>86</v>
      </c>
      <c r="BK17" s="71">
        <v>75</v>
      </c>
      <c r="BL17" s="71">
        <v>52</v>
      </c>
      <c r="BM17" s="71">
        <v>52</v>
      </c>
      <c r="BN17" s="71">
        <v>25</v>
      </c>
      <c r="BO17" s="72">
        <v>290</v>
      </c>
      <c r="BP17" s="73">
        <v>395</v>
      </c>
      <c r="BQ17" s="70">
        <v>38</v>
      </c>
      <c r="BR17" s="71">
        <v>35</v>
      </c>
      <c r="BS17" s="72">
        <v>73</v>
      </c>
      <c r="BT17" s="244"/>
      <c r="BU17" s="71">
        <v>75</v>
      </c>
      <c r="BV17" s="71">
        <v>72</v>
      </c>
      <c r="BW17" s="71">
        <v>44</v>
      </c>
      <c r="BX17" s="71">
        <v>40</v>
      </c>
      <c r="BY17" s="71">
        <v>21</v>
      </c>
      <c r="BZ17" s="72">
        <v>252</v>
      </c>
      <c r="CA17" s="73">
        <v>325</v>
      </c>
      <c r="CB17" s="70">
        <v>4</v>
      </c>
      <c r="CC17" s="71">
        <v>2</v>
      </c>
      <c r="CD17" s="72">
        <v>6</v>
      </c>
      <c r="CE17" s="244"/>
      <c r="CF17" s="71">
        <v>11</v>
      </c>
      <c r="CG17" s="71">
        <v>6</v>
      </c>
      <c r="CH17" s="71">
        <v>7</v>
      </c>
      <c r="CI17" s="71">
        <v>4</v>
      </c>
      <c r="CJ17" s="71">
        <v>9</v>
      </c>
      <c r="CK17" s="72">
        <v>37</v>
      </c>
      <c r="CL17" s="73">
        <v>43</v>
      </c>
      <c r="CM17" s="70">
        <v>164</v>
      </c>
      <c r="CN17" s="71">
        <v>173</v>
      </c>
      <c r="CO17" s="72">
        <v>337</v>
      </c>
      <c r="CP17" s="244"/>
      <c r="CQ17" s="71">
        <v>327</v>
      </c>
      <c r="CR17" s="71">
        <v>251</v>
      </c>
      <c r="CS17" s="71">
        <v>184</v>
      </c>
      <c r="CT17" s="71">
        <v>162</v>
      </c>
      <c r="CU17" s="71">
        <v>109</v>
      </c>
      <c r="CV17" s="72">
        <v>1033</v>
      </c>
      <c r="CW17" s="73">
        <v>1370</v>
      </c>
      <c r="CX17" s="123">
        <v>391</v>
      </c>
      <c r="CY17" s="82">
        <v>401</v>
      </c>
      <c r="CZ17" s="83">
        <v>792</v>
      </c>
      <c r="DA17" s="241"/>
      <c r="DB17" s="82">
        <v>584</v>
      </c>
      <c r="DC17" s="82">
        <v>475</v>
      </c>
      <c r="DD17" s="82">
        <v>350</v>
      </c>
      <c r="DE17" s="82">
        <v>391</v>
      </c>
      <c r="DF17" s="82">
        <v>295</v>
      </c>
      <c r="DG17" s="84">
        <v>2095</v>
      </c>
      <c r="DH17" s="85">
        <v>2887</v>
      </c>
      <c r="DI17" s="70">
        <v>6</v>
      </c>
      <c r="DJ17" s="71">
        <v>7</v>
      </c>
      <c r="DK17" s="72">
        <v>13</v>
      </c>
      <c r="DL17" s="244"/>
      <c r="DM17" s="71">
        <v>7</v>
      </c>
      <c r="DN17" s="71">
        <v>8</v>
      </c>
      <c r="DO17" s="71">
        <v>2</v>
      </c>
      <c r="DP17" s="71">
        <v>7</v>
      </c>
      <c r="DQ17" s="71">
        <v>3</v>
      </c>
      <c r="DR17" s="72">
        <v>27</v>
      </c>
      <c r="DS17" s="73">
        <v>40</v>
      </c>
      <c r="DT17" s="70">
        <v>15</v>
      </c>
      <c r="DU17" s="71">
        <v>24</v>
      </c>
      <c r="DV17" s="72">
        <v>39</v>
      </c>
      <c r="DW17" s="244"/>
      <c r="DX17" s="71">
        <v>25</v>
      </c>
      <c r="DY17" s="71">
        <v>19</v>
      </c>
      <c r="DZ17" s="71">
        <v>12</v>
      </c>
      <c r="EA17" s="71">
        <v>10</v>
      </c>
      <c r="EB17" s="71">
        <v>13</v>
      </c>
      <c r="EC17" s="72">
        <v>79</v>
      </c>
      <c r="ED17" s="73">
        <v>118</v>
      </c>
      <c r="EE17" s="70">
        <v>37</v>
      </c>
      <c r="EF17" s="71">
        <v>38</v>
      </c>
      <c r="EG17" s="72">
        <v>75</v>
      </c>
      <c r="EH17" s="244"/>
      <c r="EI17" s="71">
        <v>75</v>
      </c>
      <c r="EJ17" s="71">
        <v>41</v>
      </c>
      <c r="EK17" s="71">
        <v>32</v>
      </c>
      <c r="EL17" s="71">
        <v>21</v>
      </c>
      <c r="EM17" s="71">
        <v>32</v>
      </c>
      <c r="EN17" s="72">
        <v>201</v>
      </c>
      <c r="EO17" s="73">
        <v>276</v>
      </c>
      <c r="EP17" s="70">
        <v>115</v>
      </c>
      <c r="EQ17" s="71">
        <v>109</v>
      </c>
      <c r="ER17" s="72">
        <v>224</v>
      </c>
      <c r="ES17" s="244"/>
      <c r="ET17" s="71">
        <v>138</v>
      </c>
      <c r="EU17" s="71">
        <v>79</v>
      </c>
      <c r="EV17" s="71">
        <v>51</v>
      </c>
      <c r="EW17" s="71">
        <v>56</v>
      </c>
      <c r="EX17" s="71">
        <v>50</v>
      </c>
      <c r="EY17" s="72">
        <v>374</v>
      </c>
      <c r="EZ17" s="73">
        <v>598</v>
      </c>
      <c r="FA17" s="70">
        <v>133</v>
      </c>
      <c r="FB17" s="71">
        <v>120</v>
      </c>
      <c r="FC17" s="72">
        <v>253</v>
      </c>
      <c r="FD17" s="244"/>
      <c r="FE17" s="71">
        <v>179</v>
      </c>
      <c r="FF17" s="71">
        <v>138</v>
      </c>
      <c r="FG17" s="71">
        <v>94</v>
      </c>
      <c r="FH17" s="71">
        <v>101</v>
      </c>
      <c r="FI17" s="71">
        <v>67</v>
      </c>
      <c r="FJ17" s="72">
        <v>579</v>
      </c>
      <c r="FK17" s="73">
        <v>832</v>
      </c>
      <c r="FL17" s="70">
        <v>85</v>
      </c>
      <c r="FM17" s="71">
        <v>103</v>
      </c>
      <c r="FN17" s="72">
        <v>188</v>
      </c>
      <c r="FO17" s="244"/>
      <c r="FP17" s="71">
        <v>160</v>
      </c>
      <c r="FQ17" s="71">
        <v>190</v>
      </c>
      <c r="FR17" s="71">
        <v>159</v>
      </c>
      <c r="FS17" s="71">
        <v>196</v>
      </c>
      <c r="FT17" s="71">
        <v>130</v>
      </c>
      <c r="FU17" s="72">
        <v>835</v>
      </c>
      <c r="FV17" s="73">
        <v>1023</v>
      </c>
      <c r="FW17" s="70">
        <v>0</v>
      </c>
      <c r="FX17" s="71">
        <v>2</v>
      </c>
      <c r="FY17" s="72">
        <v>2</v>
      </c>
      <c r="FZ17" s="244"/>
      <c r="GA17" s="71">
        <v>5</v>
      </c>
      <c r="GB17" s="71">
        <v>8</v>
      </c>
      <c r="GC17" s="71">
        <v>5</v>
      </c>
      <c r="GD17" s="71">
        <v>3</v>
      </c>
      <c r="GE17" s="71">
        <v>5</v>
      </c>
      <c r="GF17" s="72">
        <v>26</v>
      </c>
      <c r="GG17" s="73">
        <v>28</v>
      </c>
      <c r="GH17" s="70">
        <v>391</v>
      </c>
      <c r="GI17" s="71">
        <v>403</v>
      </c>
      <c r="GJ17" s="72">
        <v>794</v>
      </c>
      <c r="GK17" s="244"/>
      <c r="GL17" s="71">
        <v>589</v>
      </c>
      <c r="GM17" s="71">
        <v>483</v>
      </c>
      <c r="GN17" s="71">
        <v>355</v>
      </c>
      <c r="GO17" s="71">
        <v>394</v>
      </c>
      <c r="GP17" s="71">
        <v>300</v>
      </c>
      <c r="GQ17" s="72">
        <v>2121</v>
      </c>
      <c r="GR17" s="73">
        <v>2915</v>
      </c>
      <c r="GS17" s="123">
        <v>551</v>
      </c>
      <c r="GT17" s="82">
        <v>572</v>
      </c>
      <c r="GU17" s="83">
        <v>1123</v>
      </c>
      <c r="GV17" s="241"/>
      <c r="GW17" s="82">
        <v>900</v>
      </c>
      <c r="GX17" s="82">
        <v>720</v>
      </c>
      <c r="GY17" s="82">
        <v>527</v>
      </c>
      <c r="GZ17" s="82">
        <v>549</v>
      </c>
      <c r="HA17" s="82">
        <v>395</v>
      </c>
      <c r="HB17" s="84">
        <v>3091</v>
      </c>
      <c r="HC17" s="85">
        <v>4214</v>
      </c>
      <c r="HD17" s="70">
        <v>10</v>
      </c>
      <c r="HE17" s="71">
        <v>9</v>
      </c>
      <c r="HF17" s="72">
        <v>19</v>
      </c>
      <c r="HG17" s="244"/>
      <c r="HH17" s="71">
        <v>22</v>
      </c>
      <c r="HI17" s="71">
        <v>13</v>
      </c>
      <c r="HJ17" s="71">
        <v>12</v>
      </c>
      <c r="HK17" s="71">
        <v>15</v>
      </c>
      <c r="HL17" s="71">
        <v>8</v>
      </c>
      <c r="HM17" s="72">
        <v>70</v>
      </c>
      <c r="HN17" s="73">
        <v>89</v>
      </c>
      <c r="HO17" s="70">
        <v>27</v>
      </c>
      <c r="HP17" s="71">
        <v>34</v>
      </c>
      <c r="HQ17" s="72">
        <v>61</v>
      </c>
      <c r="HR17" s="244"/>
      <c r="HS17" s="71">
        <v>48</v>
      </c>
      <c r="HT17" s="71">
        <v>37</v>
      </c>
      <c r="HU17" s="71">
        <v>22</v>
      </c>
      <c r="HV17" s="71">
        <v>24</v>
      </c>
      <c r="HW17" s="71">
        <v>26</v>
      </c>
      <c r="HX17" s="72">
        <v>157</v>
      </c>
      <c r="HY17" s="73">
        <v>218</v>
      </c>
      <c r="HZ17" s="70">
        <v>58</v>
      </c>
      <c r="IA17" s="71">
        <v>60</v>
      </c>
      <c r="IB17" s="72">
        <v>118</v>
      </c>
      <c r="IC17" s="244"/>
      <c r="ID17" s="71">
        <v>116</v>
      </c>
      <c r="IE17" s="71">
        <v>73</v>
      </c>
      <c r="IF17" s="71">
        <v>57</v>
      </c>
      <c r="IG17" s="71">
        <v>37</v>
      </c>
      <c r="IH17" s="71">
        <v>44</v>
      </c>
      <c r="II17" s="72">
        <v>327</v>
      </c>
      <c r="IJ17" s="73">
        <v>445</v>
      </c>
      <c r="IK17" s="70">
        <v>151</v>
      </c>
      <c r="IL17" s="71">
        <v>155</v>
      </c>
      <c r="IM17" s="72">
        <v>306</v>
      </c>
      <c r="IN17" s="244"/>
      <c r="IO17" s="71">
        <v>214</v>
      </c>
      <c r="IP17" s="71">
        <v>122</v>
      </c>
      <c r="IQ17" s="71">
        <v>87</v>
      </c>
      <c r="IR17" s="71">
        <v>84</v>
      </c>
      <c r="IS17" s="71">
        <v>74</v>
      </c>
      <c r="IT17" s="72">
        <v>581</v>
      </c>
      <c r="IU17" s="73">
        <v>887</v>
      </c>
      <c r="IV17" s="70">
        <v>182</v>
      </c>
      <c r="IW17" s="71">
        <v>176</v>
      </c>
      <c r="IX17" s="72">
        <v>358</v>
      </c>
      <c r="IY17" s="244"/>
      <c r="IZ17" s="71">
        <v>265</v>
      </c>
      <c r="JA17" s="71">
        <v>213</v>
      </c>
      <c r="JB17" s="71">
        <v>146</v>
      </c>
      <c r="JC17" s="71">
        <v>153</v>
      </c>
      <c r="JD17" s="71">
        <v>92</v>
      </c>
      <c r="JE17" s="72">
        <v>869</v>
      </c>
      <c r="JF17" s="73">
        <v>1227</v>
      </c>
      <c r="JG17" s="70">
        <v>123</v>
      </c>
      <c r="JH17" s="71">
        <v>138</v>
      </c>
      <c r="JI17" s="72">
        <v>261</v>
      </c>
      <c r="JJ17" s="244"/>
      <c r="JK17" s="71">
        <v>235</v>
      </c>
      <c r="JL17" s="71">
        <v>262</v>
      </c>
      <c r="JM17" s="71">
        <v>203</v>
      </c>
      <c r="JN17" s="71">
        <v>236</v>
      </c>
      <c r="JO17" s="71">
        <v>151</v>
      </c>
      <c r="JP17" s="72">
        <v>1087</v>
      </c>
      <c r="JQ17" s="73">
        <v>1348</v>
      </c>
      <c r="JR17" s="70">
        <v>4</v>
      </c>
      <c r="JS17" s="71">
        <v>4</v>
      </c>
      <c r="JT17" s="72">
        <v>8</v>
      </c>
      <c r="JU17" s="244"/>
      <c r="JV17" s="71">
        <v>16</v>
      </c>
      <c r="JW17" s="71">
        <v>14</v>
      </c>
      <c r="JX17" s="71">
        <v>12</v>
      </c>
      <c r="JY17" s="71">
        <v>7</v>
      </c>
      <c r="JZ17" s="71">
        <v>14</v>
      </c>
      <c r="KA17" s="72">
        <v>63</v>
      </c>
      <c r="KB17" s="73">
        <v>71</v>
      </c>
      <c r="KC17" s="70">
        <v>555</v>
      </c>
      <c r="KD17" s="71">
        <v>576</v>
      </c>
      <c r="KE17" s="72">
        <v>1131</v>
      </c>
      <c r="KF17" s="244"/>
      <c r="KG17" s="71">
        <v>916</v>
      </c>
      <c r="KH17" s="71">
        <v>734</v>
      </c>
      <c r="KI17" s="71">
        <v>539</v>
      </c>
      <c r="KJ17" s="71">
        <v>556</v>
      </c>
      <c r="KK17" s="71">
        <v>409</v>
      </c>
      <c r="KL17" s="72">
        <v>3154</v>
      </c>
      <c r="KM17" s="73">
        <v>4285</v>
      </c>
    </row>
    <row r="18" spans="2:299" ht="21" customHeight="1" x14ac:dyDescent="0.2">
      <c r="B18" s="126" t="s">
        <v>15</v>
      </c>
      <c r="C18" s="313">
        <v>121</v>
      </c>
      <c r="D18" s="82">
        <v>140</v>
      </c>
      <c r="E18" s="83">
        <v>261</v>
      </c>
      <c r="F18" s="241"/>
      <c r="G18" s="82">
        <v>258</v>
      </c>
      <c r="H18" s="82">
        <v>226</v>
      </c>
      <c r="I18" s="82">
        <v>164</v>
      </c>
      <c r="J18" s="82">
        <v>138</v>
      </c>
      <c r="K18" s="82">
        <v>73</v>
      </c>
      <c r="L18" s="84">
        <v>859</v>
      </c>
      <c r="M18" s="85">
        <v>1120</v>
      </c>
      <c r="N18" s="70">
        <v>3</v>
      </c>
      <c r="O18" s="71">
        <v>3</v>
      </c>
      <c r="P18" s="72">
        <v>6</v>
      </c>
      <c r="Q18" s="244"/>
      <c r="R18" s="71">
        <v>13</v>
      </c>
      <c r="S18" s="71">
        <v>13</v>
      </c>
      <c r="T18" s="71">
        <v>9</v>
      </c>
      <c r="U18" s="71">
        <v>7</v>
      </c>
      <c r="V18" s="71">
        <v>8</v>
      </c>
      <c r="W18" s="72">
        <v>50</v>
      </c>
      <c r="X18" s="73">
        <v>56</v>
      </c>
      <c r="Y18" s="70">
        <v>12</v>
      </c>
      <c r="Z18" s="71">
        <v>14</v>
      </c>
      <c r="AA18" s="72">
        <v>26</v>
      </c>
      <c r="AB18" s="244"/>
      <c r="AC18" s="71">
        <v>31</v>
      </c>
      <c r="AD18" s="71">
        <v>25</v>
      </c>
      <c r="AE18" s="71">
        <v>23</v>
      </c>
      <c r="AF18" s="71">
        <v>16</v>
      </c>
      <c r="AG18" s="71">
        <v>8</v>
      </c>
      <c r="AH18" s="72">
        <v>103</v>
      </c>
      <c r="AI18" s="73">
        <v>129</v>
      </c>
      <c r="AJ18" s="70">
        <v>19</v>
      </c>
      <c r="AK18" s="71">
        <v>25</v>
      </c>
      <c r="AL18" s="72">
        <v>44</v>
      </c>
      <c r="AM18" s="244"/>
      <c r="AN18" s="71">
        <v>44</v>
      </c>
      <c r="AO18" s="71">
        <v>43</v>
      </c>
      <c r="AP18" s="71">
        <v>22</v>
      </c>
      <c r="AQ18" s="71">
        <v>24</v>
      </c>
      <c r="AR18" s="71">
        <v>16</v>
      </c>
      <c r="AS18" s="72">
        <v>149</v>
      </c>
      <c r="AT18" s="73">
        <v>193</v>
      </c>
      <c r="AU18" s="70">
        <v>35</v>
      </c>
      <c r="AV18" s="71">
        <v>33</v>
      </c>
      <c r="AW18" s="72">
        <v>68</v>
      </c>
      <c r="AX18" s="244"/>
      <c r="AY18" s="71">
        <v>66</v>
      </c>
      <c r="AZ18" s="71">
        <v>49</v>
      </c>
      <c r="BA18" s="71">
        <v>38</v>
      </c>
      <c r="BB18" s="71">
        <v>29</v>
      </c>
      <c r="BC18" s="71">
        <v>17</v>
      </c>
      <c r="BD18" s="72">
        <v>199</v>
      </c>
      <c r="BE18" s="73">
        <v>267</v>
      </c>
      <c r="BF18" s="70">
        <v>34</v>
      </c>
      <c r="BG18" s="71">
        <v>42</v>
      </c>
      <c r="BH18" s="72">
        <v>76</v>
      </c>
      <c r="BI18" s="244"/>
      <c r="BJ18" s="71">
        <v>62</v>
      </c>
      <c r="BK18" s="71">
        <v>47</v>
      </c>
      <c r="BL18" s="71">
        <v>38</v>
      </c>
      <c r="BM18" s="71">
        <v>33</v>
      </c>
      <c r="BN18" s="71">
        <v>15</v>
      </c>
      <c r="BO18" s="72">
        <v>195</v>
      </c>
      <c r="BP18" s="73">
        <v>271</v>
      </c>
      <c r="BQ18" s="70">
        <v>18</v>
      </c>
      <c r="BR18" s="71">
        <v>23</v>
      </c>
      <c r="BS18" s="72">
        <v>41</v>
      </c>
      <c r="BT18" s="244"/>
      <c r="BU18" s="71">
        <v>42</v>
      </c>
      <c r="BV18" s="71">
        <v>49</v>
      </c>
      <c r="BW18" s="71">
        <v>34</v>
      </c>
      <c r="BX18" s="71">
        <v>29</v>
      </c>
      <c r="BY18" s="71">
        <v>9</v>
      </c>
      <c r="BZ18" s="72">
        <v>163</v>
      </c>
      <c r="CA18" s="73">
        <v>204</v>
      </c>
      <c r="CB18" s="70">
        <v>0</v>
      </c>
      <c r="CC18" s="71">
        <v>4</v>
      </c>
      <c r="CD18" s="72">
        <v>4</v>
      </c>
      <c r="CE18" s="244"/>
      <c r="CF18" s="71">
        <v>7</v>
      </c>
      <c r="CG18" s="71">
        <v>6</v>
      </c>
      <c r="CH18" s="71">
        <v>2</v>
      </c>
      <c r="CI18" s="71">
        <v>3</v>
      </c>
      <c r="CJ18" s="71">
        <v>5</v>
      </c>
      <c r="CK18" s="72">
        <v>23</v>
      </c>
      <c r="CL18" s="73">
        <v>27</v>
      </c>
      <c r="CM18" s="70">
        <v>121</v>
      </c>
      <c r="CN18" s="71">
        <v>144</v>
      </c>
      <c r="CO18" s="72">
        <v>265</v>
      </c>
      <c r="CP18" s="244"/>
      <c r="CQ18" s="71">
        <v>265</v>
      </c>
      <c r="CR18" s="71">
        <v>232</v>
      </c>
      <c r="CS18" s="71">
        <v>166</v>
      </c>
      <c r="CT18" s="71">
        <v>141</v>
      </c>
      <c r="CU18" s="71">
        <v>78</v>
      </c>
      <c r="CV18" s="72">
        <v>882</v>
      </c>
      <c r="CW18" s="73">
        <v>1147</v>
      </c>
      <c r="CX18" s="123">
        <v>258</v>
      </c>
      <c r="CY18" s="82">
        <v>348</v>
      </c>
      <c r="CZ18" s="83">
        <v>606</v>
      </c>
      <c r="DA18" s="241"/>
      <c r="DB18" s="82">
        <v>464</v>
      </c>
      <c r="DC18" s="82">
        <v>435</v>
      </c>
      <c r="DD18" s="82">
        <v>332</v>
      </c>
      <c r="DE18" s="82">
        <v>302</v>
      </c>
      <c r="DF18" s="82">
        <v>182</v>
      </c>
      <c r="DG18" s="84">
        <v>1715</v>
      </c>
      <c r="DH18" s="85">
        <v>2321</v>
      </c>
      <c r="DI18" s="70">
        <v>5</v>
      </c>
      <c r="DJ18" s="71">
        <v>4</v>
      </c>
      <c r="DK18" s="72">
        <v>9</v>
      </c>
      <c r="DL18" s="244"/>
      <c r="DM18" s="71">
        <v>12</v>
      </c>
      <c r="DN18" s="71">
        <v>10</v>
      </c>
      <c r="DO18" s="71">
        <v>2</v>
      </c>
      <c r="DP18" s="71">
        <v>2</v>
      </c>
      <c r="DQ18" s="71">
        <v>4</v>
      </c>
      <c r="DR18" s="72">
        <v>30</v>
      </c>
      <c r="DS18" s="73">
        <v>39</v>
      </c>
      <c r="DT18" s="70">
        <v>14</v>
      </c>
      <c r="DU18" s="71">
        <v>16</v>
      </c>
      <c r="DV18" s="72">
        <v>30</v>
      </c>
      <c r="DW18" s="244"/>
      <c r="DX18" s="71">
        <v>33</v>
      </c>
      <c r="DY18" s="71">
        <v>34</v>
      </c>
      <c r="DZ18" s="71">
        <v>18</v>
      </c>
      <c r="EA18" s="71">
        <v>10</v>
      </c>
      <c r="EB18" s="71">
        <v>8</v>
      </c>
      <c r="EC18" s="72">
        <v>103</v>
      </c>
      <c r="ED18" s="73">
        <v>133</v>
      </c>
      <c r="EE18" s="70">
        <v>55</v>
      </c>
      <c r="EF18" s="71">
        <v>53</v>
      </c>
      <c r="EG18" s="72">
        <v>108</v>
      </c>
      <c r="EH18" s="244"/>
      <c r="EI18" s="71">
        <v>63</v>
      </c>
      <c r="EJ18" s="71">
        <v>53</v>
      </c>
      <c r="EK18" s="71">
        <v>28</v>
      </c>
      <c r="EL18" s="71">
        <v>15</v>
      </c>
      <c r="EM18" s="71">
        <v>20</v>
      </c>
      <c r="EN18" s="72">
        <v>179</v>
      </c>
      <c r="EO18" s="73">
        <v>287</v>
      </c>
      <c r="EP18" s="70">
        <v>89</v>
      </c>
      <c r="EQ18" s="71">
        <v>103</v>
      </c>
      <c r="ER18" s="72">
        <v>192</v>
      </c>
      <c r="ES18" s="244"/>
      <c r="ET18" s="71">
        <v>112</v>
      </c>
      <c r="EU18" s="71">
        <v>87</v>
      </c>
      <c r="EV18" s="71">
        <v>55</v>
      </c>
      <c r="EW18" s="71">
        <v>39</v>
      </c>
      <c r="EX18" s="71">
        <v>37</v>
      </c>
      <c r="EY18" s="72">
        <v>330</v>
      </c>
      <c r="EZ18" s="73">
        <v>522</v>
      </c>
      <c r="FA18" s="70">
        <v>62</v>
      </c>
      <c r="FB18" s="71">
        <v>104</v>
      </c>
      <c r="FC18" s="72">
        <v>166</v>
      </c>
      <c r="FD18" s="244"/>
      <c r="FE18" s="71">
        <v>132</v>
      </c>
      <c r="FF18" s="71">
        <v>113</v>
      </c>
      <c r="FG18" s="71">
        <v>89</v>
      </c>
      <c r="FH18" s="71">
        <v>93</v>
      </c>
      <c r="FI18" s="71">
        <v>38</v>
      </c>
      <c r="FJ18" s="72">
        <v>465</v>
      </c>
      <c r="FK18" s="73">
        <v>631</v>
      </c>
      <c r="FL18" s="70">
        <v>33</v>
      </c>
      <c r="FM18" s="71">
        <v>68</v>
      </c>
      <c r="FN18" s="72">
        <v>101</v>
      </c>
      <c r="FO18" s="244"/>
      <c r="FP18" s="71">
        <v>112</v>
      </c>
      <c r="FQ18" s="71">
        <v>138</v>
      </c>
      <c r="FR18" s="71">
        <v>140</v>
      </c>
      <c r="FS18" s="71">
        <v>143</v>
      </c>
      <c r="FT18" s="71">
        <v>75</v>
      </c>
      <c r="FU18" s="72">
        <v>608</v>
      </c>
      <c r="FV18" s="73">
        <v>709</v>
      </c>
      <c r="FW18" s="70">
        <v>1</v>
      </c>
      <c r="FX18" s="71">
        <v>4</v>
      </c>
      <c r="FY18" s="72">
        <v>5</v>
      </c>
      <c r="FZ18" s="244"/>
      <c r="GA18" s="71">
        <v>4</v>
      </c>
      <c r="GB18" s="71">
        <v>7</v>
      </c>
      <c r="GC18" s="71">
        <v>1</v>
      </c>
      <c r="GD18" s="71">
        <v>1</v>
      </c>
      <c r="GE18" s="71">
        <v>7</v>
      </c>
      <c r="GF18" s="72">
        <v>20</v>
      </c>
      <c r="GG18" s="73">
        <v>25</v>
      </c>
      <c r="GH18" s="70">
        <v>259</v>
      </c>
      <c r="GI18" s="71">
        <v>352</v>
      </c>
      <c r="GJ18" s="72">
        <v>611</v>
      </c>
      <c r="GK18" s="244"/>
      <c r="GL18" s="71">
        <v>468</v>
      </c>
      <c r="GM18" s="71">
        <v>442</v>
      </c>
      <c r="GN18" s="71">
        <v>333</v>
      </c>
      <c r="GO18" s="71">
        <v>303</v>
      </c>
      <c r="GP18" s="71">
        <v>189</v>
      </c>
      <c r="GQ18" s="72">
        <v>1735</v>
      </c>
      <c r="GR18" s="73">
        <v>2346</v>
      </c>
      <c r="GS18" s="123">
        <v>379</v>
      </c>
      <c r="GT18" s="82">
        <v>488</v>
      </c>
      <c r="GU18" s="83">
        <v>867</v>
      </c>
      <c r="GV18" s="241"/>
      <c r="GW18" s="82">
        <v>722</v>
      </c>
      <c r="GX18" s="82">
        <v>661</v>
      </c>
      <c r="GY18" s="82">
        <v>496</v>
      </c>
      <c r="GZ18" s="82">
        <v>440</v>
      </c>
      <c r="HA18" s="82">
        <v>255</v>
      </c>
      <c r="HB18" s="84">
        <v>2574</v>
      </c>
      <c r="HC18" s="85">
        <v>3441</v>
      </c>
      <c r="HD18" s="70">
        <v>8</v>
      </c>
      <c r="HE18" s="71">
        <v>7</v>
      </c>
      <c r="HF18" s="72">
        <v>15</v>
      </c>
      <c r="HG18" s="244"/>
      <c r="HH18" s="71">
        <v>25</v>
      </c>
      <c r="HI18" s="71">
        <v>23</v>
      </c>
      <c r="HJ18" s="71">
        <v>11</v>
      </c>
      <c r="HK18" s="71">
        <v>9</v>
      </c>
      <c r="HL18" s="71">
        <v>12</v>
      </c>
      <c r="HM18" s="72">
        <v>80</v>
      </c>
      <c r="HN18" s="73">
        <v>95</v>
      </c>
      <c r="HO18" s="70">
        <v>26</v>
      </c>
      <c r="HP18" s="71">
        <v>30</v>
      </c>
      <c r="HQ18" s="72">
        <v>56</v>
      </c>
      <c r="HR18" s="244"/>
      <c r="HS18" s="71">
        <v>64</v>
      </c>
      <c r="HT18" s="71">
        <v>59</v>
      </c>
      <c r="HU18" s="71">
        <v>41</v>
      </c>
      <c r="HV18" s="71">
        <v>26</v>
      </c>
      <c r="HW18" s="71">
        <v>16</v>
      </c>
      <c r="HX18" s="72">
        <v>206</v>
      </c>
      <c r="HY18" s="73">
        <v>262</v>
      </c>
      <c r="HZ18" s="70">
        <v>74</v>
      </c>
      <c r="IA18" s="71">
        <v>78</v>
      </c>
      <c r="IB18" s="72">
        <v>152</v>
      </c>
      <c r="IC18" s="244"/>
      <c r="ID18" s="71">
        <v>107</v>
      </c>
      <c r="IE18" s="71">
        <v>96</v>
      </c>
      <c r="IF18" s="71">
        <v>50</v>
      </c>
      <c r="IG18" s="71">
        <v>39</v>
      </c>
      <c r="IH18" s="71">
        <v>36</v>
      </c>
      <c r="II18" s="72">
        <v>328</v>
      </c>
      <c r="IJ18" s="73">
        <v>480</v>
      </c>
      <c r="IK18" s="70">
        <v>124</v>
      </c>
      <c r="IL18" s="71">
        <v>136</v>
      </c>
      <c r="IM18" s="72">
        <v>260</v>
      </c>
      <c r="IN18" s="244"/>
      <c r="IO18" s="71">
        <v>178</v>
      </c>
      <c r="IP18" s="71">
        <v>136</v>
      </c>
      <c r="IQ18" s="71">
        <v>93</v>
      </c>
      <c r="IR18" s="71">
        <v>68</v>
      </c>
      <c r="IS18" s="71">
        <v>54</v>
      </c>
      <c r="IT18" s="72">
        <v>529</v>
      </c>
      <c r="IU18" s="73">
        <v>789</v>
      </c>
      <c r="IV18" s="70">
        <v>96</v>
      </c>
      <c r="IW18" s="71">
        <v>146</v>
      </c>
      <c r="IX18" s="72">
        <v>242</v>
      </c>
      <c r="IY18" s="244"/>
      <c r="IZ18" s="71">
        <v>194</v>
      </c>
      <c r="JA18" s="71">
        <v>160</v>
      </c>
      <c r="JB18" s="71">
        <v>127</v>
      </c>
      <c r="JC18" s="71">
        <v>126</v>
      </c>
      <c r="JD18" s="71">
        <v>53</v>
      </c>
      <c r="JE18" s="72">
        <v>660</v>
      </c>
      <c r="JF18" s="73">
        <v>902</v>
      </c>
      <c r="JG18" s="70">
        <v>51</v>
      </c>
      <c r="JH18" s="71">
        <v>91</v>
      </c>
      <c r="JI18" s="72">
        <v>142</v>
      </c>
      <c r="JJ18" s="244"/>
      <c r="JK18" s="71">
        <v>154</v>
      </c>
      <c r="JL18" s="71">
        <v>187</v>
      </c>
      <c r="JM18" s="71">
        <v>174</v>
      </c>
      <c r="JN18" s="71">
        <v>172</v>
      </c>
      <c r="JO18" s="71">
        <v>84</v>
      </c>
      <c r="JP18" s="72">
        <v>771</v>
      </c>
      <c r="JQ18" s="73">
        <v>913</v>
      </c>
      <c r="JR18" s="70">
        <v>1</v>
      </c>
      <c r="JS18" s="71">
        <v>8</v>
      </c>
      <c r="JT18" s="72">
        <v>9</v>
      </c>
      <c r="JU18" s="244"/>
      <c r="JV18" s="71">
        <v>11</v>
      </c>
      <c r="JW18" s="71">
        <v>13</v>
      </c>
      <c r="JX18" s="71">
        <v>3</v>
      </c>
      <c r="JY18" s="71">
        <v>4</v>
      </c>
      <c r="JZ18" s="71">
        <v>12</v>
      </c>
      <c r="KA18" s="72">
        <v>43</v>
      </c>
      <c r="KB18" s="73">
        <v>52</v>
      </c>
      <c r="KC18" s="70">
        <v>380</v>
      </c>
      <c r="KD18" s="71">
        <v>496</v>
      </c>
      <c r="KE18" s="72">
        <v>876</v>
      </c>
      <c r="KF18" s="244"/>
      <c r="KG18" s="71">
        <v>733</v>
      </c>
      <c r="KH18" s="71">
        <v>674</v>
      </c>
      <c r="KI18" s="71">
        <v>499</v>
      </c>
      <c r="KJ18" s="71">
        <v>444</v>
      </c>
      <c r="KK18" s="71">
        <v>267</v>
      </c>
      <c r="KL18" s="72">
        <v>2617</v>
      </c>
      <c r="KM18" s="73">
        <v>3493</v>
      </c>
    </row>
    <row r="19" spans="2:299" ht="21" customHeight="1" x14ac:dyDescent="0.2">
      <c r="B19" s="126" t="s">
        <v>16</v>
      </c>
      <c r="C19" s="313">
        <v>240</v>
      </c>
      <c r="D19" s="82">
        <v>273</v>
      </c>
      <c r="E19" s="83">
        <v>513</v>
      </c>
      <c r="F19" s="241"/>
      <c r="G19" s="82">
        <v>506</v>
      </c>
      <c r="H19" s="82">
        <v>608</v>
      </c>
      <c r="I19" s="82">
        <v>396</v>
      </c>
      <c r="J19" s="82">
        <v>316</v>
      </c>
      <c r="K19" s="82">
        <v>211</v>
      </c>
      <c r="L19" s="84">
        <v>2037</v>
      </c>
      <c r="M19" s="85">
        <v>2550</v>
      </c>
      <c r="N19" s="70">
        <v>13</v>
      </c>
      <c r="O19" s="71">
        <v>12</v>
      </c>
      <c r="P19" s="72">
        <v>25</v>
      </c>
      <c r="Q19" s="244"/>
      <c r="R19" s="71">
        <v>20</v>
      </c>
      <c r="S19" s="71">
        <v>30</v>
      </c>
      <c r="T19" s="71">
        <v>23</v>
      </c>
      <c r="U19" s="71">
        <v>20</v>
      </c>
      <c r="V19" s="71">
        <v>24</v>
      </c>
      <c r="W19" s="72">
        <v>117</v>
      </c>
      <c r="X19" s="73">
        <v>142</v>
      </c>
      <c r="Y19" s="70">
        <v>33</v>
      </c>
      <c r="Z19" s="71">
        <v>50</v>
      </c>
      <c r="AA19" s="72">
        <v>83</v>
      </c>
      <c r="AB19" s="244"/>
      <c r="AC19" s="71">
        <v>70</v>
      </c>
      <c r="AD19" s="71">
        <v>74</v>
      </c>
      <c r="AE19" s="71">
        <v>51</v>
      </c>
      <c r="AF19" s="71">
        <v>39</v>
      </c>
      <c r="AG19" s="71">
        <v>31</v>
      </c>
      <c r="AH19" s="72">
        <v>265</v>
      </c>
      <c r="AI19" s="73">
        <v>348</v>
      </c>
      <c r="AJ19" s="70">
        <v>57</v>
      </c>
      <c r="AK19" s="71">
        <v>45</v>
      </c>
      <c r="AL19" s="72">
        <v>102</v>
      </c>
      <c r="AM19" s="244"/>
      <c r="AN19" s="71">
        <v>80</v>
      </c>
      <c r="AO19" s="71">
        <v>102</v>
      </c>
      <c r="AP19" s="71">
        <v>68</v>
      </c>
      <c r="AQ19" s="71">
        <v>57</v>
      </c>
      <c r="AR19" s="71">
        <v>43</v>
      </c>
      <c r="AS19" s="72">
        <v>350</v>
      </c>
      <c r="AT19" s="73">
        <v>452</v>
      </c>
      <c r="AU19" s="70">
        <v>56</v>
      </c>
      <c r="AV19" s="71">
        <v>67</v>
      </c>
      <c r="AW19" s="72">
        <v>123</v>
      </c>
      <c r="AX19" s="244"/>
      <c r="AY19" s="71">
        <v>151</v>
      </c>
      <c r="AZ19" s="71">
        <v>158</v>
      </c>
      <c r="BA19" s="71">
        <v>85</v>
      </c>
      <c r="BB19" s="71">
        <v>71</v>
      </c>
      <c r="BC19" s="71">
        <v>49</v>
      </c>
      <c r="BD19" s="72">
        <v>514</v>
      </c>
      <c r="BE19" s="73">
        <v>637</v>
      </c>
      <c r="BF19" s="70">
        <v>53</v>
      </c>
      <c r="BG19" s="71">
        <v>57</v>
      </c>
      <c r="BH19" s="72">
        <v>110</v>
      </c>
      <c r="BI19" s="244"/>
      <c r="BJ19" s="71">
        <v>122</v>
      </c>
      <c r="BK19" s="71">
        <v>139</v>
      </c>
      <c r="BL19" s="71">
        <v>86</v>
      </c>
      <c r="BM19" s="71">
        <v>55</v>
      </c>
      <c r="BN19" s="71">
        <v>31</v>
      </c>
      <c r="BO19" s="72">
        <v>433</v>
      </c>
      <c r="BP19" s="73">
        <v>543</v>
      </c>
      <c r="BQ19" s="70">
        <v>28</v>
      </c>
      <c r="BR19" s="71">
        <v>42</v>
      </c>
      <c r="BS19" s="72">
        <v>70</v>
      </c>
      <c r="BT19" s="244"/>
      <c r="BU19" s="71">
        <v>63</v>
      </c>
      <c r="BV19" s="71">
        <v>105</v>
      </c>
      <c r="BW19" s="71">
        <v>83</v>
      </c>
      <c r="BX19" s="71">
        <v>74</v>
      </c>
      <c r="BY19" s="71">
        <v>33</v>
      </c>
      <c r="BZ19" s="72">
        <v>358</v>
      </c>
      <c r="CA19" s="73">
        <v>428</v>
      </c>
      <c r="CB19" s="70">
        <v>9</v>
      </c>
      <c r="CC19" s="71">
        <v>11</v>
      </c>
      <c r="CD19" s="72">
        <v>20</v>
      </c>
      <c r="CE19" s="244"/>
      <c r="CF19" s="71">
        <v>16</v>
      </c>
      <c r="CG19" s="71">
        <v>22</v>
      </c>
      <c r="CH19" s="71">
        <v>23</v>
      </c>
      <c r="CI19" s="71">
        <v>11</v>
      </c>
      <c r="CJ19" s="71">
        <v>15</v>
      </c>
      <c r="CK19" s="72">
        <v>87</v>
      </c>
      <c r="CL19" s="73">
        <v>107</v>
      </c>
      <c r="CM19" s="70">
        <v>249</v>
      </c>
      <c r="CN19" s="71">
        <v>284</v>
      </c>
      <c r="CO19" s="72">
        <v>533</v>
      </c>
      <c r="CP19" s="244"/>
      <c r="CQ19" s="71">
        <v>522</v>
      </c>
      <c r="CR19" s="71">
        <v>630</v>
      </c>
      <c r="CS19" s="71">
        <v>419</v>
      </c>
      <c r="CT19" s="71">
        <v>327</v>
      </c>
      <c r="CU19" s="71">
        <v>226</v>
      </c>
      <c r="CV19" s="72">
        <v>2124</v>
      </c>
      <c r="CW19" s="73">
        <v>2657</v>
      </c>
      <c r="CX19" s="123">
        <v>417</v>
      </c>
      <c r="CY19" s="82">
        <v>572</v>
      </c>
      <c r="CZ19" s="83">
        <v>989</v>
      </c>
      <c r="DA19" s="241"/>
      <c r="DB19" s="82">
        <v>864</v>
      </c>
      <c r="DC19" s="82">
        <v>996</v>
      </c>
      <c r="DD19" s="82">
        <v>762</v>
      </c>
      <c r="DE19" s="82">
        <v>771</v>
      </c>
      <c r="DF19" s="82">
        <v>521</v>
      </c>
      <c r="DG19" s="84">
        <v>3914</v>
      </c>
      <c r="DH19" s="85">
        <v>4903</v>
      </c>
      <c r="DI19" s="70">
        <v>15</v>
      </c>
      <c r="DJ19" s="71">
        <v>23</v>
      </c>
      <c r="DK19" s="72">
        <v>38</v>
      </c>
      <c r="DL19" s="244"/>
      <c r="DM19" s="71">
        <v>16</v>
      </c>
      <c r="DN19" s="71">
        <v>28</v>
      </c>
      <c r="DO19" s="71">
        <v>18</v>
      </c>
      <c r="DP19" s="71">
        <v>14</v>
      </c>
      <c r="DQ19" s="71">
        <v>10</v>
      </c>
      <c r="DR19" s="72">
        <v>86</v>
      </c>
      <c r="DS19" s="73">
        <v>124</v>
      </c>
      <c r="DT19" s="70">
        <v>33</v>
      </c>
      <c r="DU19" s="71">
        <v>55</v>
      </c>
      <c r="DV19" s="72">
        <v>88</v>
      </c>
      <c r="DW19" s="244"/>
      <c r="DX19" s="71">
        <v>54</v>
      </c>
      <c r="DY19" s="71">
        <v>77</v>
      </c>
      <c r="DZ19" s="71">
        <v>48</v>
      </c>
      <c r="EA19" s="71">
        <v>39</v>
      </c>
      <c r="EB19" s="71">
        <v>33</v>
      </c>
      <c r="EC19" s="72">
        <v>251</v>
      </c>
      <c r="ED19" s="73">
        <v>339</v>
      </c>
      <c r="EE19" s="70">
        <v>84</v>
      </c>
      <c r="EF19" s="71">
        <v>94</v>
      </c>
      <c r="EG19" s="72">
        <v>178</v>
      </c>
      <c r="EH19" s="244"/>
      <c r="EI19" s="71">
        <v>112</v>
      </c>
      <c r="EJ19" s="71">
        <v>139</v>
      </c>
      <c r="EK19" s="71">
        <v>84</v>
      </c>
      <c r="EL19" s="71">
        <v>75</v>
      </c>
      <c r="EM19" s="71">
        <v>58</v>
      </c>
      <c r="EN19" s="72">
        <v>468</v>
      </c>
      <c r="EO19" s="73">
        <v>646</v>
      </c>
      <c r="EP19" s="70">
        <v>117</v>
      </c>
      <c r="EQ19" s="71">
        <v>157</v>
      </c>
      <c r="ER19" s="72">
        <v>274</v>
      </c>
      <c r="ES19" s="244"/>
      <c r="ET19" s="71">
        <v>198</v>
      </c>
      <c r="EU19" s="71">
        <v>199</v>
      </c>
      <c r="EV19" s="71">
        <v>135</v>
      </c>
      <c r="EW19" s="71">
        <v>118</v>
      </c>
      <c r="EX19" s="71">
        <v>94</v>
      </c>
      <c r="EY19" s="72">
        <v>744</v>
      </c>
      <c r="EZ19" s="73">
        <v>1018</v>
      </c>
      <c r="FA19" s="70">
        <v>100</v>
      </c>
      <c r="FB19" s="71">
        <v>135</v>
      </c>
      <c r="FC19" s="72">
        <v>235</v>
      </c>
      <c r="FD19" s="244"/>
      <c r="FE19" s="71">
        <v>269</v>
      </c>
      <c r="FF19" s="71">
        <v>259</v>
      </c>
      <c r="FG19" s="71">
        <v>198</v>
      </c>
      <c r="FH19" s="71">
        <v>180</v>
      </c>
      <c r="FI19" s="71">
        <v>126</v>
      </c>
      <c r="FJ19" s="72">
        <v>1032</v>
      </c>
      <c r="FK19" s="73">
        <v>1267</v>
      </c>
      <c r="FL19" s="70">
        <v>68</v>
      </c>
      <c r="FM19" s="71">
        <v>108</v>
      </c>
      <c r="FN19" s="72">
        <v>176</v>
      </c>
      <c r="FO19" s="244"/>
      <c r="FP19" s="71">
        <v>215</v>
      </c>
      <c r="FQ19" s="71">
        <v>294</v>
      </c>
      <c r="FR19" s="71">
        <v>279</v>
      </c>
      <c r="FS19" s="71">
        <v>345</v>
      </c>
      <c r="FT19" s="71">
        <v>200</v>
      </c>
      <c r="FU19" s="72">
        <v>1333</v>
      </c>
      <c r="FV19" s="73">
        <v>1509</v>
      </c>
      <c r="FW19" s="70">
        <v>10</v>
      </c>
      <c r="FX19" s="71">
        <v>15</v>
      </c>
      <c r="FY19" s="72">
        <v>25</v>
      </c>
      <c r="FZ19" s="244"/>
      <c r="GA19" s="71">
        <v>7</v>
      </c>
      <c r="GB19" s="71">
        <v>22</v>
      </c>
      <c r="GC19" s="71">
        <v>11</v>
      </c>
      <c r="GD19" s="71">
        <v>12</v>
      </c>
      <c r="GE19" s="71">
        <v>12</v>
      </c>
      <c r="GF19" s="72">
        <v>64</v>
      </c>
      <c r="GG19" s="73">
        <v>89</v>
      </c>
      <c r="GH19" s="70">
        <v>427</v>
      </c>
      <c r="GI19" s="71">
        <v>587</v>
      </c>
      <c r="GJ19" s="72">
        <v>1014</v>
      </c>
      <c r="GK19" s="244"/>
      <c r="GL19" s="71">
        <v>871</v>
      </c>
      <c r="GM19" s="71">
        <v>1018</v>
      </c>
      <c r="GN19" s="71">
        <v>773</v>
      </c>
      <c r="GO19" s="71">
        <v>783</v>
      </c>
      <c r="GP19" s="71">
        <v>533</v>
      </c>
      <c r="GQ19" s="72">
        <v>3978</v>
      </c>
      <c r="GR19" s="73">
        <v>4992</v>
      </c>
      <c r="GS19" s="123">
        <v>657</v>
      </c>
      <c r="GT19" s="82">
        <v>845</v>
      </c>
      <c r="GU19" s="83">
        <v>1502</v>
      </c>
      <c r="GV19" s="241"/>
      <c r="GW19" s="82">
        <v>1370</v>
      </c>
      <c r="GX19" s="82">
        <v>1604</v>
      </c>
      <c r="GY19" s="82">
        <v>1158</v>
      </c>
      <c r="GZ19" s="82">
        <v>1087</v>
      </c>
      <c r="HA19" s="82">
        <v>732</v>
      </c>
      <c r="HB19" s="84">
        <v>5951</v>
      </c>
      <c r="HC19" s="85">
        <v>7453</v>
      </c>
      <c r="HD19" s="70">
        <v>28</v>
      </c>
      <c r="HE19" s="71">
        <v>35</v>
      </c>
      <c r="HF19" s="72">
        <v>63</v>
      </c>
      <c r="HG19" s="244"/>
      <c r="HH19" s="71">
        <v>36</v>
      </c>
      <c r="HI19" s="71">
        <v>58</v>
      </c>
      <c r="HJ19" s="71">
        <v>41</v>
      </c>
      <c r="HK19" s="71">
        <v>34</v>
      </c>
      <c r="HL19" s="71">
        <v>34</v>
      </c>
      <c r="HM19" s="72">
        <v>203</v>
      </c>
      <c r="HN19" s="73">
        <v>266</v>
      </c>
      <c r="HO19" s="70">
        <v>66</v>
      </c>
      <c r="HP19" s="71">
        <v>105</v>
      </c>
      <c r="HQ19" s="72">
        <v>171</v>
      </c>
      <c r="HR19" s="244"/>
      <c r="HS19" s="71">
        <v>124</v>
      </c>
      <c r="HT19" s="71">
        <v>151</v>
      </c>
      <c r="HU19" s="71">
        <v>99</v>
      </c>
      <c r="HV19" s="71">
        <v>78</v>
      </c>
      <c r="HW19" s="71">
        <v>64</v>
      </c>
      <c r="HX19" s="72">
        <v>516</v>
      </c>
      <c r="HY19" s="73">
        <v>687</v>
      </c>
      <c r="HZ19" s="70">
        <v>141</v>
      </c>
      <c r="IA19" s="71">
        <v>139</v>
      </c>
      <c r="IB19" s="72">
        <v>280</v>
      </c>
      <c r="IC19" s="244"/>
      <c r="ID19" s="71">
        <v>192</v>
      </c>
      <c r="IE19" s="71">
        <v>241</v>
      </c>
      <c r="IF19" s="71">
        <v>152</v>
      </c>
      <c r="IG19" s="71">
        <v>132</v>
      </c>
      <c r="IH19" s="71">
        <v>101</v>
      </c>
      <c r="II19" s="72">
        <v>818</v>
      </c>
      <c r="IJ19" s="73">
        <v>1098</v>
      </c>
      <c r="IK19" s="70">
        <v>173</v>
      </c>
      <c r="IL19" s="71">
        <v>224</v>
      </c>
      <c r="IM19" s="72">
        <v>397</v>
      </c>
      <c r="IN19" s="244"/>
      <c r="IO19" s="71">
        <v>349</v>
      </c>
      <c r="IP19" s="71">
        <v>357</v>
      </c>
      <c r="IQ19" s="71">
        <v>220</v>
      </c>
      <c r="IR19" s="71">
        <v>189</v>
      </c>
      <c r="IS19" s="71">
        <v>143</v>
      </c>
      <c r="IT19" s="72">
        <v>1258</v>
      </c>
      <c r="IU19" s="73">
        <v>1655</v>
      </c>
      <c r="IV19" s="70">
        <v>153</v>
      </c>
      <c r="IW19" s="71">
        <v>192</v>
      </c>
      <c r="IX19" s="72">
        <v>345</v>
      </c>
      <c r="IY19" s="244"/>
      <c r="IZ19" s="71">
        <v>391</v>
      </c>
      <c r="JA19" s="71">
        <v>398</v>
      </c>
      <c r="JB19" s="71">
        <v>284</v>
      </c>
      <c r="JC19" s="71">
        <v>235</v>
      </c>
      <c r="JD19" s="71">
        <v>157</v>
      </c>
      <c r="JE19" s="72">
        <v>1465</v>
      </c>
      <c r="JF19" s="73">
        <v>1810</v>
      </c>
      <c r="JG19" s="70">
        <v>96</v>
      </c>
      <c r="JH19" s="71">
        <v>150</v>
      </c>
      <c r="JI19" s="72">
        <v>246</v>
      </c>
      <c r="JJ19" s="244"/>
      <c r="JK19" s="71">
        <v>278</v>
      </c>
      <c r="JL19" s="71">
        <v>399</v>
      </c>
      <c r="JM19" s="71">
        <v>362</v>
      </c>
      <c r="JN19" s="71">
        <v>419</v>
      </c>
      <c r="JO19" s="71">
        <v>233</v>
      </c>
      <c r="JP19" s="72">
        <v>1691</v>
      </c>
      <c r="JQ19" s="73">
        <v>1937</v>
      </c>
      <c r="JR19" s="70">
        <v>19</v>
      </c>
      <c r="JS19" s="71">
        <v>26</v>
      </c>
      <c r="JT19" s="72">
        <v>45</v>
      </c>
      <c r="JU19" s="244"/>
      <c r="JV19" s="71">
        <v>23</v>
      </c>
      <c r="JW19" s="71">
        <v>44</v>
      </c>
      <c r="JX19" s="71">
        <v>34</v>
      </c>
      <c r="JY19" s="71">
        <v>23</v>
      </c>
      <c r="JZ19" s="71">
        <v>27</v>
      </c>
      <c r="KA19" s="72">
        <v>151</v>
      </c>
      <c r="KB19" s="73">
        <v>196</v>
      </c>
      <c r="KC19" s="70">
        <v>676</v>
      </c>
      <c r="KD19" s="71">
        <v>871</v>
      </c>
      <c r="KE19" s="72">
        <v>1547</v>
      </c>
      <c r="KF19" s="244"/>
      <c r="KG19" s="71">
        <v>1393</v>
      </c>
      <c r="KH19" s="71">
        <v>1648</v>
      </c>
      <c r="KI19" s="71">
        <v>1192</v>
      </c>
      <c r="KJ19" s="71">
        <v>1110</v>
      </c>
      <c r="KK19" s="71">
        <v>759</v>
      </c>
      <c r="KL19" s="72">
        <v>6102</v>
      </c>
      <c r="KM19" s="73">
        <v>7649</v>
      </c>
    </row>
    <row r="20" spans="2:299" ht="21" customHeight="1" x14ac:dyDescent="0.2">
      <c r="B20" s="126" t="s">
        <v>17</v>
      </c>
      <c r="C20" s="313">
        <v>290</v>
      </c>
      <c r="D20" s="82">
        <v>367</v>
      </c>
      <c r="E20" s="83">
        <v>657</v>
      </c>
      <c r="F20" s="241"/>
      <c r="G20" s="82">
        <v>560</v>
      </c>
      <c r="H20" s="82">
        <v>755</v>
      </c>
      <c r="I20" s="82">
        <v>552</v>
      </c>
      <c r="J20" s="82">
        <v>434</v>
      </c>
      <c r="K20" s="82">
        <v>269</v>
      </c>
      <c r="L20" s="84">
        <v>2570</v>
      </c>
      <c r="M20" s="85">
        <v>3227</v>
      </c>
      <c r="N20" s="70">
        <v>9</v>
      </c>
      <c r="O20" s="71">
        <v>16</v>
      </c>
      <c r="P20" s="72">
        <v>25</v>
      </c>
      <c r="Q20" s="244"/>
      <c r="R20" s="71">
        <v>28</v>
      </c>
      <c r="S20" s="71">
        <v>43</v>
      </c>
      <c r="T20" s="71">
        <v>34</v>
      </c>
      <c r="U20" s="71">
        <v>19</v>
      </c>
      <c r="V20" s="71">
        <v>23</v>
      </c>
      <c r="W20" s="72">
        <v>147</v>
      </c>
      <c r="X20" s="73">
        <v>172</v>
      </c>
      <c r="Y20" s="70">
        <v>25</v>
      </c>
      <c r="Z20" s="71">
        <v>57</v>
      </c>
      <c r="AA20" s="72">
        <v>82</v>
      </c>
      <c r="AB20" s="244"/>
      <c r="AC20" s="71">
        <v>47</v>
      </c>
      <c r="AD20" s="71">
        <v>102</v>
      </c>
      <c r="AE20" s="71">
        <v>64</v>
      </c>
      <c r="AF20" s="71">
        <v>62</v>
      </c>
      <c r="AG20" s="71">
        <v>29</v>
      </c>
      <c r="AH20" s="72">
        <v>304</v>
      </c>
      <c r="AI20" s="73">
        <v>386</v>
      </c>
      <c r="AJ20" s="70">
        <v>63</v>
      </c>
      <c r="AK20" s="71">
        <v>64</v>
      </c>
      <c r="AL20" s="72">
        <v>127</v>
      </c>
      <c r="AM20" s="244"/>
      <c r="AN20" s="71">
        <v>103</v>
      </c>
      <c r="AO20" s="71">
        <v>147</v>
      </c>
      <c r="AP20" s="71">
        <v>111</v>
      </c>
      <c r="AQ20" s="71">
        <v>74</v>
      </c>
      <c r="AR20" s="71">
        <v>61</v>
      </c>
      <c r="AS20" s="72">
        <v>496</v>
      </c>
      <c r="AT20" s="73">
        <v>623</v>
      </c>
      <c r="AU20" s="70">
        <v>75</v>
      </c>
      <c r="AV20" s="71">
        <v>103</v>
      </c>
      <c r="AW20" s="72">
        <v>178</v>
      </c>
      <c r="AX20" s="244"/>
      <c r="AY20" s="71">
        <v>154</v>
      </c>
      <c r="AZ20" s="71">
        <v>189</v>
      </c>
      <c r="BA20" s="71">
        <v>151</v>
      </c>
      <c r="BB20" s="71">
        <v>98</v>
      </c>
      <c r="BC20" s="71">
        <v>57</v>
      </c>
      <c r="BD20" s="72">
        <v>649</v>
      </c>
      <c r="BE20" s="73">
        <v>827</v>
      </c>
      <c r="BF20" s="70">
        <v>74</v>
      </c>
      <c r="BG20" s="71">
        <v>78</v>
      </c>
      <c r="BH20" s="72">
        <v>152</v>
      </c>
      <c r="BI20" s="244"/>
      <c r="BJ20" s="71">
        <v>156</v>
      </c>
      <c r="BK20" s="71">
        <v>173</v>
      </c>
      <c r="BL20" s="71">
        <v>118</v>
      </c>
      <c r="BM20" s="71">
        <v>110</v>
      </c>
      <c r="BN20" s="71">
        <v>60</v>
      </c>
      <c r="BO20" s="72">
        <v>617</v>
      </c>
      <c r="BP20" s="73">
        <v>769</v>
      </c>
      <c r="BQ20" s="70">
        <v>44</v>
      </c>
      <c r="BR20" s="71">
        <v>49</v>
      </c>
      <c r="BS20" s="72">
        <v>93</v>
      </c>
      <c r="BT20" s="244"/>
      <c r="BU20" s="71">
        <v>72</v>
      </c>
      <c r="BV20" s="71">
        <v>101</v>
      </c>
      <c r="BW20" s="71">
        <v>74</v>
      </c>
      <c r="BX20" s="71">
        <v>71</v>
      </c>
      <c r="BY20" s="71">
        <v>39</v>
      </c>
      <c r="BZ20" s="72">
        <v>357</v>
      </c>
      <c r="CA20" s="73">
        <v>450</v>
      </c>
      <c r="CB20" s="70">
        <v>12</v>
      </c>
      <c r="CC20" s="71">
        <v>26</v>
      </c>
      <c r="CD20" s="72">
        <v>38</v>
      </c>
      <c r="CE20" s="244"/>
      <c r="CF20" s="71">
        <v>18</v>
      </c>
      <c r="CG20" s="71">
        <v>50</v>
      </c>
      <c r="CH20" s="71">
        <v>30</v>
      </c>
      <c r="CI20" s="71">
        <v>13</v>
      </c>
      <c r="CJ20" s="71">
        <v>13</v>
      </c>
      <c r="CK20" s="72">
        <v>124</v>
      </c>
      <c r="CL20" s="73">
        <v>162</v>
      </c>
      <c r="CM20" s="70">
        <v>302</v>
      </c>
      <c r="CN20" s="71">
        <v>393</v>
      </c>
      <c r="CO20" s="72">
        <v>695</v>
      </c>
      <c r="CP20" s="244"/>
      <c r="CQ20" s="71">
        <v>578</v>
      </c>
      <c r="CR20" s="71">
        <v>805</v>
      </c>
      <c r="CS20" s="71">
        <v>582</v>
      </c>
      <c r="CT20" s="71">
        <v>447</v>
      </c>
      <c r="CU20" s="71">
        <v>282</v>
      </c>
      <c r="CV20" s="72">
        <v>2694</v>
      </c>
      <c r="CW20" s="73">
        <v>3389</v>
      </c>
      <c r="CX20" s="123">
        <v>617</v>
      </c>
      <c r="CY20" s="82">
        <v>816</v>
      </c>
      <c r="CZ20" s="83">
        <v>1433</v>
      </c>
      <c r="DA20" s="241"/>
      <c r="DB20" s="82">
        <v>952</v>
      </c>
      <c r="DC20" s="82">
        <v>1227</v>
      </c>
      <c r="DD20" s="82">
        <v>914</v>
      </c>
      <c r="DE20" s="82">
        <v>855</v>
      </c>
      <c r="DF20" s="82">
        <v>623</v>
      </c>
      <c r="DG20" s="84">
        <v>4571</v>
      </c>
      <c r="DH20" s="85">
        <v>6004</v>
      </c>
      <c r="DI20" s="70">
        <v>12</v>
      </c>
      <c r="DJ20" s="71">
        <v>28</v>
      </c>
      <c r="DK20" s="72">
        <v>40</v>
      </c>
      <c r="DL20" s="244"/>
      <c r="DM20" s="71">
        <v>19</v>
      </c>
      <c r="DN20" s="71">
        <v>34</v>
      </c>
      <c r="DO20" s="71">
        <v>23</v>
      </c>
      <c r="DP20" s="71">
        <v>20</v>
      </c>
      <c r="DQ20" s="71">
        <v>25</v>
      </c>
      <c r="DR20" s="72">
        <v>121</v>
      </c>
      <c r="DS20" s="73">
        <v>161</v>
      </c>
      <c r="DT20" s="70">
        <v>47</v>
      </c>
      <c r="DU20" s="71">
        <v>68</v>
      </c>
      <c r="DV20" s="72">
        <v>115</v>
      </c>
      <c r="DW20" s="244"/>
      <c r="DX20" s="71">
        <v>66</v>
      </c>
      <c r="DY20" s="71">
        <v>83</v>
      </c>
      <c r="DZ20" s="71">
        <v>57</v>
      </c>
      <c r="EA20" s="71">
        <v>44</v>
      </c>
      <c r="EB20" s="71">
        <v>33</v>
      </c>
      <c r="EC20" s="72">
        <v>283</v>
      </c>
      <c r="ED20" s="73">
        <v>398</v>
      </c>
      <c r="EE20" s="70">
        <v>119</v>
      </c>
      <c r="EF20" s="71">
        <v>127</v>
      </c>
      <c r="EG20" s="72">
        <v>246</v>
      </c>
      <c r="EH20" s="244"/>
      <c r="EI20" s="71">
        <v>129</v>
      </c>
      <c r="EJ20" s="71">
        <v>170</v>
      </c>
      <c r="EK20" s="71">
        <v>106</v>
      </c>
      <c r="EL20" s="71">
        <v>99</v>
      </c>
      <c r="EM20" s="71">
        <v>74</v>
      </c>
      <c r="EN20" s="72">
        <v>578</v>
      </c>
      <c r="EO20" s="73">
        <v>824</v>
      </c>
      <c r="EP20" s="70">
        <v>209</v>
      </c>
      <c r="EQ20" s="71">
        <v>231</v>
      </c>
      <c r="ER20" s="72">
        <v>440</v>
      </c>
      <c r="ES20" s="244"/>
      <c r="ET20" s="71">
        <v>246</v>
      </c>
      <c r="EU20" s="71">
        <v>301</v>
      </c>
      <c r="EV20" s="71">
        <v>178</v>
      </c>
      <c r="EW20" s="71">
        <v>187</v>
      </c>
      <c r="EX20" s="71">
        <v>119</v>
      </c>
      <c r="EY20" s="72">
        <v>1031</v>
      </c>
      <c r="EZ20" s="73">
        <v>1471</v>
      </c>
      <c r="FA20" s="70">
        <v>156</v>
      </c>
      <c r="FB20" s="71">
        <v>218</v>
      </c>
      <c r="FC20" s="72">
        <v>374</v>
      </c>
      <c r="FD20" s="244"/>
      <c r="FE20" s="71">
        <v>271</v>
      </c>
      <c r="FF20" s="71">
        <v>323</v>
      </c>
      <c r="FG20" s="71">
        <v>265</v>
      </c>
      <c r="FH20" s="71">
        <v>195</v>
      </c>
      <c r="FI20" s="71">
        <v>167</v>
      </c>
      <c r="FJ20" s="72">
        <v>1221</v>
      </c>
      <c r="FK20" s="73">
        <v>1595</v>
      </c>
      <c r="FL20" s="70">
        <v>74</v>
      </c>
      <c r="FM20" s="71">
        <v>144</v>
      </c>
      <c r="FN20" s="72">
        <v>218</v>
      </c>
      <c r="FO20" s="244"/>
      <c r="FP20" s="71">
        <v>221</v>
      </c>
      <c r="FQ20" s="71">
        <v>316</v>
      </c>
      <c r="FR20" s="71">
        <v>285</v>
      </c>
      <c r="FS20" s="71">
        <v>310</v>
      </c>
      <c r="FT20" s="71">
        <v>205</v>
      </c>
      <c r="FU20" s="72">
        <v>1337</v>
      </c>
      <c r="FV20" s="73">
        <v>1555</v>
      </c>
      <c r="FW20" s="70">
        <v>3</v>
      </c>
      <c r="FX20" s="71">
        <v>20</v>
      </c>
      <c r="FY20" s="72">
        <v>23</v>
      </c>
      <c r="FZ20" s="244"/>
      <c r="GA20" s="71">
        <v>12</v>
      </c>
      <c r="GB20" s="71">
        <v>25</v>
      </c>
      <c r="GC20" s="71">
        <v>16</v>
      </c>
      <c r="GD20" s="71">
        <v>20</v>
      </c>
      <c r="GE20" s="71">
        <v>19</v>
      </c>
      <c r="GF20" s="72">
        <v>92</v>
      </c>
      <c r="GG20" s="73">
        <v>115</v>
      </c>
      <c r="GH20" s="70">
        <v>620</v>
      </c>
      <c r="GI20" s="71">
        <v>836</v>
      </c>
      <c r="GJ20" s="72">
        <v>1456</v>
      </c>
      <c r="GK20" s="244"/>
      <c r="GL20" s="71">
        <v>964</v>
      </c>
      <c r="GM20" s="71">
        <v>1252</v>
      </c>
      <c r="GN20" s="71">
        <v>930</v>
      </c>
      <c r="GO20" s="71">
        <v>875</v>
      </c>
      <c r="GP20" s="71">
        <v>642</v>
      </c>
      <c r="GQ20" s="72">
        <v>4663</v>
      </c>
      <c r="GR20" s="73">
        <v>6119</v>
      </c>
      <c r="GS20" s="123">
        <v>907</v>
      </c>
      <c r="GT20" s="82">
        <v>1183</v>
      </c>
      <c r="GU20" s="83">
        <v>2090</v>
      </c>
      <c r="GV20" s="241"/>
      <c r="GW20" s="82">
        <v>1512</v>
      </c>
      <c r="GX20" s="82">
        <v>1982</v>
      </c>
      <c r="GY20" s="82">
        <v>1466</v>
      </c>
      <c r="GZ20" s="82">
        <v>1289</v>
      </c>
      <c r="HA20" s="82">
        <v>892</v>
      </c>
      <c r="HB20" s="84">
        <v>7141</v>
      </c>
      <c r="HC20" s="85">
        <v>9231</v>
      </c>
      <c r="HD20" s="70">
        <v>21</v>
      </c>
      <c r="HE20" s="71">
        <v>44</v>
      </c>
      <c r="HF20" s="72">
        <v>65</v>
      </c>
      <c r="HG20" s="244"/>
      <c r="HH20" s="71">
        <v>47</v>
      </c>
      <c r="HI20" s="71">
        <v>77</v>
      </c>
      <c r="HJ20" s="71">
        <v>57</v>
      </c>
      <c r="HK20" s="71">
        <v>39</v>
      </c>
      <c r="HL20" s="71">
        <v>48</v>
      </c>
      <c r="HM20" s="72">
        <v>268</v>
      </c>
      <c r="HN20" s="73">
        <v>333</v>
      </c>
      <c r="HO20" s="70">
        <v>72</v>
      </c>
      <c r="HP20" s="71">
        <v>125</v>
      </c>
      <c r="HQ20" s="72">
        <v>197</v>
      </c>
      <c r="HR20" s="244"/>
      <c r="HS20" s="71">
        <v>113</v>
      </c>
      <c r="HT20" s="71">
        <v>185</v>
      </c>
      <c r="HU20" s="71">
        <v>121</v>
      </c>
      <c r="HV20" s="71">
        <v>106</v>
      </c>
      <c r="HW20" s="71">
        <v>62</v>
      </c>
      <c r="HX20" s="72">
        <v>587</v>
      </c>
      <c r="HY20" s="73">
        <v>784</v>
      </c>
      <c r="HZ20" s="70">
        <v>182</v>
      </c>
      <c r="IA20" s="71">
        <v>191</v>
      </c>
      <c r="IB20" s="72">
        <v>373</v>
      </c>
      <c r="IC20" s="244"/>
      <c r="ID20" s="71">
        <v>232</v>
      </c>
      <c r="IE20" s="71">
        <v>317</v>
      </c>
      <c r="IF20" s="71">
        <v>217</v>
      </c>
      <c r="IG20" s="71">
        <v>173</v>
      </c>
      <c r="IH20" s="71">
        <v>135</v>
      </c>
      <c r="II20" s="72">
        <v>1074</v>
      </c>
      <c r="IJ20" s="73">
        <v>1447</v>
      </c>
      <c r="IK20" s="70">
        <v>284</v>
      </c>
      <c r="IL20" s="71">
        <v>334</v>
      </c>
      <c r="IM20" s="72">
        <v>618</v>
      </c>
      <c r="IN20" s="244"/>
      <c r="IO20" s="71">
        <v>400</v>
      </c>
      <c r="IP20" s="71">
        <v>490</v>
      </c>
      <c r="IQ20" s="71">
        <v>329</v>
      </c>
      <c r="IR20" s="71">
        <v>285</v>
      </c>
      <c r="IS20" s="71">
        <v>176</v>
      </c>
      <c r="IT20" s="72">
        <v>1680</v>
      </c>
      <c r="IU20" s="73">
        <v>2298</v>
      </c>
      <c r="IV20" s="70">
        <v>230</v>
      </c>
      <c r="IW20" s="71">
        <v>296</v>
      </c>
      <c r="IX20" s="72">
        <v>526</v>
      </c>
      <c r="IY20" s="244"/>
      <c r="IZ20" s="71">
        <v>427</v>
      </c>
      <c r="JA20" s="71">
        <v>496</v>
      </c>
      <c r="JB20" s="71">
        <v>383</v>
      </c>
      <c r="JC20" s="71">
        <v>305</v>
      </c>
      <c r="JD20" s="71">
        <v>227</v>
      </c>
      <c r="JE20" s="72">
        <v>1838</v>
      </c>
      <c r="JF20" s="73">
        <v>2364</v>
      </c>
      <c r="JG20" s="70">
        <v>118</v>
      </c>
      <c r="JH20" s="71">
        <v>193</v>
      </c>
      <c r="JI20" s="72">
        <v>311</v>
      </c>
      <c r="JJ20" s="244"/>
      <c r="JK20" s="71">
        <v>293</v>
      </c>
      <c r="JL20" s="71">
        <v>417</v>
      </c>
      <c r="JM20" s="71">
        <v>359</v>
      </c>
      <c r="JN20" s="71">
        <v>381</v>
      </c>
      <c r="JO20" s="71">
        <v>244</v>
      </c>
      <c r="JP20" s="72">
        <v>1694</v>
      </c>
      <c r="JQ20" s="73">
        <v>2005</v>
      </c>
      <c r="JR20" s="70">
        <v>15</v>
      </c>
      <c r="JS20" s="71">
        <v>46</v>
      </c>
      <c r="JT20" s="72">
        <v>61</v>
      </c>
      <c r="JU20" s="244"/>
      <c r="JV20" s="71">
        <v>30</v>
      </c>
      <c r="JW20" s="71">
        <v>75</v>
      </c>
      <c r="JX20" s="71">
        <v>46</v>
      </c>
      <c r="JY20" s="71">
        <v>33</v>
      </c>
      <c r="JZ20" s="71">
        <v>32</v>
      </c>
      <c r="KA20" s="72">
        <v>216</v>
      </c>
      <c r="KB20" s="73">
        <v>277</v>
      </c>
      <c r="KC20" s="70">
        <v>922</v>
      </c>
      <c r="KD20" s="71">
        <v>1229</v>
      </c>
      <c r="KE20" s="72">
        <v>2151</v>
      </c>
      <c r="KF20" s="244"/>
      <c r="KG20" s="71">
        <v>1542</v>
      </c>
      <c r="KH20" s="71">
        <v>2057</v>
      </c>
      <c r="KI20" s="71">
        <v>1512</v>
      </c>
      <c r="KJ20" s="71">
        <v>1322</v>
      </c>
      <c r="KK20" s="71">
        <v>924</v>
      </c>
      <c r="KL20" s="72">
        <v>7357</v>
      </c>
      <c r="KM20" s="73">
        <v>9508</v>
      </c>
    </row>
    <row r="21" spans="2:299" ht="21" customHeight="1" x14ac:dyDescent="0.2">
      <c r="B21" s="126" t="s">
        <v>18</v>
      </c>
      <c r="C21" s="313">
        <v>404</v>
      </c>
      <c r="D21" s="82">
        <v>446</v>
      </c>
      <c r="E21" s="83">
        <v>850</v>
      </c>
      <c r="F21" s="241"/>
      <c r="G21" s="82">
        <v>947</v>
      </c>
      <c r="H21" s="82">
        <v>748</v>
      </c>
      <c r="I21" s="82">
        <v>540</v>
      </c>
      <c r="J21" s="82">
        <v>441</v>
      </c>
      <c r="K21" s="82">
        <v>263</v>
      </c>
      <c r="L21" s="84">
        <v>2939</v>
      </c>
      <c r="M21" s="85">
        <v>3789</v>
      </c>
      <c r="N21" s="70">
        <v>24</v>
      </c>
      <c r="O21" s="71">
        <v>25</v>
      </c>
      <c r="P21" s="72">
        <v>49</v>
      </c>
      <c r="Q21" s="244"/>
      <c r="R21" s="71">
        <v>50</v>
      </c>
      <c r="S21" s="71">
        <v>48</v>
      </c>
      <c r="T21" s="71">
        <v>34</v>
      </c>
      <c r="U21" s="71">
        <v>37</v>
      </c>
      <c r="V21" s="71">
        <v>24</v>
      </c>
      <c r="W21" s="72">
        <v>193</v>
      </c>
      <c r="X21" s="73">
        <v>242</v>
      </c>
      <c r="Y21" s="70">
        <v>47</v>
      </c>
      <c r="Z21" s="71">
        <v>53</v>
      </c>
      <c r="AA21" s="72">
        <v>100</v>
      </c>
      <c r="AB21" s="244"/>
      <c r="AC21" s="71">
        <v>109</v>
      </c>
      <c r="AD21" s="71">
        <v>81</v>
      </c>
      <c r="AE21" s="71">
        <v>66</v>
      </c>
      <c r="AF21" s="71">
        <v>58</v>
      </c>
      <c r="AG21" s="71">
        <v>35</v>
      </c>
      <c r="AH21" s="72">
        <v>349</v>
      </c>
      <c r="AI21" s="73">
        <v>449</v>
      </c>
      <c r="AJ21" s="70">
        <v>64</v>
      </c>
      <c r="AK21" s="71">
        <v>74</v>
      </c>
      <c r="AL21" s="72">
        <v>138</v>
      </c>
      <c r="AM21" s="244"/>
      <c r="AN21" s="71">
        <v>151</v>
      </c>
      <c r="AO21" s="71">
        <v>120</v>
      </c>
      <c r="AP21" s="71">
        <v>93</v>
      </c>
      <c r="AQ21" s="71">
        <v>70</v>
      </c>
      <c r="AR21" s="71">
        <v>55</v>
      </c>
      <c r="AS21" s="72">
        <v>489</v>
      </c>
      <c r="AT21" s="73">
        <v>627</v>
      </c>
      <c r="AU21" s="70">
        <v>107</v>
      </c>
      <c r="AV21" s="71">
        <v>115</v>
      </c>
      <c r="AW21" s="72">
        <v>222</v>
      </c>
      <c r="AX21" s="244"/>
      <c r="AY21" s="71">
        <v>265</v>
      </c>
      <c r="AZ21" s="71">
        <v>202</v>
      </c>
      <c r="BA21" s="71">
        <v>128</v>
      </c>
      <c r="BB21" s="71">
        <v>102</v>
      </c>
      <c r="BC21" s="71">
        <v>70</v>
      </c>
      <c r="BD21" s="72">
        <v>767</v>
      </c>
      <c r="BE21" s="73">
        <v>989</v>
      </c>
      <c r="BF21" s="70">
        <v>105</v>
      </c>
      <c r="BG21" s="71">
        <v>113</v>
      </c>
      <c r="BH21" s="72">
        <v>218</v>
      </c>
      <c r="BI21" s="244"/>
      <c r="BJ21" s="71">
        <v>232</v>
      </c>
      <c r="BK21" s="71">
        <v>180</v>
      </c>
      <c r="BL21" s="71">
        <v>141</v>
      </c>
      <c r="BM21" s="71">
        <v>101</v>
      </c>
      <c r="BN21" s="71">
        <v>53</v>
      </c>
      <c r="BO21" s="72">
        <v>707</v>
      </c>
      <c r="BP21" s="73">
        <v>925</v>
      </c>
      <c r="BQ21" s="70">
        <v>57</v>
      </c>
      <c r="BR21" s="71">
        <v>66</v>
      </c>
      <c r="BS21" s="72">
        <v>123</v>
      </c>
      <c r="BT21" s="244"/>
      <c r="BU21" s="71">
        <v>140</v>
      </c>
      <c r="BV21" s="71">
        <v>117</v>
      </c>
      <c r="BW21" s="71">
        <v>78</v>
      </c>
      <c r="BX21" s="71">
        <v>73</v>
      </c>
      <c r="BY21" s="71">
        <v>26</v>
      </c>
      <c r="BZ21" s="72">
        <v>434</v>
      </c>
      <c r="CA21" s="73">
        <v>557</v>
      </c>
      <c r="CB21" s="70">
        <v>18</v>
      </c>
      <c r="CC21" s="71">
        <v>25</v>
      </c>
      <c r="CD21" s="72">
        <v>43</v>
      </c>
      <c r="CE21" s="244"/>
      <c r="CF21" s="71">
        <v>35</v>
      </c>
      <c r="CG21" s="71">
        <v>30</v>
      </c>
      <c r="CH21" s="71">
        <v>24</v>
      </c>
      <c r="CI21" s="71">
        <v>25</v>
      </c>
      <c r="CJ21" s="71">
        <v>27</v>
      </c>
      <c r="CK21" s="72">
        <v>141</v>
      </c>
      <c r="CL21" s="73">
        <v>184</v>
      </c>
      <c r="CM21" s="70">
        <v>422</v>
      </c>
      <c r="CN21" s="71">
        <v>471</v>
      </c>
      <c r="CO21" s="72">
        <v>893</v>
      </c>
      <c r="CP21" s="244"/>
      <c r="CQ21" s="71">
        <v>982</v>
      </c>
      <c r="CR21" s="71">
        <v>778</v>
      </c>
      <c r="CS21" s="71">
        <v>564</v>
      </c>
      <c r="CT21" s="71">
        <v>466</v>
      </c>
      <c r="CU21" s="71">
        <v>290</v>
      </c>
      <c r="CV21" s="72">
        <v>3080</v>
      </c>
      <c r="CW21" s="73">
        <v>3973</v>
      </c>
      <c r="CX21" s="123">
        <v>779</v>
      </c>
      <c r="CY21" s="82">
        <v>1026</v>
      </c>
      <c r="CZ21" s="83">
        <v>1805</v>
      </c>
      <c r="DA21" s="241"/>
      <c r="DB21" s="82">
        <v>1427</v>
      </c>
      <c r="DC21" s="82">
        <v>1265</v>
      </c>
      <c r="DD21" s="82">
        <v>936</v>
      </c>
      <c r="DE21" s="82">
        <v>958</v>
      </c>
      <c r="DF21" s="82">
        <v>635</v>
      </c>
      <c r="DG21" s="84">
        <v>5221</v>
      </c>
      <c r="DH21" s="85">
        <v>7026</v>
      </c>
      <c r="DI21" s="70">
        <v>25</v>
      </c>
      <c r="DJ21" s="71">
        <v>26</v>
      </c>
      <c r="DK21" s="72">
        <v>51</v>
      </c>
      <c r="DL21" s="244"/>
      <c r="DM21" s="71">
        <v>36</v>
      </c>
      <c r="DN21" s="71">
        <v>20</v>
      </c>
      <c r="DO21" s="71">
        <v>20</v>
      </c>
      <c r="DP21" s="71">
        <v>23</v>
      </c>
      <c r="DQ21" s="71">
        <v>12</v>
      </c>
      <c r="DR21" s="72">
        <v>111</v>
      </c>
      <c r="DS21" s="73">
        <v>162</v>
      </c>
      <c r="DT21" s="70">
        <v>59</v>
      </c>
      <c r="DU21" s="71">
        <v>81</v>
      </c>
      <c r="DV21" s="72">
        <v>140</v>
      </c>
      <c r="DW21" s="244"/>
      <c r="DX21" s="71">
        <v>96</v>
      </c>
      <c r="DY21" s="71">
        <v>68</v>
      </c>
      <c r="DZ21" s="71">
        <v>54</v>
      </c>
      <c r="EA21" s="71">
        <v>39</v>
      </c>
      <c r="EB21" s="71">
        <v>37</v>
      </c>
      <c r="EC21" s="72">
        <v>294</v>
      </c>
      <c r="ED21" s="73">
        <v>434</v>
      </c>
      <c r="EE21" s="70">
        <v>135</v>
      </c>
      <c r="EF21" s="71">
        <v>163</v>
      </c>
      <c r="EG21" s="72">
        <v>298</v>
      </c>
      <c r="EH21" s="244"/>
      <c r="EI21" s="71">
        <v>199</v>
      </c>
      <c r="EJ21" s="71">
        <v>181</v>
      </c>
      <c r="EK21" s="71">
        <v>119</v>
      </c>
      <c r="EL21" s="71">
        <v>91</v>
      </c>
      <c r="EM21" s="71">
        <v>71</v>
      </c>
      <c r="EN21" s="72">
        <v>661</v>
      </c>
      <c r="EO21" s="73">
        <v>959</v>
      </c>
      <c r="EP21" s="70">
        <v>254</v>
      </c>
      <c r="EQ21" s="71">
        <v>309</v>
      </c>
      <c r="ER21" s="72">
        <v>563</v>
      </c>
      <c r="ES21" s="244"/>
      <c r="ET21" s="71">
        <v>368</v>
      </c>
      <c r="EU21" s="71">
        <v>301</v>
      </c>
      <c r="EV21" s="71">
        <v>180</v>
      </c>
      <c r="EW21" s="71">
        <v>195</v>
      </c>
      <c r="EX21" s="71">
        <v>126</v>
      </c>
      <c r="EY21" s="72">
        <v>1170</v>
      </c>
      <c r="EZ21" s="73">
        <v>1733</v>
      </c>
      <c r="FA21" s="70">
        <v>208</v>
      </c>
      <c r="FB21" s="71">
        <v>277</v>
      </c>
      <c r="FC21" s="72">
        <v>485</v>
      </c>
      <c r="FD21" s="244"/>
      <c r="FE21" s="71">
        <v>443</v>
      </c>
      <c r="FF21" s="71">
        <v>363</v>
      </c>
      <c r="FG21" s="71">
        <v>256</v>
      </c>
      <c r="FH21" s="71">
        <v>251</v>
      </c>
      <c r="FI21" s="71">
        <v>174</v>
      </c>
      <c r="FJ21" s="72">
        <v>1487</v>
      </c>
      <c r="FK21" s="73">
        <v>1972</v>
      </c>
      <c r="FL21" s="70">
        <v>98</v>
      </c>
      <c r="FM21" s="71">
        <v>170</v>
      </c>
      <c r="FN21" s="72">
        <v>268</v>
      </c>
      <c r="FO21" s="244"/>
      <c r="FP21" s="71">
        <v>285</v>
      </c>
      <c r="FQ21" s="71">
        <v>332</v>
      </c>
      <c r="FR21" s="71">
        <v>307</v>
      </c>
      <c r="FS21" s="71">
        <v>359</v>
      </c>
      <c r="FT21" s="71">
        <v>215</v>
      </c>
      <c r="FU21" s="72">
        <v>1498</v>
      </c>
      <c r="FV21" s="73">
        <v>1766</v>
      </c>
      <c r="FW21" s="70">
        <v>11</v>
      </c>
      <c r="FX21" s="71">
        <v>12</v>
      </c>
      <c r="FY21" s="72">
        <v>23</v>
      </c>
      <c r="FZ21" s="244"/>
      <c r="GA21" s="71">
        <v>27</v>
      </c>
      <c r="GB21" s="71">
        <v>34</v>
      </c>
      <c r="GC21" s="71">
        <v>16</v>
      </c>
      <c r="GD21" s="71">
        <v>17</v>
      </c>
      <c r="GE21" s="71">
        <v>13</v>
      </c>
      <c r="GF21" s="72">
        <v>107</v>
      </c>
      <c r="GG21" s="73">
        <v>130</v>
      </c>
      <c r="GH21" s="70">
        <v>790</v>
      </c>
      <c r="GI21" s="71">
        <v>1038</v>
      </c>
      <c r="GJ21" s="72">
        <v>1828</v>
      </c>
      <c r="GK21" s="244"/>
      <c r="GL21" s="71">
        <v>1454</v>
      </c>
      <c r="GM21" s="71">
        <v>1299</v>
      </c>
      <c r="GN21" s="71">
        <v>952</v>
      </c>
      <c r="GO21" s="71">
        <v>975</v>
      </c>
      <c r="GP21" s="71">
        <v>648</v>
      </c>
      <c r="GQ21" s="72">
        <v>5328</v>
      </c>
      <c r="GR21" s="73">
        <v>7156</v>
      </c>
      <c r="GS21" s="123">
        <v>1183</v>
      </c>
      <c r="GT21" s="82">
        <v>1472</v>
      </c>
      <c r="GU21" s="83">
        <v>2655</v>
      </c>
      <c r="GV21" s="241"/>
      <c r="GW21" s="82">
        <v>2374</v>
      </c>
      <c r="GX21" s="82">
        <v>2013</v>
      </c>
      <c r="GY21" s="82">
        <v>1476</v>
      </c>
      <c r="GZ21" s="82">
        <v>1399</v>
      </c>
      <c r="HA21" s="82">
        <v>898</v>
      </c>
      <c r="HB21" s="84">
        <v>8160</v>
      </c>
      <c r="HC21" s="85">
        <v>10815</v>
      </c>
      <c r="HD21" s="70">
        <v>49</v>
      </c>
      <c r="HE21" s="71">
        <v>51</v>
      </c>
      <c r="HF21" s="72">
        <v>100</v>
      </c>
      <c r="HG21" s="244"/>
      <c r="HH21" s="71">
        <v>86</v>
      </c>
      <c r="HI21" s="71">
        <v>68</v>
      </c>
      <c r="HJ21" s="71">
        <v>54</v>
      </c>
      <c r="HK21" s="71">
        <v>60</v>
      </c>
      <c r="HL21" s="71">
        <v>36</v>
      </c>
      <c r="HM21" s="72">
        <v>304</v>
      </c>
      <c r="HN21" s="73">
        <v>404</v>
      </c>
      <c r="HO21" s="70">
        <v>106</v>
      </c>
      <c r="HP21" s="71">
        <v>134</v>
      </c>
      <c r="HQ21" s="72">
        <v>240</v>
      </c>
      <c r="HR21" s="244"/>
      <c r="HS21" s="71">
        <v>205</v>
      </c>
      <c r="HT21" s="71">
        <v>149</v>
      </c>
      <c r="HU21" s="71">
        <v>120</v>
      </c>
      <c r="HV21" s="71">
        <v>97</v>
      </c>
      <c r="HW21" s="71">
        <v>72</v>
      </c>
      <c r="HX21" s="72">
        <v>643</v>
      </c>
      <c r="HY21" s="73">
        <v>883</v>
      </c>
      <c r="HZ21" s="70">
        <v>199</v>
      </c>
      <c r="IA21" s="71">
        <v>237</v>
      </c>
      <c r="IB21" s="72">
        <v>436</v>
      </c>
      <c r="IC21" s="244"/>
      <c r="ID21" s="71">
        <v>350</v>
      </c>
      <c r="IE21" s="71">
        <v>301</v>
      </c>
      <c r="IF21" s="71">
        <v>212</v>
      </c>
      <c r="IG21" s="71">
        <v>161</v>
      </c>
      <c r="IH21" s="71">
        <v>126</v>
      </c>
      <c r="II21" s="72">
        <v>1150</v>
      </c>
      <c r="IJ21" s="73">
        <v>1586</v>
      </c>
      <c r="IK21" s="70">
        <v>361</v>
      </c>
      <c r="IL21" s="71">
        <v>424</v>
      </c>
      <c r="IM21" s="72">
        <v>785</v>
      </c>
      <c r="IN21" s="244"/>
      <c r="IO21" s="71">
        <v>633</v>
      </c>
      <c r="IP21" s="71">
        <v>503</v>
      </c>
      <c r="IQ21" s="71">
        <v>308</v>
      </c>
      <c r="IR21" s="71">
        <v>297</v>
      </c>
      <c r="IS21" s="71">
        <v>196</v>
      </c>
      <c r="IT21" s="72">
        <v>1937</v>
      </c>
      <c r="IU21" s="73">
        <v>2722</v>
      </c>
      <c r="IV21" s="70">
        <v>313</v>
      </c>
      <c r="IW21" s="71">
        <v>390</v>
      </c>
      <c r="IX21" s="72">
        <v>703</v>
      </c>
      <c r="IY21" s="244"/>
      <c r="IZ21" s="71">
        <v>675</v>
      </c>
      <c r="JA21" s="71">
        <v>543</v>
      </c>
      <c r="JB21" s="71">
        <v>397</v>
      </c>
      <c r="JC21" s="71">
        <v>352</v>
      </c>
      <c r="JD21" s="71">
        <v>227</v>
      </c>
      <c r="JE21" s="72">
        <v>2194</v>
      </c>
      <c r="JF21" s="73">
        <v>2897</v>
      </c>
      <c r="JG21" s="70">
        <v>155</v>
      </c>
      <c r="JH21" s="71">
        <v>236</v>
      </c>
      <c r="JI21" s="72">
        <v>391</v>
      </c>
      <c r="JJ21" s="244"/>
      <c r="JK21" s="71">
        <v>425</v>
      </c>
      <c r="JL21" s="71">
        <v>449</v>
      </c>
      <c r="JM21" s="71">
        <v>385</v>
      </c>
      <c r="JN21" s="71">
        <v>432</v>
      </c>
      <c r="JO21" s="71">
        <v>241</v>
      </c>
      <c r="JP21" s="72">
        <v>1932</v>
      </c>
      <c r="JQ21" s="73">
        <v>2323</v>
      </c>
      <c r="JR21" s="70">
        <v>29</v>
      </c>
      <c r="JS21" s="71">
        <v>37</v>
      </c>
      <c r="JT21" s="72">
        <v>66</v>
      </c>
      <c r="JU21" s="244"/>
      <c r="JV21" s="71">
        <v>62</v>
      </c>
      <c r="JW21" s="71">
        <v>64</v>
      </c>
      <c r="JX21" s="71">
        <v>40</v>
      </c>
      <c r="JY21" s="71">
        <v>42</v>
      </c>
      <c r="JZ21" s="71">
        <v>40</v>
      </c>
      <c r="KA21" s="72">
        <v>248</v>
      </c>
      <c r="KB21" s="73">
        <v>314</v>
      </c>
      <c r="KC21" s="70">
        <v>1212</v>
      </c>
      <c r="KD21" s="71">
        <v>1509</v>
      </c>
      <c r="KE21" s="72">
        <v>2721</v>
      </c>
      <c r="KF21" s="244"/>
      <c r="KG21" s="71">
        <v>2436</v>
      </c>
      <c r="KH21" s="71">
        <v>2077</v>
      </c>
      <c r="KI21" s="71">
        <v>1516</v>
      </c>
      <c r="KJ21" s="71">
        <v>1441</v>
      </c>
      <c r="KK21" s="71">
        <v>938</v>
      </c>
      <c r="KL21" s="72">
        <v>8408</v>
      </c>
      <c r="KM21" s="73">
        <v>11129</v>
      </c>
    </row>
    <row r="22" spans="2:299" ht="21" customHeight="1" x14ac:dyDescent="0.2">
      <c r="B22" s="126" t="s">
        <v>19</v>
      </c>
      <c r="C22" s="313">
        <v>194</v>
      </c>
      <c r="D22" s="82">
        <v>162</v>
      </c>
      <c r="E22" s="83">
        <v>356</v>
      </c>
      <c r="F22" s="241"/>
      <c r="G22" s="82">
        <v>380</v>
      </c>
      <c r="H22" s="82">
        <v>319</v>
      </c>
      <c r="I22" s="82">
        <v>211</v>
      </c>
      <c r="J22" s="82">
        <v>142</v>
      </c>
      <c r="K22" s="82">
        <v>105</v>
      </c>
      <c r="L22" s="84">
        <v>1157</v>
      </c>
      <c r="M22" s="85">
        <v>1513</v>
      </c>
      <c r="N22" s="86">
        <v>7</v>
      </c>
      <c r="O22" s="71">
        <v>8</v>
      </c>
      <c r="P22" s="72">
        <v>15</v>
      </c>
      <c r="Q22" s="244"/>
      <c r="R22" s="71">
        <v>16</v>
      </c>
      <c r="S22" s="71">
        <v>13</v>
      </c>
      <c r="T22" s="71">
        <v>8</v>
      </c>
      <c r="U22" s="71">
        <v>8</v>
      </c>
      <c r="V22" s="71">
        <v>6</v>
      </c>
      <c r="W22" s="72">
        <v>51</v>
      </c>
      <c r="X22" s="73">
        <v>66</v>
      </c>
      <c r="Y22" s="70">
        <v>17</v>
      </c>
      <c r="Z22" s="71">
        <v>17</v>
      </c>
      <c r="AA22" s="72">
        <v>34</v>
      </c>
      <c r="AB22" s="244"/>
      <c r="AC22" s="71">
        <v>39</v>
      </c>
      <c r="AD22" s="71">
        <v>45</v>
      </c>
      <c r="AE22" s="71">
        <v>23</v>
      </c>
      <c r="AF22" s="71">
        <v>18</v>
      </c>
      <c r="AG22" s="71">
        <v>16</v>
      </c>
      <c r="AH22" s="72">
        <v>141</v>
      </c>
      <c r="AI22" s="73">
        <v>175</v>
      </c>
      <c r="AJ22" s="86">
        <v>37</v>
      </c>
      <c r="AK22" s="71">
        <v>24</v>
      </c>
      <c r="AL22" s="72">
        <v>61</v>
      </c>
      <c r="AM22" s="244"/>
      <c r="AN22" s="71">
        <v>62</v>
      </c>
      <c r="AO22" s="71">
        <v>55</v>
      </c>
      <c r="AP22" s="71">
        <v>41</v>
      </c>
      <c r="AQ22" s="71">
        <v>29</v>
      </c>
      <c r="AR22" s="71">
        <v>17</v>
      </c>
      <c r="AS22" s="72">
        <v>204</v>
      </c>
      <c r="AT22" s="73">
        <v>265</v>
      </c>
      <c r="AU22" s="70">
        <v>48</v>
      </c>
      <c r="AV22" s="71">
        <v>37</v>
      </c>
      <c r="AW22" s="72">
        <v>85</v>
      </c>
      <c r="AX22" s="244"/>
      <c r="AY22" s="71">
        <v>85</v>
      </c>
      <c r="AZ22" s="71">
        <v>79</v>
      </c>
      <c r="BA22" s="71">
        <v>60</v>
      </c>
      <c r="BB22" s="71">
        <v>27</v>
      </c>
      <c r="BC22" s="71">
        <v>26</v>
      </c>
      <c r="BD22" s="72">
        <v>277</v>
      </c>
      <c r="BE22" s="73">
        <v>362</v>
      </c>
      <c r="BF22" s="86">
        <v>54</v>
      </c>
      <c r="BG22" s="71">
        <v>43</v>
      </c>
      <c r="BH22" s="72">
        <v>97</v>
      </c>
      <c r="BI22" s="244"/>
      <c r="BJ22" s="71">
        <v>110</v>
      </c>
      <c r="BK22" s="71">
        <v>77</v>
      </c>
      <c r="BL22" s="71">
        <v>38</v>
      </c>
      <c r="BM22" s="71">
        <v>38</v>
      </c>
      <c r="BN22" s="71">
        <v>28</v>
      </c>
      <c r="BO22" s="72">
        <v>291</v>
      </c>
      <c r="BP22" s="73">
        <v>388</v>
      </c>
      <c r="BQ22" s="70">
        <v>31</v>
      </c>
      <c r="BR22" s="71">
        <v>33</v>
      </c>
      <c r="BS22" s="72">
        <v>64</v>
      </c>
      <c r="BT22" s="244"/>
      <c r="BU22" s="71">
        <v>68</v>
      </c>
      <c r="BV22" s="71">
        <v>50</v>
      </c>
      <c r="BW22" s="71">
        <v>41</v>
      </c>
      <c r="BX22" s="71">
        <v>22</v>
      </c>
      <c r="BY22" s="71">
        <v>12</v>
      </c>
      <c r="BZ22" s="72">
        <v>193</v>
      </c>
      <c r="CA22" s="73">
        <v>257</v>
      </c>
      <c r="CB22" s="70">
        <v>6</v>
      </c>
      <c r="CC22" s="71">
        <v>9</v>
      </c>
      <c r="CD22" s="72">
        <v>15</v>
      </c>
      <c r="CE22" s="244"/>
      <c r="CF22" s="71">
        <v>15</v>
      </c>
      <c r="CG22" s="71">
        <v>10</v>
      </c>
      <c r="CH22" s="71">
        <v>12</v>
      </c>
      <c r="CI22" s="71">
        <v>7</v>
      </c>
      <c r="CJ22" s="71">
        <v>6</v>
      </c>
      <c r="CK22" s="72">
        <v>50</v>
      </c>
      <c r="CL22" s="73">
        <v>65</v>
      </c>
      <c r="CM22" s="70">
        <v>200</v>
      </c>
      <c r="CN22" s="71">
        <v>171</v>
      </c>
      <c r="CO22" s="72">
        <v>371</v>
      </c>
      <c r="CP22" s="244"/>
      <c r="CQ22" s="71">
        <v>395</v>
      </c>
      <c r="CR22" s="71">
        <v>329</v>
      </c>
      <c r="CS22" s="71">
        <v>223</v>
      </c>
      <c r="CT22" s="71">
        <v>149</v>
      </c>
      <c r="CU22" s="71">
        <v>111</v>
      </c>
      <c r="CV22" s="72">
        <v>1207</v>
      </c>
      <c r="CW22" s="73">
        <v>1578</v>
      </c>
      <c r="CX22" s="123">
        <v>341</v>
      </c>
      <c r="CY22" s="82">
        <v>401</v>
      </c>
      <c r="CZ22" s="83">
        <v>742</v>
      </c>
      <c r="DA22" s="241"/>
      <c r="DB22" s="82">
        <v>635</v>
      </c>
      <c r="DC22" s="82">
        <v>508</v>
      </c>
      <c r="DD22" s="82">
        <v>442</v>
      </c>
      <c r="DE22" s="82">
        <v>343</v>
      </c>
      <c r="DF22" s="82">
        <v>253</v>
      </c>
      <c r="DG22" s="84">
        <v>2181</v>
      </c>
      <c r="DH22" s="85">
        <v>2923</v>
      </c>
      <c r="DI22" s="86">
        <v>9</v>
      </c>
      <c r="DJ22" s="71">
        <v>12</v>
      </c>
      <c r="DK22" s="72">
        <v>21</v>
      </c>
      <c r="DL22" s="244"/>
      <c r="DM22" s="71">
        <v>14</v>
      </c>
      <c r="DN22" s="71">
        <v>12</v>
      </c>
      <c r="DO22" s="71">
        <v>7</v>
      </c>
      <c r="DP22" s="71">
        <v>2</v>
      </c>
      <c r="DQ22" s="71">
        <v>4</v>
      </c>
      <c r="DR22" s="72">
        <v>39</v>
      </c>
      <c r="DS22" s="73">
        <v>60</v>
      </c>
      <c r="DT22" s="70">
        <v>26</v>
      </c>
      <c r="DU22" s="71">
        <v>32</v>
      </c>
      <c r="DV22" s="72">
        <v>58</v>
      </c>
      <c r="DW22" s="244"/>
      <c r="DX22" s="71">
        <v>51</v>
      </c>
      <c r="DY22" s="71">
        <v>26</v>
      </c>
      <c r="DZ22" s="71">
        <v>20</v>
      </c>
      <c r="EA22" s="71">
        <v>15</v>
      </c>
      <c r="EB22" s="71">
        <v>19</v>
      </c>
      <c r="EC22" s="72">
        <v>131</v>
      </c>
      <c r="ED22" s="73">
        <v>189</v>
      </c>
      <c r="EE22" s="86">
        <v>56</v>
      </c>
      <c r="EF22" s="71">
        <v>63</v>
      </c>
      <c r="EG22" s="72">
        <v>119</v>
      </c>
      <c r="EH22" s="244"/>
      <c r="EI22" s="71">
        <v>76</v>
      </c>
      <c r="EJ22" s="71">
        <v>61</v>
      </c>
      <c r="EK22" s="71">
        <v>33</v>
      </c>
      <c r="EL22" s="71">
        <v>44</v>
      </c>
      <c r="EM22" s="71">
        <v>29</v>
      </c>
      <c r="EN22" s="72">
        <v>243</v>
      </c>
      <c r="EO22" s="73">
        <v>362</v>
      </c>
      <c r="EP22" s="70">
        <v>102</v>
      </c>
      <c r="EQ22" s="71">
        <v>99</v>
      </c>
      <c r="ER22" s="72">
        <v>201</v>
      </c>
      <c r="ES22" s="244"/>
      <c r="ET22" s="71">
        <v>158</v>
      </c>
      <c r="EU22" s="71">
        <v>124</v>
      </c>
      <c r="EV22" s="71">
        <v>94</v>
      </c>
      <c r="EW22" s="71">
        <v>65</v>
      </c>
      <c r="EX22" s="71">
        <v>37</v>
      </c>
      <c r="EY22" s="72">
        <v>478</v>
      </c>
      <c r="EZ22" s="73">
        <v>679</v>
      </c>
      <c r="FA22" s="86">
        <v>97</v>
      </c>
      <c r="FB22" s="71">
        <v>113</v>
      </c>
      <c r="FC22" s="72">
        <v>210</v>
      </c>
      <c r="FD22" s="244"/>
      <c r="FE22" s="71">
        <v>186</v>
      </c>
      <c r="FF22" s="71">
        <v>142</v>
      </c>
      <c r="FG22" s="71">
        <v>121</v>
      </c>
      <c r="FH22" s="71">
        <v>78</v>
      </c>
      <c r="FI22" s="71">
        <v>56</v>
      </c>
      <c r="FJ22" s="72">
        <v>583</v>
      </c>
      <c r="FK22" s="73">
        <v>793</v>
      </c>
      <c r="FL22" s="70">
        <v>51</v>
      </c>
      <c r="FM22" s="71">
        <v>82</v>
      </c>
      <c r="FN22" s="72">
        <v>133</v>
      </c>
      <c r="FO22" s="244"/>
      <c r="FP22" s="71">
        <v>150</v>
      </c>
      <c r="FQ22" s="71">
        <v>143</v>
      </c>
      <c r="FR22" s="71">
        <v>167</v>
      </c>
      <c r="FS22" s="71">
        <v>139</v>
      </c>
      <c r="FT22" s="71">
        <v>108</v>
      </c>
      <c r="FU22" s="72">
        <v>707</v>
      </c>
      <c r="FV22" s="73">
        <v>840</v>
      </c>
      <c r="FW22" s="70">
        <v>4</v>
      </c>
      <c r="FX22" s="71">
        <v>4</v>
      </c>
      <c r="FY22" s="72">
        <v>8</v>
      </c>
      <c r="FZ22" s="244"/>
      <c r="GA22" s="71">
        <v>6</v>
      </c>
      <c r="GB22" s="71">
        <v>10</v>
      </c>
      <c r="GC22" s="71">
        <v>5</v>
      </c>
      <c r="GD22" s="71">
        <v>3</v>
      </c>
      <c r="GE22" s="71">
        <v>5</v>
      </c>
      <c r="GF22" s="72">
        <v>29</v>
      </c>
      <c r="GG22" s="73">
        <v>37</v>
      </c>
      <c r="GH22" s="70">
        <v>345</v>
      </c>
      <c r="GI22" s="71">
        <v>405</v>
      </c>
      <c r="GJ22" s="72">
        <v>750</v>
      </c>
      <c r="GK22" s="244"/>
      <c r="GL22" s="71">
        <v>641</v>
      </c>
      <c r="GM22" s="71">
        <v>518</v>
      </c>
      <c r="GN22" s="71">
        <v>447</v>
      </c>
      <c r="GO22" s="71">
        <v>346</v>
      </c>
      <c r="GP22" s="71">
        <v>258</v>
      </c>
      <c r="GQ22" s="72">
        <v>2210</v>
      </c>
      <c r="GR22" s="73">
        <v>2960</v>
      </c>
      <c r="GS22" s="123">
        <v>535</v>
      </c>
      <c r="GT22" s="82">
        <v>563</v>
      </c>
      <c r="GU22" s="83">
        <v>1098</v>
      </c>
      <c r="GV22" s="241"/>
      <c r="GW22" s="82">
        <v>1015</v>
      </c>
      <c r="GX22" s="82">
        <v>827</v>
      </c>
      <c r="GY22" s="82">
        <v>653</v>
      </c>
      <c r="GZ22" s="82">
        <v>485</v>
      </c>
      <c r="HA22" s="82">
        <v>358</v>
      </c>
      <c r="HB22" s="84">
        <v>3338</v>
      </c>
      <c r="HC22" s="85">
        <v>4436</v>
      </c>
      <c r="HD22" s="86">
        <v>16</v>
      </c>
      <c r="HE22" s="71">
        <v>20</v>
      </c>
      <c r="HF22" s="72">
        <v>36</v>
      </c>
      <c r="HG22" s="244"/>
      <c r="HH22" s="71">
        <v>30</v>
      </c>
      <c r="HI22" s="71">
        <v>25</v>
      </c>
      <c r="HJ22" s="71">
        <v>15</v>
      </c>
      <c r="HK22" s="71">
        <v>10</v>
      </c>
      <c r="HL22" s="71">
        <v>10</v>
      </c>
      <c r="HM22" s="72">
        <v>90</v>
      </c>
      <c r="HN22" s="73">
        <v>126</v>
      </c>
      <c r="HO22" s="70">
        <v>43</v>
      </c>
      <c r="HP22" s="71">
        <v>49</v>
      </c>
      <c r="HQ22" s="72">
        <v>92</v>
      </c>
      <c r="HR22" s="244"/>
      <c r="HS22" s="71">
        <v>90</v>
      </c>
      <c r="HT22" s="71">
        <v>71</v>
      </c>
      <c r="HU22" s="71">
        <v>43</v>
      </c>
      <c r="HV22" s="71">
        <v>33</v>
      </c>
      <c r="HW22" s="71">
        <v>35</v>
      </c>
      <c r="HX22" s="72">
        <v>272</v>
      </c>
      <c r="HY22" s="73">
        <v>364</v>
      </c>
      <c r="HZ22" s="86">
        <v>93</v>
      </c>
      <c r="IA22" s="71">
        <v>87</v>
      </c>
      <c r="IB22" s="72">
        <v>180</v>
      </c>
      <c r="IC22" s="244"/>
      <c r="ID22" s="71">
        <v>138</v>
      </c>
      <c r="IE22" s="71">
        <v>116</v>
      </c>
      <c r="IF22" s="71">
        <v>74</v>
      </c>
      <c r="IG22" s="71">
        <v>73</v>
      </c>
      <c r="IH22" s="71">
        <v>46</v>
      </c>
      <c r="II22" s="72">
        <v>447</v>
      </c>
      <c r="IJ22" s="73">
        <v>627</v>
      </c>
      <c r="IK22" s="70">
        <v>150</v>
      </c>
      <c r="IL22" s="71">
        <v>136</v>
      </c>
      <c r="IM22" s="72">
        <v>286</v>
      </c>
      <c r="IN22" s="244"/>
      <c r="IO22" s="71">
        <v>243</v>
      </c>
      <c r="IP22" s="71">
        <v>203</v>
      </c>
      <c r="IQ22" s="71">
        <v>154</v>
      </c>
      <c r="IR22" s="71">
        <v>92</v>
      </c>
      <c r="IS22" s="71">
        <v>63</v>
      </c>
      <c r="IT22" s="72">
        <v>755</v>
      </c>
      <c r="IU22" s="73">
        <v>1041</v>
      </c>
      <c r="IV22" s="86">
        <v>151</v>
      </c>
      <c r="IW22" s="71">
        <v>156</v>
      </c>
      <c r="IX22" s="72">
        <v>307</v>
      </c>
      <c r="IY22" s="244"/>
      <c r="IZ22" s="71">
        <v>296</v>
      </c>
      <c r="JA22" s="71">
        <v>219</v>
      </c>
      <c r="JB22" s="71">
        <v>159</v>
      </c>
      <c r="JC22" s="71">
        <v>116</v>
      </c>
      <c r="JD22" s="71">
        <v>84</v>
      </c>
      <c r="JE22" s="72">
        <v>874</v>
      </c>
      <c r="JF22" s="73">
        <v>1181</v>
      </c>
      <c r="JG22" s="70">
        <v>82</v>
      </c>
      <c r="JH22" s="71">
        <v>115</v>
      </c>
      <c r="JI22" s="72">
        <v>197</v>
      </c>
      <c r="JJ22" s="244"/>
      <c r="JK22" s="71">
        <v>218</v>
      </c>
      <c r="JL22" s="71">
        <v>193</v>
      </c>
      <c r="JM22" s="71">
        <v>208</v>
      </c>
      <c r="JN22" s="71">
        <v>161</v>
      </c>
      <c r="JO22" s="71">
        <v>120</v>
      </c>
      <c r="JP22" s="72">
        <v>900</v>
      </c>
      <c r="JQ22" s="73">
        <v>1097</v>
      </c>
      <c r="JR22" s="70">
        <v>10</v>
      </c>
      <c r="JS22" s="71">
        <v>13</v>
      </c>
      <c r="JT22" s="72">
        <v>23</v>
      </c>
      <c r="JU22" s="244"/>
      <c r="JV22" s="71">
        <v>21</v>
      </c>
      <c r="JW22" s="71">
        <v>20</v>
      </c>
      <c r="JX22" s="71">
        <v>17</v>
      </c>
      <c r="JY22" s="71">
        <v>10</v>
      </c>
      <c r="JZ22" s="71">
        <v>11</v>
      </c>
      <c r="KA22" s="72">
        <v>79</v>
      </c>
      <c r="KB22" s="73">
        <v>102</v>
      </c>
      <c r="KC22" s="70">
        <v>545</v>
      </c>
      <c r="KD22" s="71">
        <v>576</v>
      </c>
      <c r="KE22" s="72">
        <v>1121</v>
      </c>
      <c r="KF22" s="244"/>
      <c r="KG22" s="71">
        <v>1036</v>
      </c>
      <c r="KH22" s="71">
        <v>847</v>
      </c>
      <c r="KI22" s="71">
        <v>670</v>
      </c>
      <c r="KJ22" s="71">
        <v>495</v>
      </c>
      <c r="KK22" s="71">
        <v>369</v>
      </c>
      <c r="KL22" s="72">
        <v>3417</v>
      </c>
      <c r="KM22" s="73">
        <v>4538</v>
      </c>
    </row>
    <row r="23" spans="2:299" ht="21" customHeight="1" x14ac:dyDescent="0.2">
      <c r="B23" s="126" t="s">
        <v>20</v>
      </c>
      <c r="C23" s="313">
        <v>275</v>
      </c>
      <c r="D23" s="82">
        <v>322</v>
      </c>
      <c r="E23" s="83">
        <v>597</v>
      </c>
      <c r="F23" s="241"/>
      <c r="G23" s="82">
        <v>557</v>
      </c>
      <c r="H23" s="82">
        <v>356</v>
      </c>
      <c r="I23" s="82">
        <v>271</v>
      </c>
      <c r="J23" s="82">
        <v>225</v>
      </c>
      <c r="K23" s="82">
        <v>113</v>
      </c>
      <c r="L23" s="84">
        <v>1522</v>
      </c>
      <c r="M23" s="85">
        <v>2119</v>
      </c>
      <c r="N23" s="70">
        <v>11</v>
      </c>
      <c r="O23" s="71">
        <v>8</v>
      </c>
      <c r="P23" s="72">
        <v>19</v>
      </c>
      <c r="Q23" s="244"/>
      <c r="R23" s="71">
        <v>23</v>
      </c>
      <c r="S23" s="71">
        <v>17</v>
      </c>
      <c r="T23" s="71">
        <v>15</v>
      </c>
      <c r="U23" s="71">
        <v>12</v>
      </c>
      <c r="V23" s="71">
        <v>5</v>
      </c>
      <c r="W23" s="72">
        <v>72</v>
      </c>
      <c r="X23" s="73">
        <v>91</v>
      </c>
      <c r="Y23" s="70">
        <v>24</v>
      </c>
      <c r="Z23" s="71">
        <v>28</v>
      </c>
      <c r="AA23" s="72">
        <v>52</v>
      </c>
      <c r="AB23" s="244"/>
      <c r="AC23" s="71">
        <v>60</v>
      </c>
      <c r="AD23" s="71">
        <v>41</v>
      </c>
      <c r="AE23" s="71">
        <v>35</v>
      </c>
      <c r="AF23" s="71">
        <v>28</v>
      </c>
      <c r="AG23" s="71">
        <v>19</v>
      </c>
      <c r="AH23" s="72">
        <v>183</v>
      </c>
      <c r="AI23" s="73">
        <v>235</v>
      </c>
      <c r="AJ23" s="70">
        <v>51</v>
      </c>
      <c r="AK23" s="71">
        <v>57</v>
      </c>
      <c r="AL23" s="72">
        <v>108</v>
      </c>
      <c r="AM23" s="244"/>
      <c r="AN23" s="71">
        <v>77</v>
      </c>
      <c r="AO23" s="71">
        <v>63</v>
      </c>
      <c r="AP23" s="71">
        <v>42</v>
      </c>
      <c r="AQ23" s="71">
        <v>44</v>
      </c>
      <c r="AR23" s="71">
        <v>28</v>
      </c>
      <c r="AS23" s="72">
        <v>254</v>
      </c>
      <c r="AT23" s="73">
        <v>362</v>
      </c>
      <c r="AU23" s="70">
        <v>79</v>
      </c>
      <c r="AV23" s="71">
        <v>97</v>
      </c>
      <c r="AW23" s="72">
        <v>176</v>
      </c>
      <c r="AX23" s="244"/>
      <c r="AY23" s="71">
        <v>160</v>
      </c>
      <c r="AZ23" s="71">
        <v>88</v>
      </c>
      <c r="BA23" s="71">
        <v>76</v>
      </c>
      <c r="BB23" s="71">
        <v>51</v>
      </c>
      <c r="BC23" s="71">
        <v>26</v>
      </c>
      <c r="BD23" s="72">
        <v>401</v>
      </c>
      <c r="BE23" s="73">
        <v>577</v>
      </c>
      <c r="BF23" s="70">
        <v>77</v>
      </c>
      <c r="BG23" s="71">
        <v>89</v>
      </c>
      <c r="BH23" s="72">
        <v>166</v>
      </c>
      <c r="BI23" s="244"/>
      <c r="BJ23" s="71">
        <v>161</v>
      </c>
      <c r="BK23" s="71">
        <v>89</v>
      </c>
      <c r="BL23" s="71">
        <v>69</v>
      </c>
      <c r="BM23" s="71">
        <v>58</v>
      </c>
      <c r="BN23" s="71">
        <v>23</v>
      </c>
      <c r="BO23" s="72">
        <v>400</v>
      </c>
      <c r="BP23" s="73">
        <v>566</v>
      </c>
      <c r="BQ23" s="70">
        <v>33</v>
      </c>
      <c r="BR23" s="71">
        <v>43</v>
      </c>
      <c r="BS23" s="72">
        <v>76</v>
      </c>
      <c r="BT23" s="244"/>
      <c r="BU23" s="71">
        <v>76</v>
      </c>
      <c r="BV23" s="71">
        <v>58</v>
      </c>
      <c r="BW23" s="71">
        <v>34</v>
      </c>
      <c r="BX23" s="71">
        <v>32</v>
      </c>
      <c r="BY23" s="71">
        <v>12</v>
      </c>
      <c r="BZ23" s="72">
        <v>212</v>
      </c>
      <c r="CA23" s="73">
        <v>288</v>
      </c>
      <c r="CB23" s="70">
        <v>9</v>
      </c>
      <c r="CC23" s="71">
        <v>13</v>
      </c>
      <c r="CD23" s="72">
        <v>22</v>
      </c>
      <c r="CE23" s="244"/>
      <c r="CF23" s="71">
        <v>23</v>
      </c>
      <c r="CG23" s="71">
        <v>11</v>
      </c>
      <c r="CH23" s="71">
        <v>11</v>
      </c>
      <c r="CI23" s="71">
        <v>8</v>
      </c>
      <c r="CJ23" s="71">
        <v>9</v>
      </c>
      <c r="CK23" s="72">
        <v>62</v>
      </c>
      <c r="CL23" s="73">
        <v>84</v>
      </c>
      <c r="CM23" s="70">
        <v>284</v>
      </c>
      <c r="CN23" s="71">
        <v>335</v>
      </c>
      <c r="CO23" s="72">
        <v>619</v>
      </c>
      <c r="CP23" s="244"/>
      <c r="CQ23" s="71">
        <v>580</v>
      </c>
      <c r="CR23" s="71">
        <v>367</v>
      </c>
      <c r="CS23" s="71">
        <v>282</v>
      </c>
      <c r="CT23" s="71">
        <v>233</v>
      </c>
      <c r="CU23" s="71">
        <v>122</v>
      </c>
      <c r="CV23" s="72">
        <v>1584</v>
      </c>
      <c r="CW23" s="73">
        <v>2203</v>
      </c>
      <c r="CX23" s="123">
        <v>461</v>
      </c>
      <c r="CY23" s="82">
        <v>611</v>
      </c>
      <c r="CZ23" s="83">
        <v>1072</v>
      </c>
      <c r="DA23" s="241"/>
      <c r="DB23" s="82">
        <v>864</v>
      </c>
      <c r="DC23" s="82">
        <v>540</v>
      </c>
      <c r="DD23" s="82">
        <v>464</v>
      </c>
      <c r="DE23" s="82">
        <v>426</v>
      </c>
      <c r="DF23" s="82">
        <v>273</v>
      </c>
      <c r="DG23" s="84">
        <v>2567</v>
      </c>
      <c r="DH23" s="85">
        <v>3639</v>
      </c>
      <c r="DI23" s="70">
        <v>9</v>
      </c>
      <c r="DJ23" s="71">
        <v>13</v>
      </c>
      <c r="DK23" s="72">
        <v>22</v>
      </c>
      <c r="DL23" s="244"/>
      <c r="DM23" s="71">
        <v>23</v>
      </c>
      <c r="DN23" s="71">
        <v>10</v>
      </c>
      <c r="DO23" s="71">
        <v>8</v>
      </c>
      <c r="DP23" s="71">
        <v>7</v>
      </c>
      <c r="DQ23" s="71">
        <v>5</v>
      </c>
      <c r="DR23" s="72">
        <v>53</v>
      </c>
      <c r="DS23" s="73">
        <v>75</v>
      </c>
      <c r="DT23" s="70">
        <v>31</v>
      </c>
      <c r="DU23" s="71">
        <v>41</v>
      </c>
      <c r="DV23" s="72">
        <v>72</v>
      </c>
      <c r="DW23" s="244"/>
      <c r="DX23" s="71">
        <v>64</v>
      </c>
      <c r="DY23" s="71">
        <v>30</v>
      </c>
      <c r="DZ23" s="71">
        <v>24</v>
      </c>
      <c r="EA23" s="71">
        <v>24</v>
      </c>
      <c r="EB23" s="71">
        <v>18</v>
      </c>
      <c r="EC23" s="72">
        <v>160</v>
      </c>
      <c r="ED23" s="73">
        <v>232</v>
      </c>
      <c r="EE23" s="70">
        <v>93</v>
      </c>
      <c r="EF23" s="71">
        <v>91</v>
      </c>
      <c r="EG23" s="72">
        <v>184</v>
      </c>
      <c r="EH23" s="244"/>
      <c r="EI23" s="71">
        <v>139</v>
      </c>
      <c r="EJ23" s="71">
        <v>69</v>
      </c>
      <c r="EK23" s="71">
        <v>45</v>
      </c>
      <c r="EL23" s="71">
        <v>30</v>
      </c>
      <c r="EM23" s="71">
        <v>36</v>
      </c>
      <c r="EN23" s="72">
        <v>319</v>
      </c>
      <c r="EO23" s="73">
        <v>503</v>
      </c>
      <c r="EP23" s="70">
        <v>170</v>
      </c>
      <c r="EQ23" s="71">
        <v>178</v>
      </c>
      <c r="ER23" s="72">
        <v>348</v>
      </c>
      <c r="ES23" s="244"/>
      <c r="ET23" s="71">
        <v>191</v>
      </c>
      <c r="EU23" s="71">
        <v>122</v>
      </c>
      <c r="EV23" s="71">
        <v>88</v>
      </c>
      <c r="EW23" s="71">
        <v>77</v>
      </c>
      <c r="EX23" s="71">
        <v>61</v>
      </c>
      <c r="EY23" s="72">
        <v>539</v>
      </c>
      <c r="EZ23" s="73">
        <v>887</v>
      </c>
      <c r="FA23" s="70">
        <v>115</v>
      </c>
      <c r="FB23" s="71">
        <v>172</v>
      </c>
      <c r="FC23" s="72">
        <v>287</v>
      </c>
      <c r="FD23" s="244"/>
      <c r="FE23" s="71">
        <v>248</v>
      </c>
      <c r="FF23" s="71">
        <v>140</v>
      </c>
      <c r="FG23" s="71">
        <v>118</v>
      </c>
      <c r="FH23" s="71">
        <v>117</v>
      </c>
      <c r="FI23" s="71">
        <v>64</v>
      </c>
      <c r="FJ23" s="72">
        <v>687</v>
      </c>
      <c r="FK23" s="73">
        <v>974</v>
      </c>
      <c r="FL23" s="70">
        <v>43</v>
      </c>
      <c r="FM23" s="71">
        <v>116</v>
      </c>
      <c r="FN23" s="72">
        <v>159</v>
      </c>
      <c r="FO23" s="244"/>
      <c r="FP23" s="71">
        <v>199</v>
      </c>
      <c r="FQ23" s="71">
        <v>169</v>
      </c>
      <c r="FR23" s="71">
        <v>181</v>
      </c>
      <c r="FS23" s="71">
        <v>171</v>
      </c>
      <c r="FT23" s="71">
        <v>89</v>
      </c>
      <c r="FU23" s="72">
        <v>809</v>
      </c>
      <c r="FV23" s="73">
        <v>968</v>
      </c>
      <c r="FW23" s="70">
        <v>6</v>
      </c>
      <c r="FX23" s="71">
        <v>14</v>
      </c>
      <c r="FY23" s="72">
        <v>20</v>
      </c>
      <c r="FZ23" s="244"/>
      <c r="GA23" s="71">
        <v>17</v>
      </c>
      <c r="GB23" s="71">
        <v>14</v>
      </c>
      <c r="GC23" s="71">
        <v>4</v>
      </c>
      <c r="GD23" s="71">
        <v>9</v>
      </c>
      <c r="GE23" s="71">
        <v>4</v>
      </c>
      <c r="GF23" s="72">
        <v>48</v>
      </c>
      <c r="GG23" s="73">
        <v>68</v>
      </c>
      <c r="GH23" s="70">
        <v>467</v>
      </c>
      <c r="GI23" s="71">
        <v>625</v>
      </c>
      <c r="GJ23" s="72">
        <v>1092</v>
      </c>
      <c r="GK23" s="244"/>
      <c r="GL23" s="71">
        <v>881</v>
      </c>
      <c r="GM23" s="71">
        <v>554</v>
      </c>
      <c r="GN23" s="71">
        <v>468</v>
      </c>
      <c r="GO23" s="71">
        <v>435</v>
      </c>
      <c r="GP23" s="71">
        <v>277</v>
      </c>
      <c r="GQ23" s="72">
        <v>2615</v>
      </c>
      <c r="GR23" s="73">
        <v>3707</v>
      </c>
      <c r="GS23" s="123">
        <v>736</v>
      </c>
      <c r="GT23" s="82">
        <v>933</v>
      </c>
      <c r="GU23" s="83">
        <v>1669</v>
      </c>
      <c r="GV23" s="241"/>
      <c r="GW23" s="82">
        <v>1421</v>
      </c>
      <c r="GX23" s="82">
        <v>896</v>
      </c>
      <c r="GY23" s="82">
        <v>735</v>
      </c>
      <c r="GZ23" s="82">
        <v>651</v>
      </c>
      <c r="HA23" s="82">
        <v>386</v>
      </c>
      <c r="HB23" s="84">
        <v>4089</v>
      </c>
      <c r="HC23" s="85">
        <v>5758</v>
      </c>
      <c r="HD23" s="70">
        <v>20</v>
      </c>
      <c r="HE23" s="71">
        <v>21</v>
      </c>
      <c r="HF23" s="72">
        <v>41</v>
      </c>
      <c r="HG23" s="244"/>
      <c r="HH23" s="71">
        <v>46</v>
      </c>
      <c r="HI23" s="71">
        <v>27</v>
      </c>
      <c r="HJ23" s="71">
        <v>23</v>
      </c>
      <c r="HK23" s="71">
        <v>19</v>
      </c>
      <c r="HL23" s="71">
        <v>10</v>
      </c>
      <c r="HM23" s="72">
        <v>125</v>
      </c>
      <c r="HN23" s="73">
        <v>166</v>
      </c>
      <c r="HO23" s="70">
        <v>55</v>
      </c>
      <c r="HP23" s="71">
        <v>69</v>
      </c>
      <c r="HQ23" s="72">
        <v>124</v>
      </c>
      <c r="HR23" s="244"/>
      <c r="HS23" s="71">
        <v>124</v>
      </c>
      <c r="HT23" s="71">
        <v>71</v>
      </c>
      <c r="HU23" s="71">
        <v>59</v>
      </c>
      <c r="HV23" s="71">
        <v>52</v>
      </c>
      <c r="HW23" s="71">
        <v>37</v>
      </c>
      <c r="HX23" s="72">
        <v>343</v>
      </c>
      <c r="HY23" s="73">
        <v>467</v>
      </c>
      <c r="HZ23" s="70">
        <v>144</v>
      </c>
      <c r="IA23" s="71">
        <v>148</v>
      </c>
      <c r="IB23" s="72">
        <v>292</v>
      </c>
      <c r="IC23" s="244"/>
      <c r="ID23" s="71">
        <v>216</v>
      </c>
      <c r="IE23" s="71">
        <v>132</v>
      </c>
      <c r="IF23" s="71">
        <v>87</v>
      </c>
      <c r="IG23" s="71">
        <v>74</v>
      </c>
      <c r="IH23" s="71">
        <v>64</v>
      </c>
      <c r="II23" s="72">
        <v>573</v>
      </c>
      <c r="IJ23" s="73">
        <v>865</v>
      </c>
      <c r="IK23" s="70">
        <v>249</v>
      </c>
      <c r="IL23" s="71">
        <v>275</v>
      </c>
      <c r="IM23" s="72">
        <v>524</v>
      </c>
      <c r="IN23" s="244"/>
      <c r="IO23" s="71">
        <v>351</v>
      </c>
      <c r="IP23" s="71">
        <v>210</v>
      </c>
      <c r="IQ23" s="71">
        <v>164</v>
      </c>
      <c r="IR23" s="71">
        <v>128</v>
      </c>
      <c r="IS23" s="71">
        <v>87</v>
      </c>
      <c r="IT23" s="72">
        <v>940</v>
      </c>
      <c r="IU23" s="73">
        <v>1464</v>
      </c>
      <c r="IV23" s="70">
        <v>192</v>
      </c>
      <c r="IW23" s="71">
        <v>261</v>
      </c>
      <c r="IX23" s="72">
        <v>453</v>
      </c>
      <c r="IY23" s="244"/>
      <c r="IZ23" s="71">
        <v>409</v>
      </c>
      <c r="JA23" s="71">
        <v>229</v>
      </c>
      <c r="JB23" s="71">
        <v>187</v>
      </c>
      <c r="JC23" s="71">
        <v>175</v>
      </c>
      <c r="JD23" s="71">
        <v>87</v>
      </c>
      <c r="JE23" s="72">
        <v>1087</v>
      </c>
      <c r="JF23" s="73">
        <v>1540</v>
      </c>
      <c r="JG23" s="70">
        <v>76</v>
      </c>
      <c r="JH23" s="71">
        <v>159</v>
      </c>
      <c r="JI23" s="72">
        <v>235</v>
      </c>
      <c r="JJ23" s="244"/>
      <c r="JK23" s="71">
        <v>275</v>
      </c>
      <c r="JL23" s="71">
        <v>227</v>
      </c>
      <c r="JM23" s="71">
        <v>215</v>
      </c>
      <c r="JN23" s="71">
        <v>203</v>
      </c>
      <c r="JO23" s="71">
        <v>101</v>
      </c>
      <c r="JP23" s="72">
        <v>1021</v>
      </c>
      <c r="JQ23" s="73">
        <v>1256</v>
      </c>
      <c r="JR23" s="70">
        <v>15</v>
      </c>
      <c r="JS23" s="71">
        <v>27</v>
      </c>
      <c r="JT23" s="72">
        <v>42</v>
      </c>
      <c r="JU23" s="244"/>
      <c r="JV23" s="71">
        <v>40</v>
      </c>
      <c r="JW23" s="71">
        <v>25</v>
      </c>
      <c r="JX23" s="71">
        <v>15</v>
      </c>
      <c r="JY23" s="71">
        <v>17</v>
      </c>
      <c r="JZ23" s="71">
        <v>13</v>
      </c>
      <c r="KA23" s="72">
        <v>110</v>
      </c>
      <c r="KB23" s="73">
        <v>152</v>
      </c>
      <c r="KC23" s="70">
        <v>751</v>
      </c>
      <c r="KD23" s="71">
        <v>960</v>
      </c>
      <c r="KE23" s="72">
        <v>1711</v>
      </c>
      <c r="KF23" s="244"/>
      <c r="KG23" s="71">
        <v>1461</v>
      </c>
      <c r="KH23" s="71">
        <v>921</v>
      </c>
      <c r="KI23" s="71">
        <v>750</v>
      </c>
      <c r="KJ23" s="71">
        <v>668</v>
      </c>
      <c r="KK23" s="71">
        <v>399</v>
      </c>
      <c r="KL23" s="72">
        <v>4199</v>
      </c>
      <c r="KM23" s="73">
        <v>5910</v>
      </c>
    </row>
    <row r="24" spans="2:299" ht="21" customHeight="1" x14ac:dyDescent="0.2">
      <c r="B24" s="126" t="s">
        <v>21</v>
      </c>
      <c r="C24" s="313">
        <v>280</v>
      </c>
      <c r="D24" s="82">
        <v>243</v>
      </c>
      <c r="E24" s="83">
        <v>523</v>
      </c>
      <c r="F24" s="241"/>
      <c r="G24" s="82">
        <v>450</v>
      </c>
      <c r="H24" s="82">
        <v>418</v>
      </c>
      <c r="I24" s="82">
        <v>289</v>
      </c>
      <c r="J24" s="82">
        <v>223</v>
      </c>
      <c r="K24" s="82">
        <v>140</v>
      </c>
      <c r="L24" s="84">
        <v>1520</v>
      </c>
      <c r="M24" s="85">
        <v>2043</v>
      </c>
      <c r="N24" s="70">
        <v>11</v>
      </c>
      <c r="O24" s="71">
        <v>15</v>
      </c>
      <c r="P24" s="72">
        <v>26</v>
      </c>
      <c r="Q24" s="244"/>
      <c r="R24" s="71">
        <v>18</v>
      </c>
      <c r="S24" s="71">
        <v>16</v>
      </c>
      <c r="T24" s="71">
        <v>13</v>
      </c>
      <c r="U24" s="71">
        <v>17</v>
      </c>
      <c r="V24" s="71">
        <v>12</v>
      </c>
      <c r="W24" s="72">
        <v>76</v>
      </c>
      <c r="X24" s="73">
        <v>102</v>
      </c>
      <c r="Y24" s="70">
        <v>29</v>
      </c>
      <c r="Z24" s="71">
        <v>32</v>
      </c>
      <c r="AA24" s="72">
        <v>61</v>
      </c>
      <c r="AB24" s="244"/>
      <c r="AC24" s="71">
        <v>45</v>
      </c>
      <c r="AD24" s="71">
        <v>49</v>
      </c>
      <c r="AE24" s="71">
        <v>27</v>
      </c>
      <c r="AF24" s="71">
        <v>29</v>
      </c>
      <c r="AG24" s="71">
        <v>18</v>
      </c>
      <c r="AH24" s="72">
        <v>168</v>
      </c>
      <c r="AI24" s="73">
        <v>229</v>
      </c>
      <c r="AJ24" s="70">
        <v>56</v>
      </c>
      <c r="AK24" s="71">
        <v>45</v>
      </c>
      <c r="AL24" s="72">
        <v>101</v>
      </c>
      <c r="AM24" s="244"/>
      <c r="AN24" s="71">
        <v>77</v>
      </c>
      <c r="AO24" s="71">
        <v>67</v>
      </c>
      <c r="AP24" s="71">
        <v>59</v>
      </c>
      <c r="AQ24" s="71">
        <v>42</v>
      </c>
      <c r="AR24" s="71">
        <v>27</v>
      </c>
      <c r="AS24" s="72">
        <v>272</v>
      </c>
      <c r="AT24" s="73">
        <v>373</v>
      </c>
      <c r="AU24" s="70">
        <v>73</v>
      </c>
      <c r="AV24" s="71">
        <v>52</v>
      </c>
      <c r="AW24" s="72">
        <v>125</v>
      </c>
      <c r="AX24" s="244"/>
      <c r="AY24" s="71">
        <v>127</v>
      </c>
      <c r="AZ24" s="71">
        <v>125</v>
      </c>
      <c r="BA24" s="71">
        <v>76</v>
      </c>
      <c r="BB24" s="71">
        <v>47</v>
      </c>
      <c r="BC24" s="71">
        <v>25</v>
      </c>
      <c r="BD24" s="72">
        <v>400</v>
      </c>
      <c r="BE24" s="73">
        <v>525</v>
      </c>
      <c r="BF24" s="70">
        <v>76</v>
      </c>
      <c r="BG24" s="71">
        <v>65</v>
      </c>
      <c r="BH24" s="72">
        <v>141</v>
      </c>
      <c r="BI24" s="244"/>
      <c r="BJ24" s="71">
        <v>130</v>
      </c>
      <c r="BK24" s="71">
        <v>104</v>
      </c>
      <c r="BL24" s="71">
        <v>61</v>
      </c>
      <c r="BM24" s="71">
        <v>58</v>
      </c>
      <c r="BN24" s="71">
        <v>39</v>
      </c>
      <c r="BO24" s="72">
        <v>392</v>
      </c>
      <c r="BP24" s="73">
        <v>533</v>
      </c>
      <c r="BQ24" s="70">
        <v>35</v>
      </c>
      <c r="BR24" s="71">
        <v>34</v>
      </c>
      <c r="BS24" s="72">
        <v>69</v>
      </c>
      <c r="BT24" s="244"/>
      <c r="BU24" s="71">
        <v>53</v>
      </c>
      <c r="BV24" s="71">
        <v>57</v>
      </c>
      <c r="BW24" s="71">
        <v>53</v>
      </c>
      <c r="BX24" s="71">
        <v>30</v>
      </c>
      <c r="BY24" s="71">
        <v>19</v>
      </c>
      <c r="BZ24" s="72">
        <v>212</v>
      </c>
      <c r="CA24" s="73">
        <v>281</v>
      </c>
      <c r="CB24" s="70">
        <v>7</v>
      </c>
      <c r="CC24" s="71">
        <v>12</v>
      </c>
      <c r="CD24" s="72">
        <v>19</v>
      </c>
      <c r="CE24" s="244"/>
      <c r="CF24" s="71">
        <v>7</v>
      </c>
      <c r="CG24" s="71">
        <v>25</v>
      </c>
      <c r="CH24" s="71">
        <v>9</v>
      </c>
      <c r="CI24" s="71">
        <v>13</v>
      </c>
      <c r="CJ24" s="71">
        <v>9</v>
      </c>
      <c r="CK24" s="72">
        <v>63</v>
      </c>
      <c r="CL24" s="73">
        <v>82</v>
      </c>
      <c r="CM24" s="70">
        <v>287</v>
      </c>
      <c r="CN24" s="71">
        <v>255</v>
      </c>
      <c r="CO24" s="72">
        <v>542</v>
      </c>
      <c r="CP24" s="244"/>
      <c r="CQ24" s="71">
        <v>457</v>
      </c>
      <c r="CR24" s="71">
        <v>443</v>
      </c>
      <c r="CS24" s="71">
        <v>298</v>
      </c>
      <c r="CT24" s="71">
        <v>236</v>
      </c>
      <c r="CU24" s="71">
        <v>149</v>
      </c>
      <c r="CV24" s="72">
        <v>1583</v>
      </c>
      <c r="CW24" s="73">
        <v>2125</v>
      </c>
      <c r="CX24" s="123">
        <v>573</v>
      </c>
      <c r="CY24" s="82">
        <v>549</v>
      </c>
      <c r="CZ24" s="83">
        <v>1122</v>
      </c>
      <c r="DA24" s="241"/>
      <c r="DB24" s="82">
        <v>734</v>
      </c>
      <c r="DC24" s="82">
        <v>716</v>
      </c>
      <c r="DD24" s="82">
        <v>556</v>
      </c>
      <c r="DE24" s="82">
        <v>480</v>
      </c>
      <c r="DF24" s="82">
        <v>339</v>
      </c>
      <c r="DG24" s="84">
        <v>2825</v>
      </c>
      <c r="DH24" s="85">
        <v>3947</v>
      </c>
      <c r="DI24" s="70">
        <v>15</v>
      </c>
      <c r="DJ24" s="71">
        <v>15</v>
      </c>
      <c r="DK24" s="72">
        <v>30</v>
      </c>
      <c r="DL24" s="244"/>
      <c r="DM24" s="71">
        <v>22</v>
      </c>
      <c r="DN24" s="71">
        <v>24</v>
      </c>
      <c r="DO24" s="71">
        <v>7</v>
      </c>
      <c r="DP24" s="71">
        <v>7</v>
      </c>
      <c r="DQ24" s="71">
        <v>12</v>
      </c>
      <c r="DR24" s="72">
        <v>72</v>
      </c>
      <c r="DS24" s="73">
        <v>102</v>
      </c>
      <c r="DT24" s="70">
        <v>39</v>
      </c>
      <c r="DU24" s="71">
        <v>38</v>
      </c>
      <c r="DV24" s="72">
        <v>77</v>
      </c>
      <c r="DW24" s="244"/>
      <c r="DX24" s="71">
        <v>35</v>
      </c>
      <c r="DY24" s="71">
        <v>42</v>
      </c>
      <c r="DZ24" s="71">
        <v>34</v>
      </c>
      <c r="EA24" s="71">
        <v>26</v>
      </c>
      <c r="EB24" s="71">
        <v>27</v>
      </c>
      <c r="EC24" s="72">
        <v>164</v>
      </c>
      <c r="ED24" s="73">
        <v>241</v>
      </c>
      <c r="EE24" s="70">
        <v>91</v>
      </c>
      <c r="EF24" s="71">
        <v>89</v>
      </c>
      <c r="EG24" s="72">
        <v>180</v>
      </c>
      <c r="EH24" s="244"/>
      <c r="EI24" s="71">
        <v>102</v>
      </c>
      <c r="EJ24" s="71">
        <v>88</v>
      </c>
      <c r="EK24" s="71">
        <v>57</v>
      </c>
      <c r="EL24" s="71">
        <v>55</v>
      </c>
      <c r="EM24" s="71">
        <v>28</v>
      </c>
      <c r="EN24" s="72">
        <v>330</v>
      </c>
      <c r="EO24" s="73">
        <v>510</v>
      </c>
      <c r="EP24" s="70">
        <v>186</v>
      </c>
      <c r="EQ24" s="71">
        <v>162</v>
      </c>
      <c r="ER24" s="72">
        <v>348</v>
      </c>
      <c r="ES24" s="244"/>
      <c r="ET24" s="71">
        <v>210</v>
      </c>
      <c r="EU24" s="71">
        <v>153</v>
      </c>
      <c r="EV24" s="71">
        <v>107</v>
      </c>
      <c r="EW24" s="71">
        <v>101</v>
      </c>
      <c r="EX24" s="71">
        <v>78</v>
      </c>
      <c r="EY24" s="72">
        <v>649</v>
      </c>
      <c r="EZ24" s="73">
        <v>997</v>
      </c>
      <c r="FA24" s="70">
        <v>161</v>
      </c>
      <c r="FB24" s="71">
        <v>163</v>
      </c>
      <c r="FC24" s="72">
        <v>324</v>
      </c>
      <c r="FD24" s="244"/>
      <c r="FE24" s="71">
        <v>201</v>
      </c>
      <c r="FF24" s="71">
        <v>216</v>
      </c>
      <c r="FG24" s="71">
        <v>171</v>
      </c>
      <c r="FH24" s="71">
        <v>120</v>
      </c>
      <c r="FI24" s="71">
        <v>69</v>
      </c>
      <c r="FJ24" s="72">
        <v>777</v>
      </c>
      <c r="FK24" s="73">
        <v>1101</v>
      </c>
      <c r="FL24" s="70">
        <v>81</v>
      </c>
      <c r="FM24" s="71">
        <v>82</v>
      </c>
      <c r="FN24" s="72">
        <v>163</v>
      </c>
      <c r="FO24" s="244"/>
      <c r="FP24" s="71">
        <v>164</v>
      </c>
      <c r="FQ24" s="71">
        <v>193</v>
      </c>
      <c r="FR24" s="71">
        <v>180</v>
      </c>
      <c r="FS24" s="71">
        <v>171</v>
      </c>
      <c r="FT24" s="71">
        <v>125</v>
      </c>
      <c r="FU24" s="72">
        <v>833</v>
      </c>
      <c r="FV24" s="73">
        <v>996</v>
      </c>
      <c r="FW24" s="70">
        <v>7</v>
      </c>
      <c r="FX24" s="71">
        <v>12</v>
      </c>
      <c r="FY24" s="72">
        <v>19</v>
      </c>
      <c r="FZ24" s="244"/>
      <c r="GA24" s="71">
        <v>9</v>
      </c>
      <c r="GB24" s="71">
        <v>18</v>
      </c>
      <c r="GC24" s="71">
        <v>16</v>
      </c>
      <c r="GD24" s="71">
        <v>8</v>
      </c>
      <c r="GE24" s="71">
        <v>6</v>
      </c>
      <c r="GF24" s="72">
        <v>57</v>
      </c>
      <c r="GG24" s="73">
        <v>76</v>
      </c>
      <c r="GH24" s="70">
        <v>580</v>
      </c>
      <c r="GI24" s="71">
        <v>561</v>
      </c>
      <c r="GJ24" s="72">
        <v>1141</v>
      </c>
      <c r="GK24" s="244"/>
      <c r="GL24" s="71">
        <v>743</v>
      </c>
      <c r="GM24" s="71">
        <v>734</v>
      </c>
      <c r="GN24" s="71">
        <v>572</v>
      </c>
      <c r="GO24" s="71">
        <v>488</v>
      </c>
      <c r="GP24" s="71">
        <v>345</v>
      </c>
      <c r="GQ24" s="72">
        <v>2882</v>
      </c>
      <c r="GR24" s="73">
        <v>4023</v>
      </c>
      <c r="GS24" s="123">
        <v>853</v>
      </c>
      <c r="GT24" s="82">
        <v>792</v>
      </c>
      <c r="GU24" s="83">
        <v>1645</v>
      </c>
      <c r="GV24" s="241"/>
      <c r="GW24" s="82">
        <v>1184</v>
      </c>
      <c r="GX24" s="82">
        <v>1134</v>
      </c>
      <c r="GY24" s="82">
        <v>845</v>
      </c>
      <c r="GZ24" s="82">
        <v>703</v>
      </c>
      <c r="HA24" s="82">
        <v>479</v>
      </c>
      <c r="HB24" s="84">
        <v>4345</v>
      </c>
      <c r="HC24" s="85">
        <v>5990</v>
      </c>
      <c r="HD24" s="70">
        <v>26</v>
      </c>
      <c r="HE24" s="71">
        <v>30</v>
      </c>
      <c r="HF24" s="72">
        <v>56</v>
      </c>
      <c r="HG24" s="244"/>
      <c r="HH24" s="71">
        <v>40</v>
      </c>
      <c r="HI24" s="71">
        <v>40</v>
      </c>
      <c r="HJ24" s="71">
        <v>20</v>
      </c>
      <c r="HK24" s="71">
        <v>24</v>
      </c>
      <c r="HL24" s="71">
        <v>24</v>
      </c>
      <c r="HM24" s="72">
        <v>148</v>
      </c>
      <c r="HN24" s="73">
        <v>204</v>
      </c>
      <c r="HO24" s="70">
        <v>68</v>
      </c>
      <c r="HP24" s="71">
        <v>70</v>
      </c>
      <c r="HQ24" s="72">
        <v>138</v>
      </c>
      <c r="HR24" s="244"/>
      <c r="HS24" s="71">
        <v>80</v>
      </c>
      <c r="HT24" s="71">
        <v>91</v>
      </c>
      <c r="HU24" s="71">
        <v>61</v>
      </c>
      <c r="HV24" s="71">
        <v>55</v>
      </c>
      <c r="HW24" s="71">
        <v>45</v>
      </c>
      <c r="HX24" s="72">
        <v>332</v>
      </c>
      <c r="HY24" s="73">
        <v>470</v>
      </c>
      <c r="HZ24" s="70">
        <v>147</v>
      </c>
      <c r="IA24" s="71">
        <v>134</v>
      </c>
      <c r="IB24" s="72">
        <v>281</v>
      </c>
      <c r="IC24" s="244"/>
      <c r="ID24" s="71">
        <v>179</v>
      </c>
      <c r="IE24" s="71">
        <v>155</v>
      </c>
      <c r="IF24" s="71">
        <v>116</v>
      </c>
      <c r="IG24" s="71">
        <v>97</v>
      </c>
      <c r="IH24" s="71">
        <v>55</v>
      </c>
      <c r="II24" s="72">
        <v>602</v>
      </c>
      <c r="IJ24" s="73">
        <v>883</v>
      </c>
      <c r="IK24" s="70">
        <v>259</v>
      </c>
      <c r="IL24" s="71">
        <v>214</v>
      </c>
      <c r="IM24" s="72">
        <v>473</v>
      </c>
      <c r="IN24" s="244"/>
      <c r="IO24" s="71">
        <v>337</v>
      </c>
      <c r="IP24" s="71">
        <v>278</v>
      </c>
      <c r="IQ24" s="71">
        <v>183</v>
      </c>
      <c r="IR24" s="71">
        <v>148</v>
      </c>
      <c r="IS24" s="71">
        <v>103</v>
      </c>
      <c r="IT24" s="72">
        <v>1049</v>
      </c>
      <c r="IU24" s="73">
        <v>1522</v>
      </c>
      <c r="IV24" s="70">
        <v>237</v>
      </c>
      <c r="IW24" s="71">
        <v>228</v>
      </c>
      <c r="IX24" s="72">
        <v>465</v>
      </c>
      <c r="IY24" s="244"/>
      <c r="IZ24" s="71">
        <v>331</v>
      </c>
      <c r="JA24" s="71">
        <v>320</v>
      </c>
      <c r="JB24" s="71">
        <v>232</v>
      </c>
      <c r="JC24" s="71">
        <v>178</v>
      </c>
      <c r="JD24" s="71">
        <v>108</v>
      </c>
      <c r="JE24" s="72">
        <v>1169</v>
      </c>
      <c r="JF24" s="73">
        <v>1634</v>
      </c>
      <c r="JG24" s="70">
        <v>116</v>
      </c>
      <c r="JH24" s="71">
        <v>116</v>
      </c>
      <c r="JI24" s="72">
        <v>232</v>
      </c>
      <c r="JJ24" s="244"/>
      <c r="JK24" s="71">
        <v>217</v>
      </c>
      <c r="JL24" s="71">
        <v>250</v>
      </c>
      <c r="JM24" s="71">
        <v>233</v>
      </c>
      <c r="JN24" s="71">
        <v>201</v>
      </c>
      <c r="JO24" s="71">
        <v>144</v>
      </c>
      <c r="JP24" s="72">
        <v>1045</v>
      </c>
      <c r="JQ24" s="73">
        <v>1277</v>
      </c>
      <c r="JR24" s="70">
        <v>14</v>
      </c>
      <c r="JS24" s="71">
        <v>24</v>
      </c>
      <c r="JT24" s="72">
        <v>38</v>
      </c>
      <c r="JU24" s="244"/>
      <c r="JV24" s="71">
        <v>16</v>
      </c>
      <c r="JW24" s="71">
        <v>43</v>
      </c>
      <c r="JX24" s="71">
        <v>25</v>
      </c>
      <c r="JY24" s="71">
        <v>21</v>
      </c>
      <c r="JZ24" s="71">
        <v>15</v>
      </c>
      <c r="KA24" s="72">
        <v>120</v>
      </c>
      <c r="KB24" s="73">
        <v>158</v>
      </c>
      <c r="KC24" s="70">
        <v>867</v>
      </c>
      <c r="KD24" s="71">
        <v>816</v>
      </c>
      <c r="KE24" s="72">
        <v>1683</v>
      </c>
      <c r="KF24" s="244"/>
      <c r="KG24" s="71">
        <v>1200</v>
      </c>
      <c r="KH24" s="71">
        <v>1177</v>
      </c>
      <c r="KI24" s="71">
        <v>870</v>
      </c>
      <c r="KJ24" s="71">
        <v>724</v>
      </c>
      <c r="KK24" s="71">
        <v>494</v>
      </c>
      <c r="KL24" s="72">
        <v>4465</v>
      </c>
      <c r="KM24" s="73">
        <v>6148</v>
      </c>
    </row>
    <row r="25" spans="2:299" ht="21" customHeight="1" x14ac:dyDescent="0.2">
      <c r="B25" s="126" t="s">
        <v>22</v>
      </c>
      <c r="C25" s="313">
        <v>64</v>
      </c>
      <c r="D25" s="82">
        <v>86</v>
      </c>
      <c r="E25" s="83">
        <v>150</v>
      </c>
      <c r="F25" s="241"/>
      <c r="G25" s="82">
        <v>193</v>
      </c>
      <c r="H25" s="82">
        <v>142</v>
      </c>
      <c r="I25" s="82">
        <v>94</v>
      </c>
      <c r="J25" s="82">
        <v>80</v>
      </c>
      <c r="K25" s="82">
        <v>51</v>
      </c>
      <c r="L25" s="84">
        <v>560</v>
      </c>
      <c r="M25" s="85">
        <v>710</v>
      </c>
      <c r="N25" s="70">
        <v>2</v>
      </c>
      <c r="O25" s="71">
        <v>4</v>
      </c>
      <c r="P25" s="72">
        <v>6</v>
      </c>
      <c r="Q25" s="244"/>
      <c r="R25" s="71">
        <v>5</v>
      </c>
      <c r="S25" s="71">
        <v>5</v>
      </c>
      <c r="T25" s="71">
        <v>2</v>
      </c>
      <c r="U25" s="71">
        <v>4</v>
      </c>
      <c r="V25" s="71">
        <v>2</v>
      </c>
      <c r="W25" s="72">
        <v>18</v>
      </c>
      <c r="X25" s="73">
        <v>24</v>
      </c>
      <c r="Y25" s="70">
        <v>6</v>
      </c>
      <c r="Z25" s="71">
        <v>8</v>
      </c>
      <c r="AA25" s="72">
        <v>14</v>
      </c>
      <c r="AB25" s="244"/>
      <c r="AC25" s="71">
        <v>18</v>
      </c>
      <c r="AD25" s="71">
        <v>13</v>
      </c>
      <c r="AE25" s="71">
        <v>3</v>
      </c>
      <c r="AF25" s="71">
        <v>6</v>
      </c>
      <c r="AG25" s="71">
        <v>7</v>
      </c>
      <c r="AH25" s="72">
        <v>47</v>
      </c>
      <c r="AI25" s="73">
        <v>61</v>
      </c>
      <c r="AJ25" s="70">
        <v>4</v>
      </c>
      <c r="AK25" s="71">
        <v>17</v>
      </c>
      <c r="AL25" s="72">
        <v>21</v>
      </c>
      <c r="AM25" s="244"/>
      <c r="AN25" s="71">
        <v>25</v>
      </c>
      <c r="AO25" s="71">
        <v>21</v>
      </c>
      <c r="AP25" s="71">
        <v>17</v>
      </c>
      <c r="AQ25" s="71">
        <v>15</v>
      </c>
      <c r="AR25" s="71">
        <v>11</v>
      </c>
      <c r="AS25" s="72">
        <v>89</v>
      </c>
      <c r="AT25" s="73">
        <v>110</v>
      </c>
      <c r="AU25" s="70">
        <v>17</v>
      </c>
      <c r="AV25" s="71">
        <v>25</v>
      </c>
      <c r="AW25" s="72">
        <v>42</v>
      </c>
      <c r="AX25" s="244"/>
      <c r="AY25" s="71">
        <v>40</v>
      </c>
      <c r="AZ25" s="71">
        <v>40</v>
      </c>
      <c r="BA25" s="71">
        <v>30</v>
      </c>
      <c r="BB25" s="71">
        <v>18</v>
      </c>
      <c r="BC25" s="71">
        <v>11</v>
      </c>
      <c r="BD25" s="72">
        <v>139</v>
      </c>
      <c r="BE25" s="73">
        <v>181</v>
      </c>
      <c r="BF25" s="70">
        <v>23</v>
      </c>
      <c r="BG25" s="71">
        <v>22</v>
      </c>
      <c r="BH25" s="72">
        <v>45</v>
      </c>
      <c r="BI25" s="244"/>
      <c r="BJ25" s="71">
        <v>54</v>
      </c>
      <c r="BK25" s="71">
        <v>34</v>
      </c>
      <c r="BL25" s="71">
        <v>23</v>
      </c>
      <c r="BM25" s="71">
        <v>20</v>
      </c>
      <c r="BN25" s="71">
        <v>9</v>
      </c>
      <c r="BO25" s="72">
        <v>140</v>
      </c>
      <c r="BP25" s="73">
        <v>185</v>
      </c>
      <c r="BQ25" s="70">
        <v>12</v>
      </c>
      <c r="BR25" s="71">
        <v>10</v>
      </c>
      <c r="BS25" s="72">
        <v>22</v>
      </c>
      <c r="BT25" s="244"/>
      <c r="BU25" s="71">
        <v>51</v>
      </c>
      <c r="BV25" s="71">
        <v>29</v>
      </c>
      <c r="BW25" s="71">
        <v>19</v>
      </c>
      <c r="BX25" s="71">
        <v>17</v>
      </c>
      <c r="BY25" s="71">
        <v>11</v>
      </c>
      <c r="BZ25" s="72">
        <v>127</v>
      </c>
      <c r="CA25" s="73">
        <v>149</v>
      </c>
      <c r="CB25" s="70">
        <v>0</v>
      </c>
      <c r="CC25" s="71">
        <v>5</v>
      </c>
      <c r="CD25" s="72">
        <v>5</v>
      </c>
      <c r="CE25" s="244"/>
      <c r="CF25" s="71">
        <v>8</v>
      </c>
      <c r="CG25" s="71">
        <v>4</v>
      </c>
      <c r="CH25" s="71">
        <v>0</v>
      </c>
      <c r="CI25" s="71">
        <v>3</v>
      </c>
      <c r="CJ25" s="71">
        <v>4</v>
      </c>
      <c r="CK25" s="72">
        <v>19</v>
      </c>
      <c r="CL25" s="73">
        <v>24</v>
      </c>
      <c r="CM25" s="70">
        <v>64</v>
      </c>
      <c r="CN25" s="71">
        <v>91</v>
      </c>
      <c r="CO25" s="72">
        <v>155</v>
      </c>
      <c r="CP25" s="244"/>
      <c r="CQ25" s="71">
        <v>201</v>
      </c>
      <c r="CR25" s="71">
        <v>146</v>
      </c>
      <c r="CS25" s="71">
        <v>94</v>
      </c>
      <c r="CT25" s="71">
        <v>83</v>
      </c>
      <c r="CU25" s="71">
        <v>55</v>
      </c>
      <c r="CV25" s="72">
        <v>579</v>
      </c>
      <c r="CW25" s="73">
        <v>734</v>
      </c>
      <c r="CX25" s="123">
        <v>109</v>
      </c>
      <c r="CY25" s="82">
        <v>229</v>
      </c>
      <c r="CZ25" s="83">
        <v>338</v>
      </c>
      <c r="DA25" s="241"/>
      <c r="DB25" s="82">
        <v>338</v>
      </c>
      <c r="DC25" s="82">
        <v>295</v>
      </c>
      <c r="DD25" s="82">
        <v>213</v>
      </c>
      <c r="DE25" s="82">
        <v>198</v>
      </c>
      <c r="DF25" s="82">
        <v>100</v>
      </c>
      <c r="DG25" s="84">
        <v>1144</v>
      </c>
      <c r="DH25" s="85">
        <v>1482</v>
      </c>
      <c r="DI25" s="70">
        <v>4</v>
      </c>
      <c r="DJ25" s="71">
        <v>8</v>
      </c>
      <c r="DK25" s="72">
        <v>12</v>
      </c>
      <c r="DL25" s="244"/>
      <c r="DM25" s="71">
        <v>3</v>
      </c>
      <c r="DN25" s="71">
        <v>8</v>
      </c>
      <c r="DO25" s="71">
        <v>1</v>
      </c>
      <c r="DP25" s="71">
        <v>3</v>
      </c>
      <c r="DQ25" s="71">
        <v>1</v>
      </c>
      <c r="DR25" s="72">
        <v>16</v>
      </c>
      <c r="DS25" s="73">
        <v>28</v>
      </c>
      <c r="DT25" s="70">
        <v>5</v>
      </c>
      <c r="DU25" s="71">
        <v>4</v>
      </c>
      <c r="DV25" s="72">
        <v>9</v>
      </c>
      <c r="DW25" s="244"/>
      <c r="DX25" s="71">
        <v>16</v>
      </c>
      <c r="DY25" s="71">
        <v>13</v>
      </c>
      <c r="DZ25" s="71">
        <v>8</v>
      </c>
      <c r="EA25" s="71">
        <v>6</v>
      </c>
      <c r="EB25" s="71">
        <v>6</v>
      </c>
      <c r="EC25" s="72">
        <v>49</v>
      </c>
      <c r="ED25" s="73">
        <v>58</v>
      </c>
      <c r="EE25" s="70">
        <v>27</v>
      </c>
      <c r="EF25" s="71">
        <v>41</v>
      </c>
      <c r="EG25" s="72">
        <v>68</v>
      </c>
      <c r="EH25" s="244"/>
      <c r="EI25" s="71">
        <v>42</v>
      </c>
      <c r="EJ25" s="71">
        <v>35</v>
      </c>
      <c r="EK25" s="71">
        <v>16</v>
      </c>
      <c r="EL25" s="71">
        <v>18</v>
      </c>
      <c r="EM25" s="71">
        <v>10</v>
      </c>
      <c r="EN25" s="72">
        <v>121</v>
      </c>
      <c r="EO25" s="73">
        <v>189</v>
      </c>
      <c r="EP25" s="70">
        <v>29</v>
      </c>
      <c r="EQ25" s="71">
        <v>66</v>
      </c>
      <c r="ER25" s="72">
        <v>95</v>
      </c>
      <c r="ES25" s="244"/>
      <c r="ET25" s="71">
        <v>75</v>
      </c>
      <c r="EU25" s="71">
        <v>59</v>
      </c>
      <c r="EV25" s="71">
        <v>44</v>
      </c>
      <c r="EW25" s="71">
        <v>39</v>
      </c>
      <c r="EX25" s="71">
        <v>22</v>
      </c>
      <c r="EY25" s="72">
        <v>239</v>
      </c>
      <c r="EZ25" s="73">
        <v>334</v>
      </c>
      <c r="FA25" s="70">
        <v>32</v>
      </c>
      <c r="FB25" s="71">
        <v>66</v>
      </c>
      <c r="FC25" s="72">
        <v>98</v>
      </c>
      <c r="FD25" s="244"/>
      <c r="FE25" s="71">
        <v>108</v>
      </c>
      <c r="FF25" s="71">
        <v>88</v>
      </c>
      <c r="FG25" s="71">
        <v>55</v>
      </c>
      <c r="FH25" s="71">
        <v>46</v>
      </c>
      <c r="FI25" s="71">
        <v>26</v>
      </c>
      <c r="FJ25" s="72">
        <v>323</v>
      </c>
      <c r="FK25" s="73">
        <v>421</v>
      </c>
      <c r="FL25" s="70">
        <v>12</v>
      </c>
      <c r="FM25" s="71">
        <v>44</v>
      </c>
      <c r="FN25" s="72">
        <v>56</v>
      </c>
      <c r="FO25" s="244"/>
      <c r="FP25" s="71">
        <v>94</v>
      </c>
      <c r="FQ25" s="71">
        <v>92</v>
      </c>
      <c r="FR25" s="71">
        <v>89</v>
      </c>
      <c r="FS25" s="71">
        <v>86</v>
      </c>
      <c r="FT25" s="71">
        <v>35</v>
      </c>
      <c r="FU25" s="72">
        <v>396</v>
      </c>
      <c r="FV25" s="73">
        <v>452</v>
      </c>
      <c r="FW25" s="70">
        <v>1</v>
      </c>
      <c r="FX25" s="71">
        <v>2</v>
      </c>
      <c r="FY25" s="72">
        <v>3</v>
      </c>
      <c r="FZ25" s="244"/>
      <c r="GA25" s="71">
        <v>4</v>
      </c>
      <c r="GB25" s="71">
        <v>6</v>
      </c>
      <c r="GC25" s="71">
        <v>4</v>
      </c>
      <c r="GD25" s="71">
        <v>3</v>
      </c>
      <c r="GE25" s="71">
        <v>1</v>
      </c>
      <c r="GF25" s="72">
        <v>18</v>
      </c>
      <c r="GG25" s="73">
        <v>21</v>
      </c>
      <c r="GH25" s="70">
        <v>110</v>
      </c>
      <c r="GI25" s="71">
        <v>231</v>
      </c>
      <c r="GJ25" s="72">
        <v>341</v>
      </c>
      <c r="GK25" s="244"/>
      <c r="GL25" s="71">
        <v>342</v>
      </c>
      <c r="GM25" s="71">
        <v>301</v>
      </c>
      <c r="GN25" s="71">
        <v>217</v>
      </c>
      <c r="GO25" s="71">
        <v>201</v>
      </c>
      <c r="GP25" s="71">
        <v>101</v>
      </c>
      <c r="GQ25" s="72">
        <v>1162</v>
      </c>
      <c r="GR25" s="73">
        <v>1503</v>
      </c>
      <c r="GS25" s="123">
        <v>173</v>
      </c>
      <c r="GT25" s="82">
        <v>315</v>
      </c>
      <c r="GU25" s="83">
        <v>488</v>
      </c>
      <c r="GV25" s="241"/>
      <c r="GW25" s="82">
        <v>531</v>
      </c>
      <c r="GX25" s="82">
        <v>437</v>
      </c>
      <c r="GY25" s="82">
        <v>307</v>
      </c>
      <c r="GZ25" s="82">
        <v>278</v>
      </c>
      <c r="HA25" s="82">
        <v>151</v>
      </c>
      <c r="HB25" s="84">
        <v>1704</v>
      </c>
      <c r="HC25" s="85">
        <v>2192</v>
      </c>
      <c r="HD25" s="70">
        <v>6</v>
      </c>
      <c r="HE25" s="71">
        <v>12</v>
      </c>
      <c r="HF25" s="72">
        <v>18</v>
      </c>
      <c r="HG25" s="244"/>
      <c r="HH25" s="71">
        <v>8</v>
      </c>
      <c r="HI25" s="71">
        <v>13</v>
      </c>
      <c r="HJ25" s="71">
        <v>3</v>
      </c>
      <c r="HK25" s="71">
        <v>7</v>
      </c>
      <c r="HL25" s="71">
        <v>3</v>
      </c>
      <c r="HM25" s="72">
        <v>34</v>
      </c>
      <c r="HN25" s="73">
        <v>52</v>
      </c>
      <c r="HO25" s="70">
        <v>11</v>
      </c>
      <c r="HP25" s="71">
        <v>12</v>
      </c>
      <c r="HQ25" s="72">
        <v>23</v>
      </c>
      <c r="HR25" s="244"/>
      <c r="HS25" s="71">
        <v>34</v>
      </c>
      <c r="HT25" s="71">
        <v>26</v>
      </c>
      <c r="HU25" s="71">
        <v>11</v>
      </c>
      <c r="HV25" s="71">
        <v>12</v>
      </c>
      <c r="HW25" s="71">
        <v>13</v>
      </c>
      <c r="HX25" s="72">
        <v>96</v>
      </c>
      <c r="HY25" s="73">
        <v>119</v>
      </c>
      <c r="HZ25" s="70">
        <v>31</v>
      </c>
      <c r="IA25" s="71">
        <v>58</v>
      </c>
      <c r="IB25" s="72">
        <v>89</v>
      </c>
      <c r="IC25" s="244"/>
      <c r="ID25" s="71">
        <v>67</v>
      </c>
      <c r="IE25" s="71">
        <v>56</v>
      </c>
      <c r="IF25" s="71">
        <v>33</v>
      </c>
      <c r="IG25" s="71">
        <v>33</v>
      </c>
      <c r="IH25" s="71">
        <v>21</v>
      </c>
      <c r="II25" s="72">
        <v>210</v>
      </c>
      <c r="IJ25" s="73">
        <v>299</v>
      </c>
      <c r="IK25" s="70">
        <v>46</v>
      </c>
      <c r="IL25" s="71">
        <v>91</v>
      </c>
      <c r="IM25" s="72">
        <v>137</v>
      </c>
      <c r="IN25" s="244"/>
      <c r="IO25" s="71">
        <v>115</v>
      </c>
      <c r="IP25" s="71">
        <v>99</v>
      </c>
      <c r="IQ25" s="71">
        <v>74</v>
      </c>
      <c r="IR25" s="71">
        <v>57</v>
      </c>
      <c r="IS25" s="71">
        <v>33</v>
      </c>
      <c r="IT25" s="72">
        <v>378</v>
      </c>
      <c r="IU25" s="73">
        <v>515</v>
      </c>
      <c r="IV25" s="70">
        <v>55</v>
      </c>
      <c r="IW25" s="71">
        <v>88</v>
      </c>
      <c r="IX25" s="72">
        <v>143</v>
      </c>
      <c r="IY25" s="244"/>
      <c r="IZ25" s="71">
        <v>162</v>
      </c>
      <c r="JA25" s="71">
        <v>122</v>
      </c>
      <c r="JB25" s="71">
        <v>78</v>
      </c>
      <c r="JC25" s="71">
        <v>66</v>
      </c>
      <c r="JD25" s="71">
        <v>35</v>
      </c>
      <c r="JE25" s="72">
        <v>463</v>
      </c>
      <c r="JF25" s="73">
        <v>606</v>
      </c>
      <c r="JG25" s="70">
        <v>24</v>
      </c>
      <c r="JH25" s="71">
        <v>54</v>
      </c>
      <c r="JI25" s="72">
        <v>78</v>
      </c>
      <c r="JJ25" s="244"/>
      <c r="JK25" s="71">
        <v>145</v>
      </c>
      <c r="JL25" s="71">
        <v>121</v>
      </c>
      <c r="JM25" s="71">
        <v>108</v>
      </c>
      <c r="JN25" s="71">
        <v>103</v>
      </c>
      <c r="JO25" s="71">
        <v>46</v>
      </c>
      <c r="JP25" s="72">
        <v>523</v>
      </c>
      <c r="JQ25" s="73">
        <v>601</v>
      </c>
      <c r="JR25" s="70">
        <v>1</v>
      </c>
      <c r="JS25" s="71">
        <v>7</v>
      </c>
      <c r="JT25" s="72">
        <v>8</v>
      </c>
      <c r="JU25" s="244"/>
      <c r="JV25" s="71">
        <v>12</v>
      </c>
      <c r="JW25" s="71">
        <v>10</v>
      </c>
      <c r="JX25" s="71">
        <v>4</v>
      </c>
      <c r="JY25" s="71">
        <v>6</v>
      </c>
      <c r="JZ25" s="71">
        <v>5</v>
      </c>
      <c r="KA25" s="72">
        <v>37</v>
      </c>
      <c r="KB25" s="73">
        <v>45</v>
      </c>
      <c r="KC25" s="70">
        <v>174</v>
      </c>
      <c r="KD25" s="71">
        <v>322</v>
      </c>
      <c r="KE25" s="72">
        <v>496</v>
      </c>
      <c r="KF25" s="244"/>
      <c r="KG25" s="71">
        <v>543</v>
      </c>
      <c r="KH25" s="71">
        <v>447</v>
      </c>
      <c r="KI25" s="71">
        <v>311</v>
      </c>
      <c r="KJ25" s="71">
        <v>284</v>
      </c>
      <c r="KK25" s="71">
        <v>156</v>
      </c>
      <c r="KL25" s="72">
        <v>1741</v>
      </c>
      <c r="KM25" s="73">
        <v>2237</v>
      </c>
    </row>
    <row r="26" spans="2:299" ht="21" customHeight="1" x14ac:dyDescent="0.2">
      <c r="B26" s="126" t="s">
        <v>23</v>
      </c>
      <c r="C26" s="313">
        <v>182</v>
      </c>
      <c r="D26" s="82">
        <v>201</v>
      </c>
      <c r="E26" s="83">
        <v>383</v>
      </c>
      <c r="F26" s="241"/>
      <c r="G26" s="82">
        <v>294</v>
      </c>
      <c r="H26" s="82">
        <v>258</v>
      </c>
      <c r="I26" s="82">
        <v>166</v>
      </c>
      <c r="J26" s="82">
        <v>164</v>
      </c>
      <c r="K26" s="82">
        <v>94</v>
      </c>
      <c r="L26" s="84">
        <v>976</v>
      </c>
      <c r="M26" s="85">
        <v>1359</v>
      </c>
      <c r="N26" s="70">
        <v>8</v>
      </c>
      <c r="O26" s="71">
        <v>7</v>
      </c>
      <c r="P26" s="72">
        <v>15</v>
      </c>
      <c r="Q26" s="244"/>
      <c r="R26" s="71">
        <v>10</v>
      </c>
      <c r="S26" s="71">
        <v>15</v>
      </c>
      <c r="T26" s="71">
        <v>6</v>
      </c>
      <c r="U26" s="71">
        <v>8</v>
      </c>
      <c r="V26" s="71">
        <v>4</v>
      </c>
      <c r="W26" s="72">
        <v>43</v>
      </c>
      <c r="X26" s="73">
        <v>58</v>
      </c>
      <c r="Y26" s="70">
        <v>30</v>
      </c>
      <c r="Z26" s="71">
        <v>21</v>
      </c>
      <c r="AA26" s="72">
        <v>51</v>
      </c>
      <c r="AB26" s="244"/>
      <c r="AC26" s="71">
        <v>25</v>
      </c>
      <c r="AD26" s="71">
        <v>28</v>
      </c>
      <c r="AE26" s="71">
        <v>15</v>
      </c>
      <c r="AF26" s="71">
        <v>18</v>
      </c>
      <c r="AG26" s="71">
        <v>9</v>
      </c>
      <c r="AH26" s="72">
        <v>95</v>
      </c>
      <c r="AI26" s="73">
        <v>146</v>
      </c>
      <c r="AJ26" s="70">
        <v>41</v>
      </c>
      <c r="AK26" s="71">
        <v>37</v>
      </c>
      <c r="AL26" s="72">
        <v>78</v>
      </c>
      <c r="AM26" s="244"/>
      <c r="AN26" s="71">
        <v>57</v>
      </c>
      <c r="AO26" s="71">
        <v>47</v>
      </c>
      <c r="AP26" s="71">
        <v>21</v>
      </c>
      <c r="AQ26" s="71">
        <v>26</v>
      </c>
      <c r="AR26" s="71">
        <v>29</v>
      </c>
      <c r="AS26" s="72">
        <v>180</v>
      </c>
      <c r="AT26" s="73">
        <v>258</v>
      </c>
      <c r="AU26" s="70">
        <v>40</v>
      </c>
      <c r="AV26" s="71">
        <v>75</v>
      </c>
      <c r="AW26" s="72">
        <v>115</v>
      </c>
      <c r="AX26" s="244"/>
      <c r="AY26" s="71">
        <v>87</v>
      </c>
      <c r="AZ26" s="71">
        <v>68</v>
      </c>
      <c r="BA26" s="71">
        <v>48</v>
      </c>
      <c r="BB26" s="71">
        <v>53</v>
      </c>
      <c r="BC26" s="71">
        <v>20</v>
      </c>
      <c r="BD26" s="72">
        <v>276</v>
      </c>
      <c r="BE26" s="73">
        <v>391</v>
      </c>
      <c r="BF26" s="70">
        <v>48</v>
      </c>
      <c r="BG26" s="71">
        <v>47</v>
      </c>
      <c r="BH26" s="72">
        <v>95</v>
      </c>
      <c r="BI26" s="244"/>
      <c r="BJ26" s="71">
        <v>79</v>
      </c>
      <c r="BK26" s="71">
        <v>60</v>
      </c>
      <c r="BL26" s="71">
        <v>50</v>
      </c>
      <c r="BM26" s="71">
        <v>37</v>
      </c>
      <c r="BN26" s="71">
        <v>24</v>
      </c>
      <c r="BO26" s="72">
        <v>250</v>
      </c>
      <c r="BP26" s="73">
        <v>345</v>
      </c>
      <c r="BQ26" s="70">
        <v>15</v>
      </c>
      <c r="BR26" s="71">
        <v>14</v>
      </c>
      <c r="BS26" s="72">
        <v>29</v>
      </c>
      <c r="BT26" s="244"/>
      <c r="BU26" s="71">
        <v>36</v>
      </c>
      <c r="BV26" s="71">
        <v>40</v>
      </c>
      <c r="BW26" s="71">
        <v>26</v>
      </c>
      <c r="BX26" s="71">
        <v>22</v>
      </c>
      <c r="BY26" s="71">
        <v>8</v>
      </c>
      <c r="BZ26" s="72">
        <v>132</v>
      </c>
      <c r="CA26" s="73">
        <v>161</v>
      </c>
      <c r="CB26" s="70">
        <v>3</v>
      </c>
      <c r="CC26" s="71">
        <v>9</v>
      </c>
      <c r="CD26" s="72">
        <v>12</v>
      </c>
      <c r="CE26" s="244"/>
      <c r="CF26" s="71">
        <v>8</v>
      </c>
      <c r="CG26" s="71">
        <v>12</v>
      </c>
      <c r="CH26" s="71">
        <v>8</v>
      </c>
      <c r="CI26" s="71">
        <v>6</v>
      </c>
      <c r="CJ26" s="71">
        <v>2</v>
      </c>
      <c r="CK26" s="72">
        <v>36</v>
      </c>
      <c r="CL26" s="73">
        <v>48</v>
      </c>
      <c r="CM26" s="70">
        <v>185</v>
      </c>
      <c r="CN26" s="71">
        <v>210</v>
      </c>
      <c r="CO26" s="72">
        <v>395</v>
      </c>
      <c r="CP26" s="244"/>
      <c r="CQ26" s="71">
        <v>302</v>
      </c>
      <c r="CR26" s="71">
        <v>270</v>
      </c>
      <c r="CS26" s="71">
        <v>174</v>
      </c>
      <c r="CT26" s="71">
        <v>170</v>
      </c>
      <c r="CU26" s="71">
        <v>96</v>
      </c>
      <c r="CV26" s="72">
        <v>1012</v>
      </c>
      <c r="CW26" s="73">
        <v>1407</v>
      </c>
      <c r="CX26" s="123">
        <v>318</v>
      </c>
      <c r="CY26" s="82">
        <v>398</v>
      </c>
      <c r="CZ26" s="83">
        <v>716</v>
      </c>
      <c r="DA26" s="241"/>
      <c r="DB26" s="82">
        <v>531</v>
      </c>
      <c r="DC26" s="82">
        <v>423</v>
      </c>
      <c r="DD26" s="82">
        <v>282</v>
      </c>
      <c r="DE26" s="82">
        <v>355</v>
      </c>
      <c r="DF26" s="82">
        <v>238</v>
      </c>
      <c r="DG26" s="84">
        <v>1829</v>
      </c>
      <c r="DH26" s="85">
        <v>2545</v>
      </c>
      <c r="DI26" s="70">
        <v>10</v>
      </c>
      <c r="DJ26" s="71">
        <v>15</v>
      </c>
      <c r="DK26" s="72">
        <v>25</v>
      </c>
      <c r="DL26" s="244"/>
      <c r="DM26" s="71">
        <v>11</v>
      </c>
      <c r="DN26" s="71">
        <v>7</v>
      </c>
      <c r="DO26" s="71">
        <v>5</v>
      </c>
      <c r="DP26" s="71">
        <v>10</v>
      </c>
      <c r="DQ26" s="71">
        <v>3</v>
      </c>
      <c r="DR26" s="72">
        <v>36</v>
      </c>
      <c r="DS26" s="73">
        <v>61</v>
      </c>
      <c r="DT26" s="70">
        <v>26</v>
      </c>
      <c r="DU26" s="71">
        <v>37</v>
      </c>
      <c r="DV26" s="72">
        <v>63</v>
      </c>
      <c r="DW26" s="244"/>
      <c r="DX26" s="71">
        <v>24</v>
      </c>
      <c r="DY26" s="71">
        <v>26</v>
      </c>
      <c r="DZ26" s="71">
        <v>16</v>
      </c>
      <c r="EA26" s="71">
        <v>21</v>
      </c>
      <c r="EB26" s="71">
        <v>12</v>
      </c>
      <c r="EC26" s="72">
        <v>99</v>
      </c>
      <c r="ED26" s="73">
        <v>162</v>
      </c>
      <c r="EE26" s="70">
        <v>63</v>
      </c>
      <c r="EF26" s="71">
        <v>74</v>
      </c>
      <c r="EG26" s="72">
        <v>137</v>
      </c>
      <c r="EH26" s="244"/>
      <c r="EI26" s="71">
        <v>76</v>
      </c>
      <c r="EJ26" s="71">
        <v>58</v>
      </c>
      <c r="EK26" s="71">
        <v>33</v>
      </c>
      <c r="EL26" s="71">
        <v>53</v>
      </c>
      <c r="EM26" s="71">
        <v>36</v>
      </c>
      <c r="EN26" s="72">
        <v>256</v>
      </c>
      <c r="EO26" s="73">
        <v>393</v>
      </c>
      <c r="EP26" s="70">
        <v>120</v>
      </c>
      <c r="EQ26" s="71">
        <v>115</v>
      </c>
      <c r="ER26" s="72">
        <v>235</v>
      </c>
      <c r="ES26" s="244"/>
      <c r="ET26" s="71">
        <v>151</v>
      </c>
      <c r="EU26" s="71">
        <v>106</v>
      </c>
      <c r="EV26" s="71">
        <v>72</v>
      </c>
      <c r="EW26" s="71">
        <v>59</v>
      </c>
      <c r="EX26" s="71">
        <v>51</v>
      </c>
      <c r="EY26" s="72">
        <v>439</v>
      </c>
      <c r="EZ26" s="73">
        <v>674</v>
      </c>
      <c r="FA26" s="70">
        <v>70</v>
      </c>
      <c r="FB26" s="71">
        <v>106</v>
      </c>
      <c r="FC26" s="72">
        <v>176</v>
      </c>
      <c r="FD26" s="244"/>
      <c r="FE26" s="71">
        <v>168</v>
      </c>
      <c r="FF26" s="71">
        <v>125</v>
      </c>
      <c r="FG26" s="71">
        <v>81</v>
      </c>
      <c r="FH26" s="71">
        <v>96</v>
      </c>
      <c r="FI26" s="71">
        <v>55</v>
      </c>
      <c r="FJ26" s="72">
        <v>525</v>
      </c>
      <c r="FK26" s="73">
        <v>701</v>
      </c>
      <c r="FL26" s="70">
        <v>29</v>
      </c>
      <c r="FM26" s="71">
        <v>51</v>
      </c>
      <c r="FN26" s="72">
        <v>80</v>
      </c>
      <c r="FO26" s="244"/>
      <c r="FP26" s="71">
        <v>101</v>
      </c>
      <c r="FQ26" s="71">
        <v>101</v>
      </c>
      <c r="FR26" s="71">
        <v>75</v>
      </c>
      <c r="FS26" s="71">
        <v>116</v>
      </c>
      <c r="FT26" s="71">
        <v>81</v>
      </c>
      <c r="FU26" s="72">
        <v>474</v>
      </c>
      <c r="FV26" s="73">
        <v>554</v>
      </c>
      <c r="FW26" s="70">
        <v>3</v>
      </c>
      <c r="FX26" s="71">
        <v>7</v>
      </c>
      <c r="FY26" s="72">
        <v>10</v>
      </c>
      <c r="FZ26" s="244"/>
      <c r="GA26" s="71">
        <v>4</v>
      </c>
      <c r="GB26" s="71">
        <v>11</v>
      </c>
      <c r="GC26" s="71">
        <v>4</v>
      </c>
      <c r="GD26" s="71">
        <v>2</v>
      </c>
      <c r="GE26" s="71">
        <v>6</v>
      </c>
      <c r="GF26" s="72">
        <v>27</v>
      </c>
      <c r="GG26" s="73">
        <v>37</v>
      </c>
      <c r="GH26" s="70">
        <v>321</v>
      </c>
      <c r="GI26" s="71">
        <v>405</v>
      </c>
      <c r="GJ26" s="72">
        <v>726</v>
      </c>
      <c r="GK26" s="244"/>
      <c r="GL26" s="71">
        <v>535</v>
      </c>
      <c r="GM26" s="71">
        <v>434</v>
      </c>
      <c r="GN26" s="71">
        <v>286</v>
      </c>
      <c r="GO26" s="71">
        <v>357</v>
      </c>
      <c r="GP26" s="71">
        <v>244</v>
      </c>
      <c r="GQ26" s="72">
        <v>1856</v>
      </c>
      <c r="GR26" s="73">
        <v>2582</v>
      </c>
      <c r="GS26" s="123">
        <v>500</v>
      </c>
      <c r="GT26" s="82">
        <v>599</v>
      </c>
      <c r="GU26" s="83">
        <v>1099</v>
      </c>
      <c r="GV26" s="241"/>
      <c r="GW26" s="82">
        <v>825</v>
      </c>
      <c r="GX26" s="82">
        <v>681</v>
      </c>
      <c r="GY26" s="82">
        <v>448</v>
      </c>
      <c r="GZ26" s="82">
        <v>519</v>
      </c>
      <c r="HA26" s="82">
        <v>332</v>
      </c>
      <c r="HB26" s="84">
        <v>2805</v>
      </c>
      <c r="HC26" s="85">
        <v>3904</v>
      </c>
      <c r="HD26" s="70">
        <v>18</v>
      </c>
      <c r="HE26" s="71">
        <v>22</v>
      </c>
      <c r="HF26" s="72">
        <v>40</v>
      </c>
      <c r="HG26" s="244"/>
      <c r="HH26" s="71">
        <v>21</v>
      </c>
      <c r="HI26" s="71">
        <v>22</v>
      </c>
      <c r="HJ26" s="71">
        <v>11</v>
      </c>
      <c r="HK26" s="71">
        <v>18</v>
      </c>
      <c r="HL26" s="71">
        <v>7</v>
      </c>
      <c r="HM26" s="72">
        <v>79</v>
      </c>
      <c r="HN26" s="73">
        <v>119</v>
      </c>
      <c r="HO26" s="70">
        <v>56</v>
      </c>
      <c r="HP26" s="71">
        <v>58</v>
      </c>
      <c r="HQ26" s="72">
        <v>114</v>
      </c>
      <c r="HR26" s="244"/>
      <c r="HS26" s="71">
        <v>49</v>
      </c>
      <c r="HT26" s="71">
        <v>54</v>
      </c>
      <c r="HU26" s="71">
        <v>31</v>
      </c>
      <c r="HV26" s="71">
        <v>39</v>
      </c>
      <c r="HW26" s="71">
        <v>21</v>
      </c>
      <c r="HX26" s="72">
        <v>194</v>
      </c>
      <c r="HY26" s="73">
        <v>308</v>
      </c>
      <c r="HZ26" s="70">
        <v>104</v>
      </c>
      <c r="IA26" s="71">
        <v>111</v>
      </c>
      <c r="IB26" s="72">
        <v>215</v>
      </c>
      <c r="IC26" s="244"/>
      <c r="ID26" s="71">
        <v>133</v>
      </c>
      <c r="IE26" s="71">
        <v>105</v>
      </c>
      <c r="IF26" s="71">
        <v>54</v>
      </c>
      <c r="IG26" s="71">
        <v>79</v>
      </c>
      <c r="IH26" s="71">
        <v>65</v>
      </c>
      <c r="II26" s="72">
        <v>436</v>
      </c>
      <c r="IJ26" s="73">
        <v>651</v>
      </c>
      <c r="IK26" s="70">
        <v>160</v>
      </c>
      <c r="IL26" s="71">
        <v>190</v>
      </c>
      <c r="IM26" s="72">
        <v>350</v>
      </c>
      <c r="IN26" s="244"/>
      <c r="IO26" s="71">
        <v>238</v>
      </c>
      <c r="IP26" s="71">
        <v>174</v>
      </c>
      <c r="IQ26" s="71">
        <v>120</v>
      </c>
      <c r="IR26" s="71">
        <v>112</v>
      </c>
      <c r="IS26" s="71">
        <v>71</v>
      </c>
      <c r="IT26" s="72">
        <v>715</v>
      </c>
      <c r="IU26" s="73">
        <v>1065</v>
      </c>
      <c r="IV26" s="70">
        <v>118</v>
      </c>
      <c r="IW26" s="71">
        <v>153</v>
      </c>
      <c r="IX26" s="72">
        <v>271</v>
      </c>
      <c r="IY26" s="244"/>
      <c r="IZ26" s="71">
        <v>247</v>
      </c>
      <c r="JA26" s="71">
        <v>185</v>
      </c>
      <c r="JB26" s="71">
        <v>131</v>
      </c>
      <c r="JC26" s="71">
        <v>133</v>
      </c>
      <c r="JD26" s="71">
        <v>79</v>
      </c>
      <c r="JE26" s="72">
        <v>775</v>
      </c>
      <c r="JF26" s="73">
        <v>1046</v>
      </c>
      <c r="JG26" s="70">
        <v>44</v>
      </c>
      <c r="JH26" s="71">
        <v>65</v>
      </c>
      <c r="JI26" s="72">
        <v>109</v>
      </c>
      <c r="JJ26" s="244"/>
      <c r="JK26" s="71">
        <v>137</v>
      </c>
      <c r="JL26" s="71">
        <v>141</v>
      </c>
      <c r="JM26" s="71">
        <v>101</v>
      </c>
      <c r="JN26" s="71">
        <v>138</v>
      </c>
      <c r="JO26" s="71">
        <v>89</v>
      </c>
      <c r="JP26" s="72">
        <v>606</v>
      </c>
      <c r="JQ26" s="73">
        <v>715</v>
      </c>
      <c r="JR26" s="70">
        <v>6</v>
      </c>
      <c r="JS26" s="71">
        <v>16</v>
      </c>
      <c r="JT26" s="72">
        <v>22</v>
      </c>
      <c r="JU26" s="244"/>
      <c r="JV26" s="71">
        <v>12</v>
      </c>
      <c r="JW26" s="71">
        <v>23</v>
      </c>
      <c r="JX26" s="71">
        <v>12</v>
      </c>
      <c r="JY26" s="71">
        <v>8</v>
      </c>
      <c r="JZ26" s="71">
        <v>8</v>
      </c>
      <c r="KA26" s="72">
        <v>63</v>
      </c>
      <c r="KB26" s="73">
        <v>85</v>
      </c>
      <c r="KC26" s="70">
        <v>506</v>
      </c>
      <c r="KD26" s="71">
        <v>615</v>
      </c>
      <c r="KE26" s="72">
        <v>1121</v>
      </c>
      <c r="KF26" s="244"/>
      <c r="KG26" s="71">
        <v>837</v>
      </c>
      <c r="KH26" s="71">
        <v>704</v>
      </c>
      <c r="KI26" s="71">
        <v>460</v>
      </c>
      <c r="KJ26" s="71">
        <v>527</v>
      </c>
      <c r="KK26" s="71">
        <v>340</v>
      </c>
      <c r="KL26" s="72">
        <v>2868</v>
      </c>
      <c r="KM26" s="73">
        <v>3989</v>
      </c>
    </row>
    <row r="27" spans="2:299" ht="21" customHeight="1" x14ac:dyDescent="0.2">
      <c r="B27" s="126" t="s">
        <v>24</v>
      </c>
      <c r="C27" s="313">
        <v>109</v>
      </c>
      <c r="D27" s="82">
        <v>77</v>
      </c>
      <c r="E27" s="83">
        <v>186</v>
      </c>
      <c r="F27" s="241"/>
      <c r="G27" s="82">
        <v>154</v>
      </c>
      <c r="H27" s="82">
        <v>97</v>
      </c>
      <c r="I27" s="82">
        <v>67</v>
      </c>
      <c r="J27" s="82">
        <v>64</v>
      </c>
      <c r="K27" s="82">
        <v>53</v>
      </c>
      <c r="L27" s="84">
        <v>435</v>
      </c>
      <c r="M27" s="85">
        <v>621</v>
      </c>
      <c r="N27" s="70">
        <v>2</v>
      </c>
      <c r="O27" s="71">
        <v>3</v>
      </c>
      <c r="P27" s="72">
        <v>5</v>
      </c>
      <c r="Q27" s="244"/>
      <c r="R27" s="71">
        <v>6</v>
      </c>
      <c r="S27" s="71">
        <v>4</v>
      </c>
      <c r="T27" s="71">
        <v>0</v>
      </c>
      <c r="U27" s="71">
        <v>1</v>
      </c>
      <c r="V27" s="71">
        <v>3</v>
      </c>
      <c r="W27" s="72">
        <v>14</v>
      </c>
      <c r="X27" s="73">
        <v>19</v>
      </c>
      <c r="Y27" s="70">
        <v>7</v>
      </c>
      <c r="Z27" s="71">
        <v>6</v>
      </c>
      <c r="AA27" s="72">
        <v>13</v>
      </c>
      <c r="AB27" s="244"/>
      <c r="AC27" s="71">
        <v>12</v>
      </c>
      <c r="AD27" s="71">
        <v>13</v>
      </c>
      <c r="AE27" s="71">
        <v>4</v>
      </c>
      <c r="AF27" s="71">
        <v>7</v>
      </c>
      <c r="AG27" s="71">
        <v>8</v>
      </c>
      <c r="AH27" s="72">
        <v>44</v>
      </c>
      <c r="AI27" s="73">
        <v>57</v>
      </c>
      <c r="AJ27" s="70">
        <v>13</v>
      </c>
      <c r="AK27" s="71">
        <v>11</v>
      </c>
      <c r="AL27" s="72">
        <v>24</v>
      </c>
      <c r="AM27" s="244"/>
      <c r="AN27" s="71">
        <v>23</v>
      </c>
      <c r="AO27" s="71">
        <v>12</v>
      </c>
      <c r="AP27" s="71">
        <v>12</v>
      </c>
      <c r="AQ27" s="71">
        <v>6</v>
      </c>
      <c r="AR27" s="71">
        <v>4</v>
      </c>
      <c r="AS27" s="72">
        <v>57</v>
      </c>
      <c r="AT27" s="73">
        <v>81</v>
      </c>
      <c r="AU27" s="70">
        <v>24</v>
      </c>
      <c r="AV27" s="71">
        <v>14</v>
      </c>
      <c r="AW27" s="72">
        <v>38</v>
      </c>
      <c r="AX27" s="244"/>
      <c r="AY27" s="71">
        <v>42</v>
      </c>
      <c r="AZ27" s="71">
        <v>15</v>
      </c>
      <c r="BA27" s="71">
        <v>18</v>
      </c>
      <c r="BB27" s="71">
        <v>15</v>
      </c>
      <c r="BC27" s="71">
        <v>18</v>
      </c>
      <c r="BD27" s="72">
        <v>108</v>
      </c>
      <c r="BE27" s="73">
        <v>146</v>
      </c>
      <c r="BF27" s="70">
        <v>30</v>
      </c>
      <c r="BG27" s="71">
        <v>26</v>
      </c>
      <c r="BH27" s="72">
        <v>56</v>
      </c>
      <c r="BI27" s="244"/>
      <c r="BJ27" s="71">
        <v>40</v>
      </c>
      <c r="BK27" s="71">
        <v>29</v>
      </c>
      <c r="BL27" s="71">
        <v>16</v>
      </c>
      <c r="BM27" s="71">
        <v>22</v>
      </c>
      <c r="BN27" s="71">
        <v>7</v>
      </c>
      <c r="BO27" s="72">
        <v>114</v>
      </c>
      <c r="BP27" s="73">
        <v>170</v>
      </c>
      <c r="BQ27" s="70">
        <v>33</v>
      </c>
      <c r="BR27" s="71">
        <v>17</v>
      </c>
      <c r="BS27" s="72">
        <v>50</v>
      </c>
      <c r="BT27" s="244"/>
      <c r="BU27" s="71">
        <v>31</v>
      </c>
      <c r="BV27" s="71">
        <v>24</v>
      </c>
      <c r="BW27" s="71">
        <v>17</v>
      </c>
      <c r="BX27" s="71">
        <v>13</v>
      </c>
      <c r="BY27" s="71">
        <v>13</v>
      </c>
      <c r="BZ27" s="72">
        <v>98</v>
      </c>
      <c r="CA27" s="73">
        <v>148</v>
      </c>
      <c r="CB27" s="70">
        <v>4</v>
      </c>
      <c r="CC27" s="71">
        <v>2</v>
      </c>
      <c r="CD27" s="72">
        <v>6</v>
      </c>
      <c r="CE27" s="244"/>
      <c r="CF27" s="71">
        <v>4</v>
      </c>
      <c r="CG27" s="71">
        <v>5</v>
      </c>
      <c r="CH27" s="71">
        <v>1</v>
      </c>
      <c r="CI27" s="71">
        <v>3</v>
      </c>
      <c r="CJ27" s="71">
        <v>2</v>
      </c>
      <c r="CK27" s="72">
        <v>15</v>
      </c>
      <c r="CL27" s="73">
        <v>21</v>
      </c>
      <c r="CM27" s="70">
        <v>113</v>
      </c>
      <c r="CN27" s="71">
        <v>79</v>
      </c>
      <c r="CO27" s="72">
        <v>192</v>
      </c>
      <c r="CP27" s="244"/>
      <c r="CQ27" s="71">
        <v>158</v>
      </c>
      <c r="CR27" s="71">
        <v>102</v>
      </c>
      <c r="CS27" s="71">
        <v>68</v>
      </c>
      <c r="CT27" s="71">
        <v>67</v>
      </c>
      <c r="CU27" s="71">
        <v>55</v>
      </c>
      <c r="CV27" s="72">
        <v>450</v>
      </c>
      <c r="CW27" s="73">
        <v>642</v>
      </c>
      <c r="CX27" s="123">
        <v>217</v>
      </c>
      <c r="CY27" s="82">
        <v>165</v>
      </c>
      <c r="CZ27" s="83">
        <v>382</v>
      </c>
      <c r="DA27" s="241"/>
      <c r="DB27" s="82">
        <v>274</v>
      </c>
      <c r="DC27" s="82">
        <v>179</v>
      </c>
      <c r="DD27" s="82">
        <v>168</v>
      </c>
      <c r="DE27" s="82">
        <v>176</v>
      </c>
      <c r="DF27" s="82">
        <v>113</v>
      </c>
      <c r="DG27" s="84">
        <v>910</v>
      </c>
      <c r="DH27" s="85">
        <v>1292</v>
      </c>
      <c r="DI27" s="70">
        <v>5</v>
      </c>
      <c r="DJ27" s="71">
        <v>3</v>
      </c>
      <c r="DK27" s="72">
        <v>8</v>
      </c>
      <c r="DL27" s="244"/>
      <c r="DM27" s="71">
        <v>1</v>
      </c>
      <c r="DN27" s="71">
        <v>2</v>
      </c>
      <c r="DO27" s="71">
        <v>3</v>
      </c>
      <c r="DP27" s="71">
        <v>2</v>
      </c>
      <c r="DQ27" s="71">
        <v>2</v>
      </c>
      <c r="DR27" s="72">
        <v>10</v>
      </c>
      <c r="DS27" s="73">
        <v>18</v>
      </c>
      <c r="DT27" s="70">
        <v>12</v>
      </c>
      <c r="DU27" s="71">
        <v>5</v>
      </c>
      <c r="DV27" s="72">
        <v>17</v>
      </c>
      <c r="DW27" s="244"/>
      <c r="DX27" s="71">
        <v>9</v>
      </c>
      <c r="DY27" s="71">
        <v>5</v>
      </c>
      <c r="DZ27" s="71">
        <v>7</v>
      </c>
      <c r="EA27" s="71">
        <v>8</v>
      </c>
      <c r="EB27" s="71">
        <v>1</v>
      </c>
      <c r="EC27" s="72">
        <v>30</v>
      </c>
      <c r="ED27" s="73">
        <v>47</v>
      </c>
      <c r="EE27" s="70">
        <v>25</v>
      </c>
      <c r="EF27" s="71">
        <v>29</v>
      </c>
      <c r="EG27" s="72">
        <v>54</v>
      </c>
      <c r="EH27" s="244"/>
      <c r="EI27" s="71">
        <v>22</v>
      </c>
      <c r="EJ27" s="71">
        <v>18</v>
      </c>
      <c r="EK27" s="71">
        <v>14</v>
      </c>
      <c r="EL27" s="71">
        <v>10</v>
      </c>
      <c r="EM27" s="71">
        <v>7</v>
      </c>
      <c r="EN27" s="72">
        <v>71</v>
      </c>
      <c r="EO27" s="73">
        <v>125</v>
      </c>
      <c r="EP27" s="70">
        <v>60</v>
      </c>
      <c r="EQ27" s="71">
        <v>40</v>
      </c>
      <c r="ER27" s="72">
        <v>100</v>
      </c>
      <c r="ES27" s="244"/>
      <c r="ET27" s="71">
        <v>68</v>
      </c>
      <c r="EU27" s="71">
        <v>38</v>
      </c>
      <c r="EV27" s="71">
        <v>24</v>
      </c>
      <c r="EW27" s="71">
        <v>29</v>
      </c>
      <c r="EX27" s="71">
        <v>18</v>
      </c>
      <c r="EY27" s="72">
        <v>177</v>
      </c>
      <c r="EZ27" s="73">
        <v>277</v>
      </c>
      <c r="FA27" s="70">
        <v>73</v>
      </c>
      <c r="FB27" s="71">
        <v>50</v>
      </c>
      <c r="FC27" s="72">
        <v>123</v>
      </c>
      <c r="FD27" s="244"/>
      <c r="FE27" s="71">
        <v>86</v>
      </c>
      <c r="FF27" s="71">
        <v>51</v>
      </c>
      <c r="FG27" s="71">
        <v>40</v>
      </c>
      <c r="FH27" s="71">
        <v>41</v>
      </c>
      <c r="FI27" s="71">
        <v>29</v>
      </c>
      <c r="FJ27" s="72">
        <v>247</v>
      </c>
      <c r="FK27" s="73">
        <v>370</v>
      </c>
      <c r="FL27" s="70">
        <v>42</v>
      </c>
      <c r="FM27" s="71">
        <v>38</v>
      </c>
      <c r="FN27" s="72">
        <v>80</v>
      </c>
      <c r="FO27" s="244"/>
      <c r="FP27" s="71">
        <v>88</v>
      </c>
      <c r="FQ27" s="71">
        <v>65</v>
      </c>
      <c r="FR27" s="71">
        <v>80</v>
      </c>
      <c r="FS27" s="71">
        <v>86</v>
      </c>
      <c r="FT27" s="71">
        <v>56</v>
      </c>
      <c r="FU27" s="72">
        <v>375</v>
      </c>
      <c r="FV27" s="73">
        <v>455</v>
      </c>
      <c r="FW27" s="70">
        <v>2</v>
      </c>
      <c r="FX27" s="71">
        <v>2</v>
      </c>
      <c r="FY27" s="72">
        <v>4</v>
      </c>
      <c r="FZ27" s="244"/>
      <c r="GA27" s="71">
        <v>1</v>
      </c>
      <c r="GB27" s="71">
        <v>2</v>
      </c>
      <c r="GC27" s="71">
        <v>3</v>
      </c>
      <c r="GD27" s="71">
        <v>2</v>
      </c>
      <c r="GE27" s="71">
        <v>4</v>
      </c>
      <c r="GF27" s="72">
        <v>12</v>
      </c>
      <c r="GG27" s="73">
        <v>16</v>
      </c>
      <c r="GH27" s="70">
        <v>219</v>
      </c>
      <c r="GI27" s="71">
        <v>167</v>
      </c>
      <c r="GJ27" s="72">
        <v>386</v>
      </c>
      <c r="GK27" s="244"/>
      <c r="GL27" s="71">
        <v>275</v>
      </c>
      <c r="GM27" s="71">
        <v>181</v>
      </c>
      <c r="GN27" s="71">
        <v>171</v>
      </c>
      <c r="GO27" s="71">
        <v>178</v>
      </c>
      <c r="GP27" s="71">
        <v>117</v>
      </c>
      <c r="GQ27" s="72">
        <v>922</v>
      </c>
      <c r="GR27" s="73">
        <v>1308</v>
      </c>
      <c r="GS27" s="123">
        <v>326</v>
      </c>
      <c r="GT27" s="82">
        <v>242</v>
      </c>
      <c r="GU27" s="83">
        <v>568</v>
      </c>
      <c r="GV27" s="241"/>
      <c r="GW27" s="82">
        <v>428</v>
      </c>
      <c r="GX27" s="82">
        <v>276</v>
      </c>
      <c r="GY27" s="82">
        <v>235</v>
      </c>
      <c r="GZ27" s="82">
        <v>240</v>
      </c>
      <c r="HA27" s="82">
        <v>166</v>
      </c>
      <c r="HB27" s="84">
        <v>1345</v>
      </c>
      <c r="HC27" s="85">
        <v>1913</v>
      </c>
      <c r="HD27" s="70">
        <v>7</v>
      </c>
      <c r="HE27" s="71">
        <v>6</v>
      </c>
      <c r="HF27" s="72">
        <v>13</v>
      </c>
      <c r="HG27" s="244"/>
      <c r="HH27" s="71">
        <v>7</v>
      </c>
      <c r="HI27" s="71">
        <v>6</v>
      </c>
      <c r="HJ27" s="71">
        <v>3</v>
      </c>
      <c r="HK27" s="71">
        <v>3</v>
      </c>
      <c r="HL27" s="71">
        <v>5</v>
      </c>
      <c r="HM27" s="72">
        <v>24</v>
      </c>
      <c r="HN27" s="73">
        <v>37</v>
      </c>
      <c r="HO27" s="70">
        <v>19</v>
      </c>
      <c r="HP27" s="71">
        <v>11</v>
      </c>
      <c r="HQ27" s="72">
        <v>30</v>
      </c>
      <c r="HR27" s="244"/>
      <c r="HS27" s="71">
        <v>21</v>
      </c>
      <c r="HT27" s="71">
        <v>18</v>
      </c>
      <c r="HU27" s="71">
        <v>11</v>
      </c>
      <c r="HV27" s="71">
        <v>15</v>
      </c>
      <c r="HW27" s="71">
        <v>9</v>
      </c>
      <c r="HX27" s="72">
        <v>74</v>
      </c>
      <c r="HY27" s="73">
        <v>104</v>
      </c>
      <c r="HZ27" s="70">
        <v>38</v>
      </c>
      <c r="IA27" s="71">
        <v>40</v>
      </c>
      <c r="IB27" s="72">
        <v>78</v>
      </c>
      <c r="IC27" s="244"/>
      <c r="ID27" s="71">
        <v>45</v>
      </c>
      <c r="IE27" s="71">
        <v>30</v>
      </c>
      <c r="IF27" s="71">
        <v>26</v>
      </c>
      <c r="IG27" s="71">
        <v>16</v>
      </c>
      <c r="IH27" s="71">
        <v>11</v>
      </c>
      <c r="II27" s="72">
        <v>128</v>
      </c>
      <c r="IJ27" s="73">
        <v>206</v>
      </c>
      <c r="IK27" s="70">
        <v>84</v>
      </c>
      <c r="IL27" s="71">
        <v>54</v>
      </c>
      <c r="IM27" s="72">
        <v>138</v>
      </c>
      <c r="IN27" s="244"/>
      <c r="IO27" s="71">
        <v>110</v>
      </c>
      <c r="IP27" s="71">
        <v>53</v>
      </c>
      <c r="IQ27" s="71">
        <v>42</v>
      </c>
      <c r="IR27" s="71">
        <v>44</v>
      </c>
      <c r="IS27" s="71">
        <v>36</v>
      </c>
      <c r="IT27" s="72">
        <v>285</v>
      </c>
      <c r="IU27" s="73">
        <v>423</v>
      </c>
      <c r="IV27" s="70">
        <v>103</v>
      </c>
      <c r="IW27" s="71">
        <v>76</v>
      </c>
      <c r="IX27" s="72">
        <v>179</v>
      </c>
      <c r="IY27" s="244"/>
      <c r="IZ27" s="71">
        <v>126</v>
      </c>
      <c r="JA27" s="71">
        <v>80</v>
      </c>
      <c r="JB27" s="71">
        <v>56</v>
      </c>
      <c r="JC27" s="71">
        <v>63</v>
      </c>
      <c r="JD27" s="71">
        <v>36</v>
      </c>
      <c r="JE27" s="72">
        <v>361</v>
      </c>
      <c r="JF27" s="73">
        <v>540</v>
      </c>
      <c r="JG27" s="70">
        <v>75</v>
      </c>
      <c r="JH27" s="71">
        <v>55</v>
      </c>
      <c r="JI27" s="72">
        <v>130</v>
      </c>
      <c r="JJ27" s="244"/>
      <c r="JK27" s="71">
        <v>119</v>
      </c>
      <c r="JL27" s="71">
        <v>89</v>
      </c>
      <c r="JM27" s="71">
        <v>97</v>
      </c>
      <c r="JN27" s="71">
        <v>99</v>
      </c>
      <c r="JO27" s="71">
        <v>69</v>
      </c>
      <c r="JP27" s="72">
        <v>473</v>
      </c>
      <c r="JQ27" s="73">
        <v>603</v>
      </c>
      <c r="JR27" s="70">
        <v>6</v>
      </c>
      <c r="JS27" s="71">
        <v>4</v>
      </c>
      <c r="JT27" s="72">
        <v>10</v>
      </c>
      <c r="JU27" s="244"/>
      <c r="JV27" s="71">
        <v>5</v>
      </c>
      <c r="JW27" s="71">
        <v>7</v>
      </c>
      <c r="JX27" s="71">
        <v>4</v>
      </c>
      <c r="JY27" s="71">
        <v>5</v>
      </c>
      <c r="JZ27" s="71">
        <v>6</v>
      </c>
      <c r="KA27" s="72">
        <v>27</v>
      </c>
      <c r="KB27" s="73">
        <v>37</v>
      </c>
      <c r="KC27" s="70">
        <v>332</v>
      </c>
      <c r="KD27" s="71">
        <v>246</v>
      </c>
      <c r="KE27" s="72">
        <v>578</v>
      </c>
      <c r="KF27" s="244"/>
      <c r="KG27" s="71">
        <v>433</v>
      </c>
      <c r="KH27" s="71">
        <v>283</v>
      </c>
      <c r="KI27" s="71">
        <v>239</v>
      </c>
      <c r="KJ27" s="71">
        <v>245</v>
      </c>
      <c r="KK27" s="71">
        <v>172</v>
      </c>
      <c r="KL27" s="72">
        <v>1372</v>
      </c>
      <c r="KM27" s="73">
        <v>1950</v>
      </c>
    </row>
    <row r="28" spans="2:299" ht="21" customHeight="1" x14ac:dyDescent="0.2">
      <c r="B28" s="126" t="s">
        <v>25</v>
      </c>
      <c r="C28" s="313">
        <v>114</v>
      </c>
      <c r="D28" s="82">
        <v>110</v>
      </c>
      <c r="E28" s="83">
        <v>224</v>
      </c>
      <c r="F28" s="241"/>
      <c r="G28" s="82">
        <v>199</v>
      </c>
      <c r="H28" s="82">
        <v>140</v>
      </c>
      <c r="I28" s="82">
        <v>98</v>
      </c>
      <c r="J28" s="82">
        <v>115</v>
      </c>
      <c r="K28" s="82">
        <v>61</v>
      </c>
      <c r="L28" s="84">
        <v>613</v>
      </c>
      <c r="M28" s="85">
        <v>837</v>
      </c>
      <c r="N28" s="70">
        <v>4</v>
      </c>
      <c r="O28" s="71">
        <v>6</v>
      </c>
      <c r="P28" s="72">
        <v>10</v>
      </c>
      <c r="Q28" s="244"/>
      <c r="R28" s="71">
        <v>7</v>
      </c>
      <c r="S28" s="71">
        <v>9</v>
      </c>
      <c r="T28" s="71">
        <v>2</v>
      </c>
      <c r="U28" s="71">
        <v>4</v>
      </c>
      <c r="V28" s="71">
        <v>4</v>
      </c>
      <c r="W28" s="72">
        <v>26</v>
      </c>
      <c r="X28" s="73">
        <v>36</v>
      </c>
      <c r="Y28" s="70">
        <v>12</v>
      </c>
      <c r="Z28" s="71">
        <v>12</v>
      </c>
      <c r="AA28" s="72">
        <v>24</v>
      </c>
      <c r="AB28" s="244"/>
      <c r="AC28" s="71">
        <v>23</v>
      </c>
      <c r="AD28" s="71">
        <v>18</v>
      </c>
      <c r="AE28" s="71">
        <v>9</v>
      </c>
      <c r="AF28" s="71">
        <v>14</v>
      </c>
      <c r="AG28" s="71">
        <v>4</v>
      </c>
      <c r="AH28" s="72">
        <v>68</v>
      </c>
      <c r="AI28" s="73">
        <v>92</v>
      </c>
      <c r="AJ28" s="70">
        <v>22</v>
      </c>
      <c r="AK28" s="71">
        <v>23</v>
      </c>
      <c r="AL28" s="72">
        <v>45</v>
      </c>
      <c r="AM28" s="244"/>
      <c r="AN28" s="71">
        <v>33</v>
      </c>
      <c r="AO28" s="71">
        <v>27</v>
      </c>
      <c r="AP28" s="71">
        <v>14</v>
      </c>
      <c r="AQ28" s="71">
        <v>21</v>
      </c>
      <c r="AR28" s="71">
        <v>8</v>
      </c>
      <c r="AS28" s="72">
        <v>103</v>
      </c>
      <c r="AT28" s="73">
        <v>148</v>
      </c>
      <c r="AU28" s="70">
        <v>36</v>
      </c>
      <c r="AV28" s="71">
        <v>31</v>
      </c>
      <c r="AW28" s="72">
        <v>67</v>
      </c>
      <c r="AX28" s="244"/>
      <c r="AY28" s="71">
        <v>65</v>
      </c>
      <c r="AZ28" s="71">
        <v>35</v>
      </c>
      <c r="BA28" s="71">
        <v>28</v>
      </c>
      <c r="BB28" s="71">
        <v>38</v>
      </c>
      <c r="BC28" s="71">
        <v>20</v>
      </c>
      <c r="BD28" s="72">
        <v>186</v>
      </c>
      <c r="BE28" s="73">
        <v>253</v>
      </c>
      <c r="BF28" s="70">
        <v>30</v>
      </c>
      <c r="BG28" s="71">
        <v>28</v>
      </c>
      <c r="BH28" s="72">
        <v>58</v>
      </c>
      <c r="BI28" s="244"/>
      <c r="BJ28" s="71">
        <v>44</v>
      </c>
      <c r="BK28" s="71">
        <v>35</v>
      </c>
      <c r="BL28" s="71">
        <v>30</v>
      </c>
      <c r="BM28" s="71">
        <v>22</v>
      </c>
      <c r="BN28" s="71">
        <v>13</v>
      </c>
      <c r="BO28" s="72">
        <v>144</v>
      </c>
      <c r="BP28" s="73">
        <v>202</v>
      </c>
      <c r="BQ28" s="70">
        <v>10</v>
      </c>
      <c r="BR28" s="71">
        <v>10</v>
      </c>
      <c r="BS28" s="72">
        <v>20</v>
      </c>
      <c r="BT28" s="244"/>
      <c r="BU28" s="71">
        <v>27</v>
      </c>
      <c r="BV28" s="71">
        <v>16</v>
      </c>
      <c r="BW28" s="71">
        <v>15</v>
      </c>
      <c r="BX28" s="71">
        <v>16</v>
      </c>
      <c r="BY28" s="71">
        <v>12</v>
      </c>
      <c r="BZ28" s="72">
        <v>86</v>
      </c>
      <c r="CA28" s="73">
        <v>106</v>
      </c>
      <c r="CB28" s="70">
        <v>0</v>
      </c>
      <c r="CC28" s="71">
        <v>2</v>
      </c>
      <c r="CD28" s="72">
        <v>2</v>
      </c>
      <c r="CE28" s="244"/>
      <c r="CF28" s="71">
        <v>3</v>
      </c>
      <c r="CG28" s="71">
        <v>10</v>
      </c>
      <c r="CH28" s="71">
        <v>1</v>
      </c>
      <c r="CI28" s="71">
        <v>5</v>
      </c>
      <c r="CJ28" s="71">
        <v>3</v>
      </c>
      <c r="CK28" s="72">
        <v>22</v>
      </c>
      <c r="CL28" s="73">
        <v>24</v>
      </c>
      <c r="CM28" s="70">
        <v>114</v>
      </c>
      <c r="CN28" s="71">
        <v>112</v>
      </c>
      <c r="CO28" s="72">
        <v>226</v>
      </c>
      <c r="CP28" s="244"/>
      <c r="CQ28" s="71">
        <v>202</v>
      </c>
      <c r="CR28" s="71">
        <v>150</v>
      </c>
      <c r="CS28" s="71">
        <v>99</v>
      </c>
      <c r="CT28" s="71">
        <v>120</v>
      </c>
      <c r="CU28" s="71">
        <v>64</v>
      </c>
      <c r="CV28" s="72">
        <v>635</v>
      </c>
      <c r="CW28" s="73">
        <v>861</v>
      </c>
      <c r="CX28" s="123">
        <v>195</v>
      </c>
      <c r="CY28" s="82">
        <v>211</v>
      </c>
      <c r="CZ28" s="83">
        <v>406</v>
      </c>
      <c r="DA28" s="241"/>
      <c r="DB28" s="82">
        <v>299</v>
      </c>
      <c r="DC28" s="82">
        <v>205</v>
      </c>
      <c r="DD28" s="82">
        <v>177</v>
      </c>
      <c r="DE28" s="82">
        <v>183</v>
      </c>
      <c r="DF28" s="82">
        <v>103</v>
      </c>
      <c r="DG28" s="84">
        <v>967</v>
      </c>
      <c r="DH28" s="85">
        <v>1373</v>
      </c>
      <c r="DI28" s="70">
        <v>3</v>
      </c>
      <c r="DJ28" s="71">
        <v>3</v>
      </c>
      <c r="DK28" s="72">
        <v>6</v>
      </c>
      <c r="DL28" s="244"/>
      <c r="DM28" s="71">
        <v>7</v>
      </c>
      <c r="DN28" s="71">
        <v>7</v>
      </c>
      <c r="DO28" s="71">
        <v>4</v>
      </c>
      <c r="DP28" s="71">
        <v>4</v>
      </c>
      <c r="DQ28" s="71">
        <v>2</v>
      </c>
      <c r="DR28" s="72">
        <v>24</v>
      </c>
      <c r="DS28" s="73">
        <v>30</v>
      </c>
      <c r="DT28" s="70">
        <v>24</v>
      </c>
      <c r="DU28" s="71">
        <v>17</v>
      </c>
      <c r="DV28" s="72">
        <v>41</v>
      </c>
      <c r="DW28" s="244"/>
      <c r="DX28" s="71">
        <v>19</v>
      </c>
      <c r="DY28" s="71">
        <v>18</v>
      </c>
      <c r="DZ28" s="71">
        <v>10</v>
      </c>
      <c r="EA28" s="71">
        <v>6</v>
      </c>
      <c r="EB28" s="71">
        <v>10</v>
      </c>
      <c r="EC28" s="72">
        <v>63</v>
      </c>
      <c r="ED28" s="73">
        <v>104</v>
      </c>
      <c r="EE28" s="70">
        <v>31</v>
      </c>
      <c r="EF28" s="71">
        <v>27</v>
      </c>
      <c r="EG28" s="72">
        <v>58</v>
      </c>
      <c r="EH28" s="244"/>
      <c r="EI28" s="71">
        <v>49</v>
      </c>
      <c r="EJ28" s="71">
        <v>26</v>
      </c>
      <c r="EK28" s="71">
        <v>25</v>
      </c>
      <c r="EL28" s="71">
        <v>25</v>
      </c>
      <c r="EM28" s="71">
        <v>16</v>
      </c>
      <c r="EN28" s="72">
        <v>141</v>
      </c>
      <c r="EO28" s="73">
        <v>199</v>
      </c>
      <c r="EP28" s="70">
        <v>59</v>
      </c>
      <c r="EQ28" s="71">
        <v>63</v>
      </c>
      <c r="ER28" s="72">
        <v>122</v>
      </c>
      <c r="ES28" s="244"/>
      <c r="ET28" s="71">
        <v>74</v>
      </c>
      <c r="EU28" s="71">
        <v>39</v>
      </c>
      <c r="EV28" s="71">
        <v>42</v>
      </c>
      <c r="EW28" s="71">
        <v>35</v>
      </c>
      <c r="EX28" s="71">
        <v>15</v>
      </c>
      <c r="EY28" s="72">
        <v>205</v>
      </c>
      <c r="EZ28" s="73">
        <v>327</v>
      </c>
      <c r="FA28" s="70">
        <v>52</v>
      </c>
      <c r="FB28" s="71">
        <v>58</v>
      </c>
      <c r="FC28" s="72">
        <v>110</v>
      </c>
      <c r="FD28" s="244"/>
      <c r="FE28" s="71">
        <v>82</v>
      </c>
      <c r="FF28" s="71">
        <v>62</v>
      </c>
      <c r="FG28" s="71">
        <v>51</v>
      </c>
      <c r="FH28" s="71">
        <v>44</v>
      </c>
      <c r="FI28" s="71">
        <v>25</v>
      </c>
      <c r="FJ28" s="72">
        <v>264</v>
      </c>
      <c r="FK28" s="73">
        <v>374</v>
      </c>
      <c r="FL28" s="70">
        <v>26</v>
      </c>
      <c r="FM28" s="71">
        <v>43</v>
      </c>
      <c r="FN28" s="72">
        <v>69</v>
      </c>
      <c r="FO28" s="244"/>
      <c r="FP28" s="71">
        <v>68</v>
      </c>
      <c r="FQ28" s="71">
        <v>53</v>
      </c>
      <c r="FR28" s="71">
        <v>45</v>
      </c>
      <c r="FS28" s="71">
        <v>69</v>
      </c>
      <c r="FT28" s="71">
        <v>35</v>
      </c>
      <c r="FU28" s="72">
        <v>270</v>
      </c>
      <c r="FV28" s="73">
        <v>339</v>
      </c>
      <c r="FW28" s="70">
        <v>2</v>
      </c>
      <c r="FX28" s="71">
        <v>5</v>
      </c>
      <c r="FY28" s="72">
        <v>7</v>
      </c>
      <c r="FZ28" s="244"/>
      <c r="GA28" s="71">
        <v>3</v>
      </c>
      <c r="GB28" s="71">
        <v>2</v>
      </c>
      <c r="GC28" s="71">
        <v>3</v>
      </c>
      <c r="GD28" s="71">
        <v>1</v>
      </c>
      <c r="GE28" s="71">
        <v>6</v>
      </c>
      <c r="GF28" s="72">
        <v>15</v>
      </c>
      <c r="GG28" s="73">
        <v>22</v>
      </c>
      <c r="GH28" s="70">
        <v>197</v>
      </c>
      <c r="GI28" s="71">
        <v>216</v>
      </c>
      <c r="GJ28" s="72">
        <v>413</v>
      </c>
      <c r="GK28" s="244"/>
      <c r="GL28" s="71">
        <v>302</v>
      </c>
      <c r="GM28" s="71">
        <v>207</v>
      </c>
      <c r="GN28" s="71">
        <v>180</v>
      </c>
      <c r="GO28" s="71">
        <v>184</v>
      </c>
      <c r="GP28" s="71">
        <v>109</v>
      </c>
      <c r="GQ28" s="72">
        <v>982</v>
      </c>
      <c r="GR28" s="73">
        <v>1395</v>
      </c>
      <c r="GS28" s="123">
        <v>309</v>
      </c>
      <c r="GT28" s="82">
        <v>321</v>
      </c>
      <c r="GU28" s="83">
        <v>630</v>
      </c>
      <c r="GV28" s="241"/>
      <c r="GW28" s="82">
        <v>498</v>
      </c>
      <c r="GX28" s="82">
        <v>345</v>
      </c>
      <c r="GY28" s="82">
        <v>275</v>
      </c>
      <c r="GZ28" s="82">
        <v>298</v>
      </c>
      <c r="HA28" s="82">
        <v>164</v>
      </c>
      <c r="HB28" s="84">
        <v>1580</v>
      </c>
      <c r="HC28" s="85">
        <v>2210</v>
      </c>
      <c r="HD28" s="70">
        <v>7</v>
      </c>
      <c r="HE28" s="71">
        <v>9</v>
      </c>
      <c r="HF28" s="72">
        <v>16</v>
      </c>
      <c r="HG28" s="244"/>
      <c r="HH28" s="71">
        <v>14</v>
      </c>
      <c r="HI28" s="71">
        <v>16</v>
      </c>
      <c r="HJ28" s="71">
        <v>6</v>
      </c>
      <c r="HK28" s="71">
        <v>8</v>
      </c>
      <c r="HL28" s="71">
        <v>6</v>
      </c>
      <c r="HM28" s="72">
        <v>50</v>
      </c>
      <c r="HN28" s="73">
        <v>66</v>
      </c>
      <c r="HO28" s="70">
        <v>36</v>
      </c>
      <c r="HP28" s="71">
        <v>29</v>
      </c>
      <c r="HQ28" s="72">
        <v>65</v>
      </c>
      <c r="HR28" s="244"/>
      <c r="HS28" s="71">
        <v>42</v>
      </c>
      <c r="HT28" s="71">
        <v>36</v>
      </c>
      <c r="HU28" s="71">
        <v>19</v>
      </c>
      <c r="HV28" s="71">
        <v>20</v>
      </c>
      <c r="HW28" s="71">
        <v>14</v>
      </c>
      <c r="HX28" s="72">
        <v>131</v>
      </c>
      <c r="HY28" s="73">
        <v>196</v>
      </c>
      <c r="HZ28" s="70">
        <v>53</v>
      </c>
      <c r="IA28" s="71">
        <v>50</v>
      </c>
      <c r="IB28" s="72">
        <v>103</v>
      </c>
      <c r="IC28" s="244"/>
      <c r="ID28" s="71">
        <v>82</v>
      </c>
      <c r="IE28" s="71">
        <v>53</v>
      </c>
      <c r="IF28" s="71">
        <v>39</v>
      </c>
      <c r="IG28" s="71">
        <v>46</v>
      </c>
      <c r="IH28" s="71">
        <v>24</v>
      </c>
      <c r="II28" s="72">
        <v>244</v>
      </c>
      <c r="IJ28" s="73">
        <v>347</v>
      </c>
      <c r="IK28" s="70">
        <v>95</v>
      </c>
      <c r="IL28" s="71">
        <v>94</v>
      </c>
      <c r="IM28" s="72">
        <v>189</v>
      </c>
      <c r="IN28" s="244"/>
      <c r="IO28" s="71">
        <v>139</v>
      </c>
      <c r="IP28" s="71">
        <v>74</v>
      </c>
      <c r="IQ28" s="71">
        <v>70</v>
      </c>
      <c r="IR28" s="71">
        <v>73</v>
      </c>
      <c r="IS28" s="71">
        <v>35</v>
      </c>
      <c r="IT28" s="72">
        <v>391</v>
      </c>
      <c r="IU28" s="73">
        <v>580</v>
      </c>
      <c r="IV28" s="70">
        <v>82</v>
      </c>
      <c r="IW28" s="71">
        <v>86</v>
      </c>
      <c r="IX28" s="72">
        <v>168</v>
      </c>
      <c r="IY28" s="244"/>
      <c r="IZ28" s="71">
        <v>126</v>
      </c>
      <c r="JA28" s="71">
        <v>97</v>
      </c>
      <c r="JB28" s="71">
        <v>81</v>
      </c>
      <c r="JC28" s="71">
        <v>66</v>
      </c>
      <c r="JD28" s="71">
        <v>38</v>
      </c>
      <c r="JE28" s="72">
        <v>408</v>
      </c>
      <c r="JF28" s="73">
        <v>576</v>
      </c>
      <c r="JG28" s="70">
        <v>36</v>
      </c>
      <c r="JH28" s="71">
        <v>53</v>
      </c>
      <c r="JI28" s="72">
        <v>89</v>
      </c>
      <c r="JJ28" s="244"/>
      <c r="JK28" s="71">
        <v>95</v>
      </c>
      <c r="JL28" s="71">
        <v>69</v>
      </c>
      <c r="JM28" s="71">
        <v>60</v>
      </c>
      <c r="JN28" s="71">
        <v>85</v>
      </c>
      <c r="JO28" s="71">
        <v>47</v>
      </c>
      <c r="JP28" s="72">
        <v>356</v>
      </c>
      <c r="JQ28" s="73">
        <v>445</v>
      </c>
      <c r="JR28" s="70">
        <v>2</v>
      </c>
      <c r="JS28" s="71">
        <v>7</v>
      </c>
      <c r="JT28" s="72">
        <v>9</v>
      </c>
      <c r="JU28" s="244"/>
      <c r="JV28" s="71">
        <v>6</v>
      </c>
      <c r="JW28" s="71">
        <v>12</v>
      </c>
      <c r="JX28" s="71">
        <v>4</v>
      </c>
      <c r="JY28" s="71">
        <v>6</v>
      </c>
      <c r="JZ28" s="71">
        <v>9</v>
      </c>
      <c r="KA28" s="72">
        <v>37</v>
      </c>
      <c r="KB28" s="73">
        <v>46</v>
      </c>
      <c r="KC28" s="70">
        <v>311</v>
      </c>
      <c r="KD28" s="71">
        <v>328</v>
      </c>
      <c r="KE28" s="72">
        <v>639</v>
      </c>
      <c r="KF28" s="244"/>
      <c r="KG28" s="71">
        <v>504</v>
      </c>
      <c r="KH28" s="71">
        <v>357</v>
      </c>
      <c r="KI28" s="71">
        <v>279</v>
      </c>
      <c r="KJ28" s="71">
        <v>304</v>
      </c>
      <c r="KK28" s="71">
        <v>173</v>
      </c>
      <c r="KL28" s="72">
        <v>1617</v>
      </c>
      <c r="KM28" s="73">
        <v>2256</v>
      </c>
    </row>
    <row r="29" spans="2:299" ht="21" customHeight="1" x14ac:dyDescent="0.2">
      <c r="B29" s="126" t="s">
        <v>26</v>
      </c>
      <c r="C29" s="313">
        <v>91</v>
      </c>
      <c r="D29" s="82">
        <v>66</v>
      </c>
      <c r="E29" s="83">
        <v>157</v>
      </c>
      <c r="F29" s="241"/>
      <c r="G29" s="82">
        <v>137</v>
      </c>
      <c r="H29" s="82">
        <v>113</v>
      </c>
      <c r="I29" s="82">
        <v>90</v>
      </c>
      <c r="J29" s="82">
        <v>76</v>
      </c>
      <c r="K29" s="82">
        <v>42</v>
      </c>
      <c r="L29" s="84">
        <v>458</v>
      </c>
      <c r="M29" s="85">
        <v>615</v>
      </c>
      <c r="N29" s="70">
        <v>2</v>
      </c>
      <c r="O29" s="71">
        <v>3</v>
      </c>
      <c r="P29" s="72">
        <v>5</v>
      </c>
      <c r="Q29" s="244"/>
      <c r="R29" s="71">
        <v>6</v>
      </c>
      <c r="S29" s="71">
        <v>3</v>
      </c>
      <c r="T29" s="71">
        <v>4</v>
      </c>
      <c r="U29" s="71">
        <v>4</v>
      </c>
      <c r="V29" s="71">
        <v>3</v>
      </c>
      <c r="W29" s="72">
        <v>20</v>
      </c>
      <c r="X29" s="73">
        <v>25</v>
      </c>
      <c r="Y29" s="70">
        <v>9</v>
      </c>
      <c r="Z29" s="71">
        <v>6</v>
      </c>
      <c r="AA29" s="72">
        <v>15</v>
      </c>
      <c r="AB29" s="244"/>
      <c r="AC29" s="71">
        <v>10</v>
      </c>
      <c r="AD29" s="71">
        <v>10</v>
      </c>
      <c r="AE29" s="71">
        <v>9</v>
      </c>
      <c r="AF29" s="71">
        <v>7</v>
      </c>
      <c r="AG29" s="71">
        <v>7</v>
      </c>
      <c r="AH29" s="72">
        <v>43</v>
      </c>
      <c r="AI29" s="73">
        <v>58</v>
      </c>
      <c r="AJ29" s="70">
        <v>12</v>
      </c>
      <c r="AK29" s="71">
        <v>12</v>
      </c>
      <c r="AL29" s="72">
        <v>24</v>
      </c>
      <c r="AM29" s="244"/>
      <c r="AN29" s="71">
        <v>16</v>
      </c>
      <c r="AO29" s="71">
        <v>14</v>
      </c>
      <c r="AP29" s="71">
        <v>13</v>
      </c>
      <c r="AQ29" s="71">
        <v>13</v>
      </c>
      <c r="AR29" s="71">
        <v>7</v>
      </c>
      <c r="AS29" s="72">
        <v>63</v>
      </c>
      <c r="AT29" s="73">
        <v>87</v>
      </c>
      <c r="AU29" s="70">
        <v>27</v>
      </c>
      <c r="AV29" s="71">
        <v>17</v>
      </c>
      <c r="AW29" s="72">
        <v>44</v>
      </c>
      <c r="AX29" s="244"/>
      <c r="AY29" s="71">
        <v>46</v>
      </c>
      <c r="AZ29" s="71">
        <v>31</v>
      </c>
      <c r="BA29" s="71">
        <v>22</v>
      </c>
      <c r="BB29" s="71">
        <v>22</v>
      </c>
      <c r="BC29" s="71">
        <v>7</v>
      </c>
      <c r="BD29" s="72">
        <v>128</v>
      </c>
      <c r="BE29" s="73">
        <v>172</v>
      </c>
      <c r="BF29" s="70">
        <v>19</v>
      </c>
      <c r="BG29" s="71">
        <v>19</v>
      </c>
      <c r="BH29" s="72">
        <v>38</v>
      </c>
      <c r="BI29" s="244"/>
      <c r="BJ29" s="71">
        <v>33</v>
      </c>
      <c r="BK29" s="71">
        <v>30</v>
      </c>
      <c r="BL29" s="71">
        <v>23</v>
      </c>
      <c r="BM29" s="71">
        <v>20</v>
      </c>
      <c r="BN29" s="71">
        <v>10</v>
      </c>
      <c r="BO29" s="72">
        <v>116</v>
      </c>
      <c r="BP29" s="73">
        <v>154</v>
      </c>
      <c r="BQ29" s="70">
        <v>22</v>
      </c>
      <c r="BR29" s="71">
        <v>9</v>
      </c>
      <c r="BS29" s="72">
        <v>31</v>
      </c>
      <c r="BT29" s="244"/>
      <c r="BU29" s="71">
        <v>26</v>
      </c>
      <c r="BV29" s="71">
        <v>25</v>
      </c>
      <c r="BW29" s="71">
        <v>19</v>
      </c>
      <c r="BX29" s="71">
        <v>10</v>
      </c>
      <c r="BY29" s="71">
        <v>8</v>
      </c>
      <c r="BZ29" s="72">
        <v>88</v>
      </c>
      <c r="CA29" s="73">
        <v>119</v>
      </c>
      <c r="CB29" s="70">
        <v>3</v>
      </c>
      <c r="CC29" s="71">
        <v>0</v>
      </c>
      <c r="CD29" s="72">
        <v>3</v>
      </c>
      <c r="CE29" s="244"/>
      <c r="CF29" s="71">
        <v>5</v>
      </c>
      <c r="CG29" s="71">
        <v>4</v>
      </c>
      <c r="CH29" s="71">
        <v>4</v>
      </c>
      <c r="CI29" s="71">
        <v>2</v>
      </c>
      <c r="CJ29" s="71">
        <v>2</v>
      </c>
      <c r="CK29" s="72">
        <v>17</v>
      </c>
      <c r="CL29" s="73">
        <v>20</v>
      </c>
      <c r="CM29" s="70">
        <v>94</v>
      </c>
      <c r="CN29" s="71">
        <v>66</v>
      </c>
      <c r="CO29" s="72">
        <v>160</v>
      </c>
      <c r="CP29" s="244"/>
      <c r="CQ29" s="71">
        <v>142</v>
      </c>
      <c r="CR29" s="71">
        <v>117</v>
      </c>
      <c r="CS29" s="71">
        <v>94</v>
      </c>
      <c r="CT29" s="71">
        <v>78</v>
      </c>
      <c r="CU29" s="71">
        <v>44</v>
      </c>
      <c r="CV29" s="72">
        <v>475</v>
      </c>
      <c r="CW29" s="73">
        <v>635</v>
      </c>
      <c r="CX29" s="123">
        <v>186</v>
      </c>
      <c r="CY29" s="82">
        <v>191</v>
      </c>
      <c r="CZ29" s="83">
        <v>377</v>
      </c>
      <c r="DA29" s="241"/>
      <c r="DB29" s="82">
        <v>267</v>
      </c>
      <c r="DC29" s="82">
        <v>220</v>
      </c>
      <c r="DD29" s="82">
        <v>168</v>
      </c>
      <c r="DE29" s="82">
        <v>134</v>
      </c>
      <c r="DF29" s="82">
        <v>108</v>
      </c>
      <c r="DG29" s="84">
        <v>897</v>
      </c>
      <c r="DH29" s="85">
        <v>1274</v>
      </c>
      <c r="DI29" s="70">
        <v>3</v>
      </c>
      <c r="DJ29" s="71">
        <v>4</v>
      </c>
      <c r="DK29" s="72">
        <v>7</v>
      </c>
      <c r="DL29" s="244"/>
      <c r="DM29" s="71">
        <v>5</v>
      </c>
      <c r="DN29" s="71">
        <v>3</v>
      </c>
      <c r="DO29" s="71">
        <v>3</v>
      </c>
      <c r="DP29" s="71">
        <v>3</v>
      </c>
      <c r="DQ29" s="71">
        <v>2</v>
      </c>
      <c r="DR29" s="72">
        <v>16</v>
      </c>
      <c r="DS29" s="73">
        <v>23</v>
      </c>
      <c r="DT29" s="70">
        <v>12</v>
      </c>
      <c r="DU29" s="71">
        <v>13</v>
      </c>
      <c r="DV29" s="72">
        <v>25</v>
      </c>
      <c r="DW29" s="244"/>
      <c r="DX29" s="71">
        <v>15</v>
      </c>
      <c r="DY29" s="71">
        <v>10</v>
      </c>
      <c r="DZ29" s="71">
        <v>3</v>
      </c>
      <c r="EA29" s="71">
        <v>4</v>
      </c>
      <c r="EB29" s="71">
        <v>5</v>
      </c>
      <c r="EC29" s="72">
        <v>37</v>
      </c>
      <c r="ED29" s="73">
        <v>62</v>
      </c>
      <c r="EE29" s="70">
        <v>19</v>
      </c>
      <c r="EF29" s="71">
        <v>22</v>
      </c>
      <c r="EG29" s="72">
        <v>41</v>
      </c>
      <c r="EH29" s="244"/>
      <c r="EI29" s="71">
        <v>36</v>
      </c>
      <c r="EJ29" s="71">
        <v>24</v>
      </c>
      <c r="EK29" s="71">
        <v>13</v>
      </c>
      <c r="EL29" s="71">
        <v>18</v>
      </c>
      <c r="EM29" s="71">
        <v>5</v>
      </c>
      <c r="EN29" s="72">
        <v>96</v>
      </c>
      <c r="EO29" s="73">
        <v>137</v>
      </c>
      <c r="EP29" s="70">
        <v>55</v>
      </c>
      <c r="EQ29" s="71">
        <v>47</v>
      </c>
      <c r="ER29" s="72">
        <v>102</v>
      </c>
      <c r="ES29" s="244"/>
      <c r="ET29" s="71">
        <v>58</v>
      </c>
      <c r="EU29" s="71">
        <v>43</v>
      </c>
      <c r="EV29" s="71">
        <v>39</v>
      </c>
      <c r="EW29" s="71">
        <v>14</v>
      </c>
      <c r="EX29" s="71">
        <v>19</v>
      </c>
      <c r="EY29" s="72">
        <v>173</v>
      </c>
      <c r="EZ29" s="73">
        <v>275</v>
      </c>
      <c r="FA29" s="70">
        <v>63</v>
      </c>
      <c r="FB29" s="71">
        <v>61</v>
      </c>
      <c r="FC29" s="72">
        <v>124</v>
      </c>
      <c r="FD29" s="244"/>
      <c r="FE29" s="71">
        <v>77</v>
      </c>
      <c r="FF29" s="71">
        <v>57</v>
      </c>
      <c r="FG29" s="71">
        <v>38</v>
      </c>
      <c r="FH29" s="71">
        <v>30</v>
      </c>
      <c r="FI29" s="71">
        <v>24</v>
      </c>
      <c r="FJ29" s="72">
        <v>226</v>
      </c>
      <c r="FK29" s="73">
        <v>350</v>
      </c>
      <c r="FL29" s="70">
        <v>34</v>
      </c>
      <c r="FM29" s="71">
        <v>44</v>
      </c>
      <c r="FN29" s="72">
        <v>78</v>
      </c>
      <c r="FO29" s="244"/>
      <c r="FP29" s="71">
        <v>76</v>
      </c>
      <c r="FQ29" s="71">
        <v>83</v>
      </c>
      <c r="FR29" s="71">
        <v>72</v>
      </c>
      <c r="FS29" s="71">
        <v>65</v>
      </c>
      <c r="FT29" s="71">
        <v>53</v>
      </c>
      <c r="FU29" s="72">
        <v>349</v>
      </c>
      <c r="FV29" s="73">
        <v>427</v>
      </c>
      <c r="FW29" s="70">
        <v>0</v>
      </c>
      <c r="FX29" s="71">
        <v>1</v>
      </c>
      <c r="FY29" s="72">
        <v>1</v>
      </c>
      <c r="FZ29" s="244"/>
      <c r="GA29" s="71">
        <v>5</v>
      </c>
      <c r="GB29" s="71">
        <v>3</v>
      </c>
      <c r="GC29" s="71">
        <v>2</v>
      </c>
      <c r="GD29" s="71">
        <v>4</v>
      </c>
      <c r="GE29" s="71">
        <v>3</v>
      </c>
      <c r="GF29" s="72">
        <v>17</v>
      </c>
      <c r="GG29" s="73">
        <v>18</v>
      </c>
      <c r="GH29" s="70">
        <v>186</v>
      </c>
      <c r="GI29" s="71">
        <v>192</v>
      </c>
      <c r="GJ29" s="72">
        <v>378</v>
      </c>
      <c r="GK29" s="244"/>
      <c r="GL29" s="71">
        <v>272</v>
      </c>
      <c r="GM29" s="71">
        <v>223</v>
      </c>
      <c r="GN29" s="71">
        <v>170</v>
      </c>
      <c r="GO29" s="71">
        <v>138</v>
      </c>
      <c r="GP29" s="71">
        <v>111</v>
      </c>
      <c r="GQ29" s="72">
        <v>914</v>
      </c>
      <c r="GR29" s="73">
        <v>1292</v>
      </c>
      <c r="GS29" s="123">
        <v>277</v>
      </c>
      <c r="GT29" s="82">
        <v>257</v>
      </c>
      <c r="GU29" s="83">
        <v>534</v>
      </c>
      <c r="GV29" s="241"/>
      <c r="GW29" s="82">
        <v>404</v>
      </c>
      <c r="GX29" s="82">
        <v>333</v>
      </c>
      <c r="GY29" s="82">
        <v>258</v>
      </c>
      <c r="GZ29" s="82">
        <v>210</v>
      </c>
      <c r="HA29" s="82">
        <v>150</v>
      </c>
      <c r="HB29" s="84">
        <v>1355</v>
      </c>
      <c r="HC29" s="85">
        <v>1889</v>
      </c>
      <c r="HD29" s="70">
        <v>5</v>
      </c>
      <c r="HE29" s="71">
        <v>7</v>
      </c>
      <c r="HF29" s="72">
        <v>12</v>
      </c>
      <c r="HG29" s="244"/>
      <c r="HH29" s="71">
        <v>11</v>
      </c>
      <c r="HI29" s="71">
        <v>6</v>
      </c>
      <c r="HJ29" s="71">
        <v>7</v>
      </c>
      <c r="HK29" s="71">
        <v>7</v>
      </c>
      <c r="HL29" s="71">
        <v>5</v>
      </c>
      <c r="HM29" s="72">
        <v>36</v>
      </c>
      <c r="HN29" s="73">
        <v>48</v>
      </c>
      <c r="HO29" s="70">
        <v>21</v>
      </c>
      <c r="HP29" s="71">
        <v>19</v>
      </c>
      <c r="HQ29" s="72">
        <v>40</v>
      </c>
      <c r="HR29" s="244"/>
      <c r="HS29" s="71">
        <v>25</v>
      </c>
      <c r="HT29" s="71">
        <v>20</v>
      </c>
      <c r="HU29" s="71">
        <v>12</v>
      </c>
      <c r="HV29" s="71">
        <v>11</v>
      </c>
      <c r="HW29" s="71">
        <v>12</v>
      </c>
      <c r="HX29" s="72">
        <v>80</v>
      </c>
      <c r="HY29" s="73">
        <v>120</v>
      </c>
      <c r="HZ29" s="70">
        <v>31</v>
      </c>
      <c r="IA29" s="71">
        <v>34</v>
      </c>
      <c r="IB29" s="72">
        <v>65</v>
      </c>
      <c r="IC29" s="244"/>
      <c r="ID29" s="71">
        <v>52</v>
      </c>
      <c r="IE29" s="71">
        <v>38</v>
      </c>
      <c r="IF29" s="71">
        <v>26</v>
      </c>
      <c r="IG29" s="71">
        <v>31</v>
      </c>
      <c r="IH29" s="71">
        <v>12</v>
      </c>
      <c r="II29" s="72">
        <v>159</v>
      </c>
      <c r="IJ29" s="73">
        <v>224</v>
      </c>
      <c r="IK29" s="70">
        <v>82</v>
      </c>
      <c r="IL29" s="71">
        <v>64</v>
      </c>
      <c r="IM29" s="72">
        <v>146</v>
      </c>
      <c r="IN29" s="244"/>
      <c r="IO29" s="71">
        <v>104</v>
      </c>
      <c r="IP29" s="71">
        <v>74</v>
      </c>
      <c r="IQ29" s="71">
        <v>61</v>
      </c>
      <c r="IR29" s="71">
        <v>36</v>
      </c>
      <c r="IS29" s="71">
        <v>26</v>
      </c>
      <c r="IT29" s="72">
        <v>301</v>
      </c>
      <c r="IU29" s="73">
        <v>447</v>
      </c>
      <c r="IV29" s="70">
        <v>82</v>
      </c>
      <c r="IW29" s="71">
        <v>80</v>
      </c>
      <c r="IX29" s="72">
        <v>162</v>
      </c>
      <c r="IY29" s="244"/>
      <c r="IZ29" s="71">
        <v>110</v>
      </c>
      <c r="JA29" s="71">
        <v>87</v>
      </c>
      <c r="JB29" s="71">
        <v>61</v>
      </c>
      <c r="JC29" s="71">
        <v>50</v>
      </c>
      <c r="JD29" s="71">
        <v>34</v>
      </c>
      <c r="JE29" s="72">
        <v>342</v>
      </c>
      <c r="JF29" s="73">
        <v>504</v>
      </c>
      <c r="JG29" s="70">
        <v>56</v>
      </c>
      <c r="JH29" s="71">
        <v>53</v>
      </c>
      <c r="JI29" s="72">
        <v>109</v>
      </c>
      <c r="JJ29" s="244"/>
      <c r="JK29" s="71">
        <v>102</v>
      </c>
      <c r="JL29" s="71">
        <v>108</v>
      </c>
      <c r="JM29" s="71">
        <v>91</v>
      </c>
      <c r="JN29" s="71">
        <v>75</v>
      </c>
      <c r="JO29" s="71">
        <v>61</v>
      </c>
      <c r="JP29" s="72">
        <v>437</v>
      </c>
      <c r="JQ29" s="73">
        <v>546</v>
      </c>
      <c r="JR29" s="70">
        <v>3</v>
      </c>
      <c r="JS29" s="71">
        <v>1</v>
      </c>
      <c r="JT29" s="72">
        <v>4</v>
      </c>
      <c r="JU29" s="244"/>
      <c r="JV29" s="71">
        <v>10</v>
      </c>
      <c r="JW29" s="71">
        <v>7</v>
      </c>
      <c r="JX29" s="71">
        <v>6</v>
      </c>
      <c r="JY29" s="71">
        <v>6</v>
      </c>
      <c r="JZ29" s="71">
        <v>5</v>
      </c>
      <c r="KA29" s="72">
        <v>34</v>
      </c>
      <c r="KB29" s="73">
        <v>38</v>
      </c>
      <c r="KC29" s="70">
        <v>280</v>
      </c>
      <c r="KD29" s="71">
        <v>258</v>
      </c>
      <c r="KE29" s="72">
        <v>538</v>
      </c>
      <c r="KF29" s="244"/>
      <c r="KG29" s="71">
        <v>414</v>
      </c>
      <c r="KH29" s="71">
        <v>340</v>
      </c>
      <c r="KI29" s="71">
        <v>264</v>
      </c>
      <c r="KJ29" s="71">
        <v>216</v>
      </c>
      <c r="KK29" s="71">
        <v>155</v>
      </c>
      <c r="KL29" s="72">
        <v>1389</v>
      </c>
      <c r="KM29" s="73">
        <v>1927</v>
      </c>
    </row>
    <row r="30" spans="2:299" ht="21" customHeight="1" x14ac:dyDescent="0.2">
      <c r="B30" s="126" t="s">
        <v>27</v>
      </c>
      <c r="C30" s="313">
        <v>80</v>
      </c>
      <c r="D30" s="82">
        <v>115</v>
      </c>
      <c r="E30" s="83">
        <v>195</v>
      </c>
      <c r="F30" s="241"/>
      <c r="G30" s="82">
        <v>101</v>
      </c>
      <c r="H30" s="82">
        <v>92</v>
      </c>
      <c r="I30" s="82">
        <v>68</v>
      </c>
      <c r="J30" s="82">
        <v>68</v>
      </c>
      <c r="K30" s="82">
        <v>32</v>
      </c>
      <c r="L30" s="84">
        <v>361</v>
      </c>
      <c r="M30" s="85">
        <v>556</v>
      </c>
      <c r="N30" s="70">
        <v>2</v>
      </c>
      <c r="O30" s="71">
        <v>4</v>
      </c>
      <c r="P30" s="72">
        <v>6</v>
      </c>
      <c r="Q30" s="244"/>
      <c r="R30" s="71">
        <v>2</v>
      </c>
      <c r="S30" s="71">
        <v>3</v>
      </c>
      <c r="T30" s="71">
        <v>2</v>
      </c>
      <c r="U30" s="71">
        <v>1</v>
      </c>
      <c r="V30" s="71">
        <v>0</v>
      </c>
      <c r="W30" s="72">
        <v>8</v>
      </c>
      <c r="X30" s="73">
        <v>14</v>
      </c>
      <c r="Y30" s="70">
        <v>8</v>
      </c>
      <c r="Z30" s="71">
        <v>5</v>
      </c>
      <c r="AA30" s="72">
        <v>13</v>
      </c>
      <c r="AB30" s="244"/>
      <c r="AC30" s="71">
        <v>9</v>
      </c>
      <c r="AD30" s="71">
        <v>15</v>
      </c>
      <c r="AE30" s="71">
        <v>6</v>
      </c>
      <c r="AF30" s="71">
        <v>7</v>
      </c>
      <c r="AG30" s="71">
        <v>4</v>
      </c>
      <c r="AH30" s="72">
        <v>41</v>
      </c>
      <c r="AI30" s="73">
        <v>54</v>
      </c>
      <c r="AJ30" s="70">
        <v>16</v>
      </c>
      <c r="AK30" s="71">
        <v>20</v>
      </c>
      <c r="AL30" s="72">
        <v>36</v>
      </c>
      <c r="AM30" s="244"/>
      <c r="AN30" s="71">
        <v>16</v>
      </c>
      <c r="AO30" s="71">
        <v>18</v>
      </c>
      <c r="AP30" s="71">
        <v>9</v>
      </c>
      <c r="AQ30" s="71">
        <v>9</v>
      </c>
      <c r="AR30" s="71">
        <v>4</v>
      </c>
      <c r="AS30" s="72">
        <v>56</v>
      </c>
      <c r="AT30" s="73">
        <v>92</v>
      </c>
      <c r="AU30" s="70">
        <v>19</v>
      </c>
      <c r="AV30" s="71">
        <v>28</v>
      </c>
      <c r="AW30" s="72">
        <v>47</v>
      </c>
      <c r="AX30" s="244"/>
      <c r="AY30" s="71">
        <v>23</v>
      </c>
      <c r="AZ30" s="71">
        <v>17</v>
      </c>
      <c r="BA30" s="71">
        <v>15</v>
      </c>
      <c r="BB30" s="71">
        <v>13</v>
      </c>
      <c r="BC30" s="71">
        <v>7</v>
      </c>
      <c r="BD30" s="72">
        <v>75</v>
      </c>
      <c r="BE30" s="73">
        <v>122</v>
      </c>
      <c r="BF30" s="70">
        <v>20</v>
      </c>
      <c r="BG30" s="71">
        <v>32</v>
      </c>
      <c r="BH30" s="72">
        <v>52</v>
      </c>
      <c r="BI30" s="244"/>
      <c r="BJ30" s="71">
        <v>28</v>
      </c>
      <c r="BK30" s="71">
        <v>16</v>
      </c>
      <c r="BL30" s="71">
        <v>23</v>
      </c>
      <c r="BM30" s="71">
        <v>18</v>
      </c>
      <c r="BN30" s="71">
        <v>10</v>
      </c>
      <c r="BO30" s="72">
        <v>95</v>
      </c>
      <c r="BP30" s="73">
        <v>147</v>
      </c>
      <c r="BQ30" s="70">
        <v>15</v>
      </c>
      <c r="BR30" s="71">
        <v>26</v>
      </c>
      <c r="BS30" s="72">
        <v>41</v>
      </c>
      <c r="BT30" s="244"/>
      <c r="BU30" s="71">
        <v>23</v>
      </c>
      <c r="BV30" s="71">
        <v>23</v>
      </c>
      <c r="BW30" s="71">
        <v>13</v>
      </c>
      <c r="BX30" s="71">
        <v>20</v>
      </c>
      <c r="BY30" s="71">
        <v>7</v>
      </c>
      <c r="BZ30" s="72">
        <v>86</v>
      </c>
      <c r="CA30" s="73">
        <v>127</v>
      </c>
      <c r="CB30" s="70">
        <v>3</v>
      </c>
      <c r="CC30" s="71">
        <v>0</v>
      </c>
      <c r="CD30" s="72">
        <v>3</v>
      </c>
      <c r="CE30" s="244"/>
      <c r="CF30" s="71">
        <v>3</v>
      </c>
      <c r="CG30" s="71">
        <v>2</v>
      </c>
      <c r="CH30" s="71">
        <v>6</v>
      </c>
      <c r="CI30" s="71">
        <v>1</v>
      </c>
      <c r="CJ30" s="71">
        <v>3</v>
      </c>
      <c r="CK30" s="72">
        <v>15</v>
      </c>
      <c r="CL30" s="73">
        <v>18</v>
      </c>
      <c r="CM30" s="70">
        <v>83</v>
      </c>
      <c r="CN30" s="71">
        <v>115</v>
      </c>
      <c r="CO30" s="72">
        <v>198</v>
      </c>
      <c r="CP30" s="244"/>
      <c r="CQ30" s="71">
        <v>104</v>
      </c>
      <c r="CR30" s="71">
        <v>94</v>
      </c>
      <c r="CS30" s="71">
        <v>74</v>
      </c>
      <c r="CT30" s="71">
        <v>69</v>
      </c>
      <c r="CU30" s="71">
        <v>35</v>
      </c>
      <c r="CV30" s="72">
        <v>376</v>
      </c>
      <c r="CW30" s="73">
        <v>574</v>
      </c>
      <c r="CX30" s="123">
        <v>250</v>
      </c>
      <c r="CY30" s="82">
        <v>194</v>
      </c>
      <c r="CZ30" s="83">
        <v>444</v>
      </c>
      <c r="DA30" s="241"/>
      <c r="DB30" s="82">
        <v>210</v>
      </c>
      <c r="DC30" s="82">
        <v>132</v>
      </c>
      <c r="DD30" s="82">
        <v>142</v>
      </c>
      <c r="DE30" s="82">
        <v>143</v>
      </c>
      <c r="DF30" s="82">
        <v>114</v>
      </c>
      <c r="DG30" s="84">
        <v>741</v>
      </c>
      <c r="DH30" s="85">
        <v>1185</v>
      </c>
      <c r="DI30" s="70">
        <v>2</v>
      </c>
      <c r="DJ30" s="71">
        <v>5</v>
      </c>
      <c r="DK30" s="72">
        <v>7</v>
      </c>
      <c r="DL30" s="244"/>
      <c r="DM30" s="71">
        <v>0</v>
      </c>
      <c r="DN30" s="71">
        <v>0</v>
      </c>
      <c r="DO30" s="71">
        <v>2</v>
      </c>
      <c r="DP30" s="71">
        <v>2</v>
      </c>
      <c r="DQ30" s="71">
        <v>2</v>
      </c>
      <c r="DR30" s="72">
        <v>6</v>
      </c>
      <c r="DS30" s="73">
        <v>13</v>
      </c>
      <c r="DT30" s="70">
        <v>17</v>
      </c>
      <c r="DU30" s="71">
        <v>18</v>
      </c>
      <c r="DV30" s="72">
        <v>35</v>
      </c>
      <c r="DW30" s="244"/>
      <c r="DX30" s="71">
        <v>7</v>
      </c>
      <c r="DY30" s="71">
        <v>6</v>
      </c>
      <c r="DZ30" s="71">
        <v>10</v>
      </c>
      <c r="EA30" s="71">
        <v>8</v>
      </c>
      <c r="EB30" s="71">
        <v>1</v>
      </c>
      <c r="EC30" s="72">
        <v>32</v>
      </c>
      <c r="ED30" s="73">
        <v>67</v>
      </c>
      <c r="EE30" s="70">
        <v>32</v>
      </c>
      <c r="EF30" s="71">
        <v>16</v>
      </c>
      <c r="EG30" s="72">
        <v>48</v>
      </c>
      <c r="EH30" s="244"/>
      <c r="EI30" s="71">
        <v>17</v>
      </c>
      <c r="EJ30" s="71">
        <v>13</v>
      </c>
      <c r="EK30" s="71">
        <v>10</v>
      </c>
      <c r="EL30" s="71">
        <v>12</v>
      </c>
      <c r="EM30" s="71">
        <v>10</v>
      </c>
      <c r="EN30" s="72">
        <v>62</v>
      </c>
      <c r="EO30" s="73">
        <v>110</v>
      </c>
      <c r="EP30" s="70">
        <v>71</v>
      </c>
      <c r="EQ30" s="71">
        <v>45</v>
      </c>
      <c r="ER30" s="72">
        <v>116</v>
      </c>
      <c r="ES30" s="244"/>
      <c r="ET30" s="71">
        <v>42</v>
      </c>
      <c r="EU30" s="71">
        <v>27</v>
      </c>
      <c r="EV30" s="71">
        <v>24</v>
      </c>
      <c r="EW30" s="71">
        <v>21</v>
      </c>
      <c r="EX30" s="71">
        <v>20</v>
      </c>
      <c r="EY30" s="72">
        <v>134</v>
      </c>
      <c r="EZ30" s="73">
        <v>250</v>
      </c>
      <c r="FA30" s="70">
        <v>78</v>
      </c>
      <c r="FB30" s="71">
        <v>63</v>
      </c>
      <c r="FC30" s="72">
        <v>141</v>
      </c>
      <c r="FD30" s="244"/>
      <c r="FE30" s="71">
        <v>64</v>
      </c>
      <c r="FF30" s="71">
        <v>40</v>
      </c>
      <c r="FG30" s="71">
        <v>31</v>
      </c>
      <c r="FH30" s="71">
        <v>27</v>
      </c>
      <c r="FI30" s="71">
        <v>38</v>
      </c>
      <c r="FJ30" s="72">
        <v>200</v>
      </c>
      <c r="FK30" s="73">
        <v>341</v>
      </c>
      <c r="FL30" s="70">
        <v>50</v>
      </c>
      <c r="FM30" s="71">
        <v>47</v>
      </c>
      <c r="FN30" s="72">
        <v>97</v>
      </c>
      <c r="FO30" s="244"/>
      <c r="FP30" s="71">
        <v>80</v>
      </c>
      <c r="FQ30" s="71">
        <v>46</v>
      </c>
      <c r="FR30" s="71">
        <v>65</v>
      </c>
      <c r="FS30" s="71">
        <v>73</v>
      </c>
      <c r="FT30" s="71">
        <v>43</v>
      </c>
      <c r="FU30" s="72">
        <v>307</v>
      </c>
      <c r="FV30" s="73">
        <v>404</v>
      </c>
      <c r="FW30" s="70">
        <v>0</v>
      </c>
      <c r="FX30" s="71">
        <v>4</v>
      </c>
      <c r="FY30" s="72">
        <v>4</v>
      </c>
      <c r="FZ30" s="244"/>
      <c r="GA30" s="71">
        <v>4</v>
      </c>
      <c r="GB30" s="71">
        <v>5</v>
      </c>
      <c r="GC30" s="71">
        <v>2</v>
      </c>
      <c r="GD30" s="71">
        <v>1</v>
      </c>
      <c r="GE30" s="71">
        <v>2</v>
      </c>
      <c r="GF30" s="72">
        <v>14</v>
      </c>
      <c r="GG30" s="73">
        <v>18</v>
      </c>
      <c r="GH30" s="70">
        <v>250</v>
      </c>
      <c r="GI30" s="71">
        <v>198</v>
      </c>
      <c r="GJ30" s="72">
        <v>448</v>
      </c>
      <c r="GK30" s="244"/>
      <c r="GL30" s="71">
        <v>214</v>
      </c>
      <c r="GM30" s="71">
        <v>137</v>
      </c>
      <c r="GN30" s="71">
        <v>144</v>
      </c>
      <c r="GO30" s="71">
        <v>144</v>
      </c>
      <c r="GP30" s="71">
        <v>116</v>
      </c>
      <c r="GQ30" s="72">
        <v>755</v>
      </c>
      <c r="GR30" s="73">
        <v>1203</v>
      </c>
      <c r="GS30" s="123">
        <v>330</v>
      </c>
      <c r="GT30" s="82">
        <v>309</v>
      </c>
      <c r="GU30" s="83">
        <v>639</v>
      </c>
      <c r="GV30" s="241"/>
      <c r="GW30" s="82">
        <v>311</v>
      </c>
      <c r="GX30" s="82">
        <v>224</v>
      </c>
      <c r="GY30" s="82">
        <v>210</v>
      </c>
      <c r="GZ30" s="82">
        <v>211</v>
      </c>
      <c r="HA30" s="82">
        <v>146</v>
      </c>
      <c r="HB30" s="84">
        <v>1102</v>
      </c>
      <c r="HC30" s="85">
        <v>1741</v>
      </c>
      <c r="HD30" s="70">
        <v>4</v>
      </c>
      <c r="HE30" s="71">
        <v>9</v>
      </c>
      <c r="HF30" s="72">
        <v>13</v>
      </c>
      <c r="HG30" s="244"/>
      <c r="HH30" s="71">
        <v>2</v>
      </c>
      <c r="HI30" s="71">
        <v>3</v>
      </c>
      <c r="HJ30" s="71">
        <v>4</v>
      </c>
      <c r="HK30" s="71">
        <v>3</v>
      </c>
      <c r="HL30" s="71">
        <v>2</v>
      </c>
      <c r="HM30" s="72">
        <v>14</v>
      </c>
      <c r="HN30" s="73">
        <v>27</v>
      </c>
      <c r="HO30" s="70">
        <v>25</v>
      </c>
      <c r="HP30" s="71">
        <v>23</v>
      </c>
      <c r="HQ30" s="72">
        <v>48</v>
      </c>
      <c r="HR30" s="244"/>
      <c r="HS30" s="71">
        <v>16</v>
      </c>
      <c r="HT30" s="71">
        <v>21</v>
      </c>
      <c r="HU30" s="71">
        <v>16</v>
      </c>
      <c r="HV30" s="71">
        <v>15</v>
      </c>
      <c r="HW30" s="71">
        <v>5</v>
      </c>
      <c r="HX30" s="72">
        <v>73</v>
      </c>
      <c r="HY30" s="73">
        <v>121</v>
      </c>
      <c r="HZ30" s="70">
        <v>48</v>
      </c>
      <c r="IA30" s="71">
        <v>36</v>
      </c>
      <c r="IB30" s="72">
        <v>84</v>
      </c>
      <c r="IC30" s="244"/>
      <c r="ID30" s="71">
        <v>33</v>
      </c>
      <c r="IE30" s="71">
        <v>31</v>
      </c>
      <c r="IF30" s="71">
        <v>19</v>
      </c>
      <c r="IG30" s="71">
        <v>21</v>
      </c>
      <c r="IH30" s="71">
        <v>14</v>
      </c>
      <c r="II30" s="72">
        <v>118</v>
      </c>
      <c r="IJ30" s="73">
        <v>202</v>
      </c>
      <c r="IK30" s="70">
        <v>90</v>
      </c>
      <c r="IL30" s="71">
        <v>73</v>
      </c>
      <c r="IM30" s="72">
        <v>163</v>
      </c>
      <c r="IN30" s="244"/>
      <c r="IO30" s="71">
        <v>65</v>
      </c>
      <c r="IP30" s="71">
        <v>44</v>
      </c>
      <c r="IQ30" s="71">
        <v>39</v>
      </c>
      <c r="IR30" s="71">
        <v>34</v>
      </c>
      <c r="IS30" s="71">
        <v>27</v>
      </c>
      <c r="IT30" s="72">
        <v>209</v>
      </c>
      <c r="IU30" s="73">
        <v>372</v>
      </c>
      <c r="IV30" s="70">
        <v>98</v>
      </c>
      <c r="IW30" s="71">
        <v>95</v>
      </c>
      <c r="IX30" s="72">
        <v>193</v>
      </c>
      <c r="IY30" s="244"/>
      <c r="IZ30" s="71">
        <v>92</v>
      </c>
      <c r="JA30" s="71">
        <v>56</v>
      </c>
      <c r="JB30" s="71">
        <v>54</v>
      </c>
      <c r="JC30" s="71">
        <v>45</v>
      </c>
      <c r="JD30" s="71">
        <v>48</v>
      </c>
      <c r="JE30" s="72">
        <v>295</v>
      </c>
      <c r="JF30" s="73">
        <v>488</v>
      </c>
      <c r="JG30" s="70">
        <v>65</v>
      </c>
      <c r="JH30" s="71">
        <v>73</v>
      </c>
      <c r="JI30" s="72">
        <v>138</v>
      </c>
      <c r="JJ30" s="244"/>
      <c r="JK30" s="71">
        <v>103</v>
      </c>
      <c r="JL30" s="71">
        <v>69</v>
      </c>
      <c r="JM30" s="71">
        <v>78</v>
      </c>
      <c r="JN30" s="71">
        <v>93</v>
      </c>
      <c r="JO30" s="71">
        <v>50</v>
      </c>
      <c r="JP30" s="72">
        <v>393</v>
      </c>
      <c r="JQ30" s="73">
        <v>531</v>
      </c>
      <c r="JR30" s="70">
        <v>3</v>
      </c>
      <c r="JS30" s="71">
        <v>4</v>
      </c>
      <c r="JT30" s="72">
        <v>7</v>
      </c>
      <c r="JU30" s="244"/>
      <c r="JV30" s="71">
        <v>7</v>
      </c>
      <c r="JW30" s="71">
        <v>7</v>
      </c>
      <c r="JX30" s="71">
        <v>8</v>
      </c>
      <c r="JY30" s="71">
        <v>2</v>
      </c>
      <c r="JZ30" s="71">
        <v>5</v>
      </c>
      <c r="KA30" s="72">
        <v>29</v>
      </c>
      <c r="KB30" s="73">
        <v>36</v>
      </c>
      <c r="KC30" s="70">
        <v>333</v>
      </c>
      <c r="KD30" s="71">
        <v>313</v>
      </c>
      <c r="KE30" s="72">
        <v>646</v>
      </c>
      <c r="KF30" s="244"/>
      <c r="KG30" s="71">
        <v>318</v>
      </c>
      <c r="KH30" s="71">
        <v>231</v>
      </c>
      <c r="KI30" s="71">
        <v>218</v>
      </c>
      <c r="KJ30" s="71">
        <v>213</v>
      </c>
      <c r="KK30" s="71">
        <v>151</v>
      </c>
      <c r="KL30" s="72">
        <v>1131</v>
      </c>
      <c r="KM30" s="73">
        <v>1777</v>
      </c>
    </row>
    <row r="31" spans="2:299" ht="21" customHeight="1" x14ac:dyDescent="0.2">
      <c r="B31" s="126" t="s">
        <v>28</v>
      </c>
      <c r="C31" s="313">
        <v>7</v>
      </c>
      <c r="D31" s="82">
        <v>12</v>
      </c>
      <c r="E31" s="83">
        <v>19</v>
      </c>
      <c r="F31" s="241"/>
      <c r="G31" s="82">
        <v>48</v>
      </c>
      <c r="H31" s="82">
        <v>41</v>
      </c>
      <c r="I31" s="82">
        <v>28</v>
      </c>
      <c r="J31" s="82">
        <v>15</v>
      </c>
      <c r="K31" s="82">
        <v>14</v>
      </c>
      <c r="L31" s="84">
        <v>146</v>
      </c>
      <c r="M31" s="85">
        <v>165</v>
      </c>
      <c r="N31" s="70">
        <v>0</v>
      </c>
      <c r="O31" s="71">
        <v>2</v>
      </c>
      <c r="P31" s="72">
        <v>2</v>
      </c>
      <c r="Q31" s="244"/>
      <c r="R31" s="71">
        <v>2</v>
      </c>
      <c r="S31" s="71">
        <v>1</v>
      </c>
      <c r="T31" s="71">
        <v>2</v>
      </c>
      <c r="U31" s="71">
        <v>1</v>
      </c>
      <c r="V31" s="71">
        <v>1</v>
      </c>
      <c r="W31" s="72">
        <v>7</v>
      </c>
      <c r="X31" s="73">
        <v>9</v>
      </c>
      <c r="Y31" s="70">
        <v>0</v>
      </c>
      <c r="Z31" s="71">
        <v>3</v>
      </c>
      <c r="AA31" s="72">
        <v>3</v>
      </c>
      <c r="AB31" s="244"/>
      <c r="AC31" s="71">
        <v>5</v>
      </c>
      <c r="AD31" s="71">
        <v>4</v>
      </c>
      <c r="AE31" s="71">
        <v>6</v>
      </c>
      <c r="AF31" s="71">
        <v>1</v>
      </c>
      <c r="AG31" s="71">
        <v>0</v>
      </c>
      <c r="AH31" s="72">
        <v>16</v>
      </c>
      <c r="AI31" s="73">
        <v>19</v>
      </c>
      <c r="AJ31" s="70">
        <v>1</v>
      </c>
      <c r="AK31" s="71">
        <v>2</v>
      </c>
      <c r="AL31" s="72">
        <v>3</v>
      </c>
      <c r="AM31" s="244"/>
      <c r="AN31" s="71">
        <v>7</v>
      </c>
      <c r="AO31" s="71">
        <v>7</v>
      </c>
      <c r="AP31" s="71">
        <v>5</v>
      </c>
      <c r="AQ31" s="71">
        <v>3</v>
      </c>
      <c r="AR31" s="71">
        <v>3</v>
      </c>
      <c r="AS31" s="72">
        <v>25</v>
      </c>
      <c r="AT31" s="73">
        <v>28</v>
      </c>
      <c r="AU31" s="70">
        <v>2</v>
      </c>
      <c r="AV31" s="71">
        <v>0</v>
      </c>
      <c r="AW31" s="72">
        <v>2</v>
      </c>
      <c r="AX31" s="244"/>
      <c r="AY31" s="71">
        <v>14</v>
      </c>
      <c r="AZ31" s="71">
        <v>12</v>
      </c>
      <c r="BA31" s="71">
        <v>3</v>
      </c>
      <c r="BB31" s="71">
        <v>3</v>
      </c>
      <c r="BC31" s="71">
        <v>0</v>
      </c>
      <c r="BD31" s="72">
        <v>32</v>
      </c>
      <c r="BE31" s="73">
        <v>34</v>
      </c>
      <c r="BF31" s="70">
        <v>3</v>
      </c>
      <c r="BG31" s="71">
        <v>4</v>
      </c>
      <c r="BH31" s="72">
        <v>7</v>
      </c>
      <c r="BI31" s="244"/>
      <c r="BJ31" s="71">
        <v>13</v>
      </c>
      <c r="BK31" s="71">
        <v>6</v>
      </c>
      <c r="BL31" s="71">
        <v>3</v>
      </c>
      <c r="BM31" s="71">
        <v>2</v>
      </c>
      <c r="BN31" s="71">
        <v>4</v>
      </c>
      <c r="BO31" s="72">
        <v>28</v>
      </c>
      <c r="BP31" s="73">
        <v>35</v>
      </c>
      <c r="BQ31" s="70">
        <v>1</v>
      </c>
      <c r="BR31" s="71">
        <v>1</v>
      </c>
      <c r="BS31" s="72">
        <v>2</v>
      </c>
      <c r="BT31" s="244"/>
      <c r="BU31" s="71">
        <v>7</v>
      </c>
      <c r="BV31" s="71">
        <v>11</v>
      </c>
      <c r="BW31" s="71">
        <v>9</v>
      </c>
      <c r="BX31" s="71">
        <v>5</v>
      </c>
      <c r="BY31" s="71">
        <v>6</v>
      </c>
      <c r="BZ31" s="72">
        <v>38</v>
      </c>
      <c r="CA31" s="73">
        <v>40</v>
      </c>
      <c r="CB31" s="70">
        <v>0</v>
      </c>
      <c r="CC31" s="71">
        <v>1</v>
      </c>
      <c r="CD31" s="72">
        <v>1</v>
      </c>
      <c r="CE31" s="244"/>
      <c r="CF31" s="71">
        <v>0</v>
      </c>
      <c r="CG31" s="71">
        <v>4</v>
      </c>
      <c r="CH31" s="71">
        <v>0</v>
      </c>
      <c r="CI31" s="71">
        <v>0</v>
      </c>
      <c r="CJ31" s="71">
        <v>3</v>
      </c>
      <c r="CK31" s="72">
        <v>7</v>
      </c>
      <c r="CL31" s="73">
        <v>8</v>
      </c>
      <c r="CM31" s="70">
        <v>7</v>
      </c>
      <c r="CN31" s="71">
        <v>13</v>
      </c>
      <c r="CO31" s="72">
        <v>20</v>
      </c>
      <c r="CP31" s="244"/>
      <c r="CQ31" s="71">
        <v>48</v>
      </c>
      <c r="CR31" s="71">
        <v>45</v>
      </c>
      <c r="CS31" s="71">
        <v>28</v>
      </c>
      <c r="CT31" s="71">
        <v>15</v>
      </c>
      <c r="CU31" s="71">
        <v>17</v>
      </c>
      <c r="CV31" s="72">
        <v>153</v>
      </c>
      <c r="CW31" s="73">
        <v>173</v>
      </c>
      <c r="CX31" s="123">
        <v>22</v>
      </c>
      <c r="CY31" s="82">
        <v>35</v>
      </c>
      <c r="CZ31" s="83">
        <v>57</v>
      </c>
      <c r="DA31" s="241"/>
      <c r="DB31" s="82">
        <v>49</v>
      </c>
      <c r="DC31" s="82">
        <v>68</v>
      </c>
      <c r="DD31" s="82">
        <v>55</v>
      </c>
      <c r="DE31" s="82">
        <v>58</v>
      </c>
      <c r="DF31" s="82">
        <v>26</v>
      </c>
      <c r="DG31" s="84">
        <v>256</v>
      </c>
      <c r="DH31" s="85">
        <v>313</v>
      </c>
      <c r="DI31" s="70">
        <v>4</v>
      </c>
      <c r="DJ31" s="71">
        <v>0</v>
      </c>
      <c r="DK31" s="72">
        <v>4</v>
      </c>
      <c r="DL31" s="244"/>
      <c r="DM31" s="71">
        <v>1</v>
      </c>
      <c r="DN31" s="71">
        <v>2</v>
      </c>
      <c r="DO31" s="71">
        <v>1</v>
      </c>
      <c r="DP31" s="71">
        <v>0</v>
      </c>
      <c r="DQ31" s="71">
        <v>0</v>
      </c>
      <c r="DR31" s="72">
        <v>4</v>
      </c>
      <c r="DS31" s="73">
        <v>8</v>
      </c>
      <c r="DT31" s="70">
        <v>2</v>
      </c>
      <c r="DU31" s="71">
        <v>6</v>
      </c>
      <c r="DV31" s="72">
        <v>8</v>
      </c>
      <c r="DW31" s="244"/>
      <c r="DX31" s="71">
        <v>1</v>
      </c>
      <c r="DY31" s="71">
        <v>4</v>
      </c>
      <c r="DZ31" s="71">
        <v>1</v>
      </c>
      <c r="EA31" s="71">
        <v>3</v>
      </c>
      <c r="EB31" s="71">
        <v>0</v>
      </c>
      <c r="EC31" s="72">
        <v>9</v>
      </c>
      <c r="ED31" s="73">
        <v>17</v>
      </c>
      <c r="EE31" s="70">
        <v>4</v>
      </c>
      <c r="EF31" s="71">
        <v>4</v>
      </c>
      <c r="EG31" s="72">
        <v>8</v>
      </c>
      <c r="EH31" s="244"/>
      <c r="EI31" s="71">
        <v>10</v>
      </c>
      <c r="EJ31" s="71">
        <v>8</v>
      </c>
      <c r="EK31" s="71">
        <v>8</v>
      </c>
      <c r="EL31" s="71">
        <v>3</v>
      </c>
      <c r="EM31" s="71">
        <v>3</v>
      </c>
      <c r="EN31" s="72">
        <v>32</v>
      </c>
      <c r="EO31" s="73">
        <v>40</v>
      </c>
      <c r="EP31" s="70">
        <v>8</v>
      </c>
      <c r="EQ31" s="71">
        <v>13</v>
      </c>
      <c r="ER31" s="72">
        <v>21</v>
      </c>
      <c r="ES31" s="244"/>
      <c r="ET31" s="71">
        <v>10</v>
      </c>
      <c r="EU31" s="71">
        <v>14</v>
      </c>
      <c r="EV31" s="71">
        <v>13</v>
      </c>
      <c r="EW31" s="71">
        <v>6</v>
      </c>
      <c r="EX31" s="71">
        <v>8</v>
      </c>
      <c r="EY31" s="72">
        <v>51</v>
      </c>
      <c r="EZ31" s="73">
        <v>72</v>
      </c>
      <c r="FA31" s="70">
        <v>4</v>
      </c>
      <c r="FB31" s="71">
        <v>7</v>
      </c>
      <c r="FC31" s="72">
        <v>11</v>
      </c>
      <c r="FD31" s="244"/>
      <c r="FE31" s="71">
        <v>9</v>
      </c>
      <c r="FF31" s="71">
        <v>28</v>
      </c>
      <c r="FG31" s="71">
        <v>9</v>
      </c>
      <c r="FH31" s="71">
        <v>21</v>
      </c>
      <c r="FI31" s="71">
        <v>6</v>
      </c>
      <c r="FJ31" s="72">
        <v>73</v>
      </c>
      <c r="FK31" s="73">
        <v>84</v>
      </c>
      <c r="FL31" s="70">
        <v>0</v>
      </c>
      <c r="FM31" s="71">
        <v>5</v>
      </c>
      <c r="FN31" s="72">
        <v>5</v>
      </c>
      <c r="FO31" s="244"/>
      <c r="FP31" s="71">
        <v>18</v>
      </c>
      <c r="FQ31" s="71">
        <v>12</v>
      </c>
      <c r="FR31" s="71">
        <v>23</v>
      </c>
      <c r="FS31" s="71">
        <v>25</v>
      </c>
      <c r="FT31" s="71">
        <v>9</v>
      </c>
      <c r="FU31" s="72">
        <v>87</v>
      </c>
      <c r="FV31" s="73">
        <v>92</v>
      </c>
      <c r="FW31" s="70">
        <v>1</v>
      </c>
      <c r="FX31" s="71">
        <v>1</v>
      </c>
      <c r="FY31" s="72">
        <v>2</v>
      </c>
      <c r="FZ31" s="244"/>
      <c r="GA31" s="71">
        <v>1</v>
      </c>
      <c r="GB31" s="71">
        <v>1</v>
      </c>
      <c r="GC31" s="71">
        <v>0</v>
      </c>
      <c r="GD31" s="71">
        <v>0</v>
      </c>
      <c r="GE31" s="71">
        <v>2</v>
      </c>
      <c r="GF31" s="72">
        <v>4</v>
      </c>
      <c r="GG31" s="73">
        <v>6</v>
      </c>
      <c r="GH31" s="70">
        <v>23</v>
      </c>
      <c r="GI31" s="71">
        <v>36</v>
      </c>
      <c r="GJ31" s="72">
        <v>59</v>
      </c>
      <c r="GK31" s="244"/>
      <c r="GL31" s="71">
        <v>50</v>
      </c>
      <c r="GM31" s="71">
        <v>69</v>
      </c>
      <c r="GN31" s="71">
        <v>55</v>
      </c>
      <c r="GO31" s="71">
        <v>58</v>
      </c>
      <c r="GP31" s="71">
        <v>28</v>
      </c>
      <c r="GQ31" s="72">
        <v>260</v>
      </c>
      <c r="GR31" s="73">
        <v>319</v>
      </c>
      <c r="GS31" s="123">
        <v>29</v>
      </c>
      <c r="GT31" s="82">
        <v>47</v>
      </c>
      <c r="GU31" s="83">
        <v>76</v>
      </c>
      <c r="GV31" s="241"/>
      <c r="GW31" s="82">
        <v>97</v>
      </c>
      <c r="GX31" s="82">
        <v>109</v>
      </c>
      <c r="GY31" s="82">
        <v>83</v>
      </c>
      <c r="GZ31" s="82">
        <v>73</v>
      </c>
      <c r="HA31" s="82">
        <v>40</v>
      </c>
      <c r="HB31" s="84">
        <v>402</v>
      </c>
      <c r="HC31" s="85">
        <v>478</v>
      </c>
      <c r="HD31" s="70">
        <v>4</v>
      </c>
      <c r="HE31" s="71">
        <v>2</v>
      </c>
      <c r="HF31" s="72">
        <v>6</v>
      </c>
      <c r="HG31" s="244"/>
      <c r="HH31" s="71">
        <v>3</v>
      </c>
      <c r="HI31" s="71">
        <v>3</v>
      </c>
      <c r="HJ31" s="71">
        <v>3</v>
      </c>
      <c r="HK31" s="71">
        <v>1</v>
      </c>
      <c r="HL31" s="71">
        <v>1</v>
      </c>
      <c r="HM31" s="72">
        <v>11</v>
      </c>
      <c r="HN31" s="73">
        <v>17</v>
      </c>
      <c r="HO31" s="70">
        <v>2</v>
      </c>
      <c r="HP31" s="71">
        <v>9</v>
      </c>
      <c r="HQ31" s="72">
        <v>11</v>
      </c>
      <c r="HR31" s="244"/>
      <c r="HS31" s="71">
        <v>6</v>
      </c>
      <c r="HT31" s="71">
        <v>8</v>
      </c>
      <c r="HU31" s="71">
        <v>7</v>
      </c>
      <c r="HV31" s="71">
        <v>4</v>
      </c>
      <c r="HW31" s="71">
        <v>0</v>
      </c>
      <c r="HX31" s="72">
        <v>25</v>
      </c>
      <c r="HY31" s="73">
        <v>36</v>
      </c>
      <c r="HZ31" s="70">
        <v>5</v>
      </c>
      <c r="IA31" s="71">
        <v>6</v>
      </c>
      <c r="IB31" s="72">
        <v>11</v>
      </c>
      <c r="IC31" s="244"/>
      <c r="ID31" s="71">
        <v>17</v>
      </c>
      <c r="IE31" s="71">
        <v>15</v>
      </c>
      <c r="IF31" s="71">
        <v>13</v>
      </c>
      <c r="IG31" s="71">
        <v>6</v>
      </c>
      <c r="IH31" s="71">
        <v>6</v>
      </c>
      <c r="II31" s="72">
        <v>57</v>
      </c>
      <c r="IJ31" s="73">
        <v>68</v>
      </c>
      <c r="IK31" s="70">
        <v>10</v>
      </c>
      <c r="IL31" s="71">
        <v>13</v>
      </c>
      <c r="IM31" s="72">
        <v>23</v>
      </c>
      <c r="IN31" s="244"/>
      <c r="IO31" s="71">
        <v>24</v>
      </c>
      <c r="IP31" s="71">
        <v>26</v>
      </c>
      <c r="IQ31" s="71">
        <v>16</v>
      </c>
      <c r="IR31" s="71">
        <v>9</v>
      </c>
      <c r="IS31" s="71">
        <v>8</v>
      </c>
      <c r="IT31" s="72">
        <v>83</v>
      </c>
      <c r="IU31" s="73">
        <v>106</v>
      </c>
      <c r="IV31" s="70">
        <v>7</v>
      </c>
      <c r="IW31" s="71">
        <v>11</v>
      </c>
      <c r="IX31" s="72">
        <v>18</v>
      </c>
      <c r="IY31" s="244"/>
      <c r="IZ31" s="71">
        <v>22</v>
      </c>
      <c r="JA31" s="71">
        <v>34</v>
      </c>
      <c r="JB31" s="71">
        <v>12</v>
      </c>
      <c r="JC31" s="71">
        <v>23</v>
      </c>
      <c r="JD31" s="71">
        <v>10</v>
      </c>
      <c r="JE31" s="72">
        <v>101</v>
      </c>
      <c r="JF31" s="73">
        <v>119</v>
      </c>
      <c r="JG31" s="70">
        <v>1</v>
      </c>
      <c r="JH31" s="71">
        <v>6</v>
      </c>
      <c r="JI31" s="72">
        <v>7</v>
      </c>
      <c r="JJ31" s="244"/>
      <c r="JK31" s="71">
        <v>25</v>
      </c>
      <c r="JL31" s="71">
        <v>23</v>
      </c>
      <c r="JM31" s="71">
        <v>32</v>
      </c>
      <c r="JN31" s="71">
        <v>30</v>
      </c>
      <c r="JO31" s="71">
        <v>15</v>
      </c>
      <c r="JP31" s="72">
        <v>125</v>
      </c>
      <c r="JQ31" s="73">
        <v>132</v>
      </c>
      <c r="JR31" s="70">
        <v>1</v>
      </c>
      <c r="JS31" s="71">
        <v>2</v>
      </c>
      <c r="JT31" s="72">
        <v>3</v>
      </c>
      <c r="JU31" s="244"/>
      <c r="JV31" s="71">
        <v>1</v>
      </c>
      <c r="JW31" s="71">
        <v>5</v>
      </c>
      <c r="JX31" s="71">
        <v>0</v>
      </c>
      <c r="JY31" s="71">
        <v>0</v>
      </c>
      <c r="JZ31" s="71">
        <v>5</v>
      </c>
      <c r="KA31" s="72">
        <v>11</v>
      </c>
      <c r="KB31" s="73">
        <v>14</v>
      </c>
      <c r="KC31" s="70">
        <v>30</v>
      </c>
      <c r="KD31" s="71">
        <v>49</v>
      </c>
      <c r="KE31" s="72">
        <v>79</v>
      </c>
      <c r="KF31" s="244"/>
      <c r="KG31" s="71">
        <v>98</v>
      </c>
      <c r="KH31" s="71">
        <v>114</v>
      </c>
      <c r="KI31" s="71">
        <v>83</v>
      </c>
      <c r="KJ31" s="71">
        <v>73</v>
      </c>
      <c r="KK31" s="71">
        <v>45</v>
      </c>
      <c r="KL31" s="72">
        <v>413</v>
      </c>
      <c r="KM31" s="73">
        <v>492</v>
      </c>
    </row>
    <row r="32" spans="2:299" ht="21" customHeight="1" x14ac:dyDescent="0.2">
      <c r="B32" s="126" t="s">
        <v>29</v>
      </c>
      <c r="C32" s="313">
        <v>29</v>
      </c>
      <c r="D32" s="82">
        <v>29</v>
      </c>
      <c r="E32" s="83">
        <v>58</v>
      </c>
      <c r="F32" s="241"/>
      <c r="G32" s="82">
        <v>48</v>
      </c>
      <c r="H32" s="82">
        <v>47</v>
      </c>
      <c r="I32" s="82">
        <v>42</v>
      </c>
      <c r="J32" s="82">
        <v>38</v>
      </c>
      <c r="K32" s="82">
        <v>20</v>
      </c>
      <c r="L32" s="84">
        <v>195</v>
      </c>
      <c r="M32" s="85">
        <v>253</v>
      </c>
      <c r="N32" s="70">
        <v>2</v>
      </c>
      <c r="O32" s="71">
        <v>0</v>
      </c>
      <c r="P32" s="72">
        <v>2</v>
      </c>
      <c r="Q32" s="244"/>
      <c r="R32" s="71">
        <v>4</v>
      </c>
      <c r="S32" s="71">
        <v>0</v>
      </c>
      <c r="T32" s="71">
        <v>3</v>
      </c>
      <c r="U32" s="71">
        <v>1</v>
      </c>
      <c r="V32" s="71">
        <v>1</v>
      </c>
      <c r="W32" s="72">
        <v>9</v>
      </c>
      <c r="X32" s="73">
        <v>11</v>
      </c>
      <c r="Y32" s="70">
        <v>4</v>
      </c>
      <c r="Z32" s="71">
        <v>5</v>
      </c>
      <c r="AA32" s="72">
        <v>9</v>
      </c>
      <c r="AB32" s="244"/>
      <c r="AC32" s="71">
        <v>10</v>
      </c>
      <c r="AD32" s="71">
        <v>5</v>
      </c>
      <c r="AE32" s="71">
        <v>5</v>
      </c>
      <c r="AF32" s="71">
        <v>3</v>
      </c>
      <c r="AG32" s="71">
        <v>2</v>
      </c>
      <c r="AH32" s="72">
        <v>25</v>
      </c>
      <c r="AI32" s="73">
        <v>34</v>
      </c>
      <c r="AJ32" s="70">
        <v>4</v>
      </c>
      <c r="AK32" s="71">
        <v>3</v>
      </c>
      <c r="AL32" s="72">
        <v>7</v>
      </c>
      <c r="AM32" s="244"/>
      <c r="AN32" s="71">
        <v>11</v>
      </c>
      <c r="AO32" s="71">
        <v>12</v>
      </c>
      <c r="AP32" s="71">
        <v>7</v>
      </c>
      <c r="AQ32" s="71">
        <v>6</v>
      </c>
      <c r="AR32" s="71">
        <v>1</v>
      </c>
      <c r="AS32" s="72">
        <v>37</v>
      </c>
      <c r="AT32" s="73">
        <v>44</v>
      </c>
      <c r="AU32" s="70">
        <v>9</v>
      </c>
      <c r="AV32" s="71">
        <v>9</v>
      </c>
      <c r="AW32" s="72">
        <v>18</v>
      </c>
      <c r="AX32" s="244"/>
      <c r="AY32" s="71">
        <v>5</v>
      </c>
      <c r="AZ32" s="71">
        <v>10</v>
      </c>
      <c r="BA32" s="71">
        <v>8</v>
      </c>
      <c r="BB32" s="71">
        <v>10</v>
      </c>
      <c r="BC32" s="71">
        <v>8</v>
      </c>
      <c r="BD32" s="72">
        <v>41</v>
      </c>
      <c r="BE32" s="73">
        <v>59</v>
      </c>
      <c r="BF32" s="70">
        <v>5</v>
      </c>
      <c r="BG32" s="71">
        <v>9</v>
      </c>
      <c r="BH32" s="72">
        <v>14</v>
      </c>
      <c r="BI32" s="244"/>
      <c r="BJ32" s="71">
        <v>13</v>
      </c>
      <c r="BK32" s="71">
        <v>7</v>
      </c>
      <c r="BL32" s="71">
        <v>10</v>
      </c>
      <c r="BM32" s="71">
        <v>11</v>
      </c>
      <c r="BN32" s="71">
        <v>6</v>
      </c>
      <c r="BO32" s="72">
        <v>47</v>
      </c>
      <c r="BP32" s="73">
        <v>61</v>
      </c>
      <c r="BQ32" s="70">
        <v>5</v>
      </c>
      <c r="BR32" s="71">
        <v>3</v>
      </c>
      <c r="BS32" s="72">
        <v>8</v>
      </c>
      <c r="BT32" s="244"/>
      <c r="BU32" s="71">
        <v>5</v>
      </c>
      <c r="BV32" s="71">
        <v>13</v>
      </c>
      <c r="BW32" s="71">
        <v>9</v>
      </c>
      <c r="BX32" s="71">
        <v>7</v>
      </c>
      <c r="BY32" s="71">
        <v>2</v>
      </c>
      <c r="BZ32" s="72">
        <v>36</v>
      </c>
      <c r="CA32" s="73">
        <v>44</v>
      </c>
      <c r="CB32" s="70">
        <v>2</v>
      </c>
      <c r="CC32" s="71">
        <v>1</v>
      </c>
      <c r="CD32" s="72">
        <v>3</v>
      </c>
      <c r="CE32" s="244"/>
      <c r="CF32" s="71">
        <v>2</v>
      </c>
      <c r="CG32" s="71">
        <v>5</v>
      </c>
      <c r="CH32" s="71">
        <v>2</v>
      </c>
      <c r="CI32" s="71">
        <v>1</v>
      </c>
      <c r="CJ32" s="71">
        <v>0</v>
      </c>
      <c r="CK32" s="72">
        <v>10</v>
      </c>
      <c r="CL32" s="73">
        <v>13</v>
      </c>
      <c r="CM32" s="70">
        <v>31</v>
      </c>
      <c r="CN32" s="71">
        <v>30</v>
      </c>
      <c r="CO32" s="72">
        <v>61</v>
      </c>
      <c r="CP32" s="244"/>
      <c r="CQ32" s="71">
        <v>50</v>
      </c>
      <c r="CR32" s="71">
        <v>52</v>
      </c>
      <c r="CS32" s="71">
        <v>44</v>
      </c>
      <c r="CT32" s="71">
        <v>39</v>
      </c>
      <c r="CU32" s="71">
        <v>20</v>
      </c>
      <c r="CV32" s="72">
        <v>205</v>
      </c>
      <c r="CW32" s="73">
        <v>266</v>
      </c>
      <c r="CX32" s="123">
        <v>42</v>
      </c>
      <c r="CY32" s="82">
        <v>47</v>
      </c>
      <c r="CZ32" s="83">
        <v>89</v>
      </c>
      <c r="DA32" s="241"/>
      <c r="DB32" s="82">
        <v>96</v>
      </c>
      <c r="DC32" s="82">
        <v>80</v>
      </c>
      <c r="DD32" s="82">
        <v>74</v>
      </c>
      <c r="DE32" s="82">
        <v>73</v>
      </c>
      <c r="DF32" s="82">
        <v>50</v>
      </c>
      <c r="DG32" s="84">
        <v>373</v>
      </c>
      <c r="DH32" s="85">
        <v>462</v>
      </c>
      <c r="DI32" s="70">
        <v>3</v>
      </c>
      <c r="DJ32" s="71">
        <v>3</v>
      </c>
      <c r="DK32" s="72">
        <v>6</v>
      </c>
      <c r="DL32" s="244"/>
      <c r="DM32" s="71">
        <v>2</v>
      </c>
      <c r="DN32" s="71">
        <v>1</v>
      </c>
      <c r="DO32" s="71">
        <v>1</v>
      </c>
      <c r="DP32" s="71">
        <v>0</v>
      </c>
      <c r="DQ32" s="71">
        <v>3</v>
      </c>
      <c r="DR32" s="72">
        <v>7</v>
      </c>
      <c r="DS32" s="73">
        <v>13</v>
      </c>
      <c r="DT32" s="70">
        <v>2</v>
      </c>
      <c r="DU32" s="71">
        <v>4</v>
      </c>
      <c r="DV32" s="72">
        <v>6</v>
      </c>
      <c r="DW32" s="244"/>
      <c r="DX32" s="71">
        <v>6</v>
      </c>
      <c r="DY32" s="71">
        <v>5</v>
      </c>
      <c r="DZ32" s="71">
        <v>3</v>
      </c>
      <c r="EA32" s="71">
        <v>4</v>
      </c>
      <c r="EB32" s="71">
        <v>2</v>
      </c>
      <c r="EC32" s="72">
        <v>20</v>
      </c>
      <c r="ED32" s="73">
        <v>26</v>
      </c>
      <c r="EE32" s="70">
        <v>7</v>
      </c>
      <c r="EF32" s="71">
        <v>3</v>
      </c>
      <c r="EG32" s="72">
        <v>10</v>
      </c>
      <c r="EH32" s="244"/>
      <c r="EI32" s="71">
        <v>12</v>
      </c>
      <c r="EJ32" s="71">
        <v>7</v>
      </c>
      <c r="EK32" s="71">
        <v>4</v>
      </c>
      <c r="EL32" s="71">
        <v>4</v>
      </c>
      <c r="EM32" s="71">
        <v>4</v>
      </c>
      <c r="EN32" s="72">
        <v>31</v>
      </c>
      <c r="EO32" s="73">
        <v>41</v>
      </c>
      <c r="EP32" s="70">
        <v>12</v>
      </c>
      <c r="EQ32" s="71">
        <v>16</v>
      </c>
      <c r="ER32" s="72">
        <v>28</v>
      </c>
      <c r="ES32" s="244"/>
      <c r="ET32" s="71">
        <v>27</v>
      </c>
      <c r="EU32" s="71">
        <v>21</v>
      </c>
      <c r="EV32" s="71">
        <v>16</v>
      </c>
      <c r="EW32" s="71">
        <v>11</v>
      </c>
      <c r="EX32" s="71">
        <v>8</v>
      </c>
      <c r="EY32" s="72">
        <v>83</v>
      </c>
      <c r="EZ32" s="73">
        <v>111</v>
      </c>
      <c r="FA32" s="70">
        <v>14</v>
      </c>
      <c r="FB32" s="71">
        <v>12</v>
      </c>
      <c r="FC32" s="72">
        <v>26</v>
      </c>
      <c r="FD32" s="244"/>
      <c r="FE32" s="71">
        <v>25</v>
      </c>
      <c r="FF32" s="71">
        <v>20</v>
      </c>
      <c r="FG32" s="71">
        <v>20</v>
      </c>
      <c r="FH32" s="71">
        <v>20</v>
      </c>
      <c r="FI32" s="71">
        <v>15</v>
      </c>
      <c r="FJ32" s="72">
        <v>100</v>
      </c>
      <c r="FK32" s="73">
        <v>126</v>
      </c>
      <c r="FL32" s="70">
        <v>4</v>
      </c>
      <c r="FM32" s="71">
        <v>9</v>
      </c>
      <c r="FN32" s="72">
        <v>13</v>
      </c>
      <c r="FO32" s="244"/>
      <c r="FP32" s="71">
        <v>24</v>
      </c>
      <c r="FQ32" s="71">
        <v>26</v>
      </c>
      <c r="FR32" s="71">
        <v>30</v>
      </c>
      <c r="FS32" s="71">
        <v>34</v>
      </c>
      <c r="FT32" s="71">
        <v>18</v>
      </c>
      <c r="FU32" s="72">
        <v>132</v>
      </c>
      <c r="FV32" s="73">
        <v>145</v>
      </c>
      <c r="FW32" s="70">
        <v>0</v>
      </c>
      <c r="FX32" s="71">
        <v>2</v>
      </c>
      <c r="FY32" s="72">
        <v>2</v>
      </c>
      <c r="FZ32" s="244"/>
      <c r="GA32" s="71">
        <v>1</v>
      </c>
      <c r="GB32" s="71">
        <v>1</v>
      </c>
      <c r="GC32" s="71">
        <v>2</v>
      </c>
      <c r="GD32" s="71">
        <v>0</v>
      </c>
      <c r="GE32" s="71">
        <v>0</v>
      </c>
      <c r="GF32" s="72">
        <v>4</v>
      </c>
      <c r="GG32" s="73">
        <v>6</v>
      </c>
      <c r="GH32" s="70">
        <v>42</v>
      </c>
      <c r="GI32" s="71">
        <v>49</v>
      </c>
      <c r="GJ32" s="72">
        <v>91</v>
      </c>
      <c r="GK32" s="244"/>
      <c r="GL32" s="71">
        <v>97</v>
      </c>
      <c r="GM32" s="71">
        <v>81</v>
      </c>
      <c r="GN32" s="71">
        <v>76</v>
      </c>
      <c r="GO32" s="71">
        <v>73</v>
      </c>
      <c r="GP32" s="71">
        <v>50</v>
      </c>
      <c r="GQ32" s="72">
        <v>377</v>
      </c>
      <c r="GR32" s="73">
        <v>468</v>
      </c>
      <c r="GS32" s="123">
        <v>71</v>
      </c>
      <c r="GT32" s="82">
        <v>76</v>
      </c>
      <c r="GU32" s="83">
        <v>147</v>
      </c>
      <c r="GV32" s="241"/>
      <c r="GW32" s="82">
        <v>144</v>
      </c>
      <c r="GX32" s="82">
        <v>127</v>
      </c>
      <c r="GY32" s="82">
        <v>116</v>
      </c>
      <c r="GZ32" s="82">
        <v>111</v>
      </c>
      <c r="HA32" s="82">
        <v>70</v>
      </c>
      <c r="HB32" s="84">
        <v>568</v>
      </c>
      <c r="HC32" s="85">
        <v>715</v>
      </c>
      <c r="HD32" s="70">
        <v>5</v>
      </c>
      <c r="HE32" s="71">
        <v>3</v>
      </c>
      <c r="HF32" s="72">
        <v>8</v>
      </c>
      <c r="HG32" s="244"/>
      <c r="HH32" s="71">
        <v>6</v>
      </c>
      <c r="HI32" s="71">
        <v>1</v>
      </c>
      <c r="HJ32" s="71">
        <v>4</v>
      </c>
      <c r="HK32" s="71">
        <v>1</v>
      </c>
      <c r="HL32" s="71">
        <v>4</v>
      </c>
      <c r="HM32" s="72">
        <v>16</v>
      </c>
      <c r="HN32" s="73">
        <v>24</v>
      </c>
      <c r="HO32" s="70">
        <v>6</v>
      </c>
      <c r="HP32" s="71">
        <v>9</v>
      </c>
      <c r="HQ32" s="72">
        <v>15</v>
      </c>
      <c r="HR32" s="244"/>
      <c r="HS32" s="71">
        <v>16</v>
      </c>
      <c r="HT32" s="71">
        <v>10</v>
      </c>
      <c r="HU32" s="71">
        <v>8</v>
      </c>
      <c r="HV32" s="71">
        <v>7</v>
      </c>
      <c r="HW32" s="71">
        <v>4</v>
      </c>
      <c r="HX32" s="72">
        <v>45</v>
      </c>
      <c r="HY32" s="73">
        <v>60</v>
      </c>
      <c r="HZ32" s="70">
        <v>11</v>
      </c>
      <c r="IA32" s="71">
        <v>6</v>
      </c>
      <c r="IB32" s="72">
        <v>17</v>
      </c>
      <c r="IC32" s="244"/>
      <c r="ID32" s="71">
        <v>23</v>
      </c>
      <c r="IE32" s="71">
        <v>19</v>
      </c>
      <c r="IF32" s="71">
        <v>11</v>
      </c>
      <c r="IG32" s="71">
        <v>10</v>
      </c>
      <c r="IH32" s="71">
        <v>5</v>
      </c>
      <c r="II32" s="72">
        <v>68</v>
      </c>
      <c r="IJ32" s="73">
        <v>85</v>
      </c>
      <c r="IK32" s="70">
        <v>21</v>
      </c>
      <c r="IL32" s="71">
        <v>25</v>
      </c>
      <c r="IM32" s="72">
        <v>46</v>
      </c>
      <c r="IN32" s="244"/>
      <c r="IO32" s="71">
        <v>32</v>
      </c>
      <c r="IP32" s="71">
        <v>31</v>
      </c>
      <c r="IQ32" s="71">
        <v>24</v>
      </c>
      <c r="IR32" s="71">
        <v>21</v>
      </c>
      <c r="IS32" s="71">
        <v>16</v>
      </c>
      <c r="IT32" s="72">
        <v>124</v>
      </c>
      <c r="IU32" s="73">
        <v>170</v>
      </c>
      <c r="IV32" s="70">
        <v>19</v>
      </c>
      <c r="IW32" s="71">
        <v>21</v>
      </c>
      <c r="IX32" s="72">
        <v>40</v>
      </c>
      <c r="IY32" s="244"/>
      <c r="IZ32" s="71">
        <v>38</v>
      </c>
      <c r="JA32" s="71">
        <v>27</v>
      </c>
      <c r="JB32" s="71">
        <v>30</v>
      </c>
      <c r="JC32" s="71">
        <v>31</v>
      </c>
      <c r="JD32" s="71">
        <v>21</v>
      </c>
      <c r="JE32" s="72">
        <v>147</v>
      </c>
      <c r="JF32" s="73">
        <v>187</v>
      </c>
      <c r="JG32" s="70">
        <v>9</v>
      </c>
      <c r="JH32" s="71">
        <v>12</v>
      </c>
      <c r="JI32" s="72">
        <v>21</v>
      </c>
      <c r="JJ32" s="244"/>
      <c r="JK32" s="71">
        <v>29</v>
      </c>
      <c r="JL32" s="71">
        <v>39</v>
      </c>
      <c r="JM32" s="71">
        <v>39</v>
      </c>
      <c r="JN32" s="71">
        <v>41</v>
      </c>
      <c r="JO32" s="71">
        <v>20</v>
      </c>
      <c r="JP32" s="72">
        <v>168</v>
      </c>
      <c r="JQ32" s="73">
        <v>189</v>
      </c>
      <c r="JR32" s="70">
        <v>2</v>
      </c>
      <c r="JS32" s="71">
        <v>3</v>
      </c>
      <c r="JT32" s="72">
        <v>5</v>
      </c>
      <c r="JU32" s="244"/>
      <c r="JV32" s="71">
        <v>3</v>
      </c>
      <c r="JW32" s="71">
        <v>6</v>
      </c>
      <c r="JX32" s="71">
        <v>4</v>
      </c>
      <c r="JY32" s="71">
        <v>1</v>
      </c>
      <c r="JZ32" s="71">
        <v>0</v>
      </c>
      <c r="KA32" s="72">
        <v>14</v>
      </c>
      <c r="KB32" s="73">
        <v>19</v>
      </c>
      <c r="KC32" s="70">
        <v>73</v>
      </c>
      <c r="KD32" s="71">
        <v>79</v>
      </c>
      <c r="KE32" s="72">
        <v>152</v>
      </c>
      <c r="KF32" s="244"/>
      <c r="KG32" s="71">
        <v>147</v>
      </c>
      <c r="KH32" s="71">
        <v>133</v>
      </c>
      <c r="KI32" s="71">
        <v>120</v>
      </c>
      <c r="KJ32" s="71">
        <v>112</v>
      </c>
      <c r="KK32" s="71">
        <v>70</v>
      </c>
      <c r="KL32" s="72">
        <v>582</v>
      </c>
      <c r="KM32" s="73">
        <v>734</v>
      </c>
    </row>
    <row r="33" spans="2:299" ht="21" customHeight="1" x14ac:dyDescent="0.2">
      <c r="B33" s="126" t="s">
        <v>30</v>
      </c>
      <c r="C33" s="313">
        <v>23</v>
      </c>
      <c r="D33" s="82">
        <v>17</v>
      </c>
      <c r="E33" s="83">
        <v>40</v>
      </c>
      <c r="F33" s="241"/>
      <c r="G33" s="82">
        <v>33</v>
      </c>
      <c r="H33" s="82">
        <v>30</v>
      </c>
      <c r="I33" s="82">
        <v>23</v>
      </c>
      <c r="J33" s="82">
        <v>33</v>
      </c>
      <c r="K33" s="82">
        <v>8</v>
      </c>
      <c r="L33" s="84">
        <v>127</v>
      </c>
      <c r="M33" s="85">
        <v>167</v>
      </c>
      <c r="N33" s="70">
        <v>3</v>
      </c>
      <c r="O33" s="71">
        <v>1</v>
      </c>
      <c r="P33" s="72">
        <v>4</v>
      </c>
      <c r="Q33" s="244"/>
      <c r="R33" s="71">
        <v>1</v>
      </c>
      <c r="S33" s="71">
        <v>3</v>
      </c>
      <c r="T33" s="71">
        <v>2</v>
      </c>
      <c r="U33" s="71">
        <v>2</v>
      </c>
      <c r="V33" s="71">
        <v>0</v>
      </c>
      <c r="W33" s="72">
        <v>8</v>
      </c>
      <c r="X33" s="73">
        <v>12</v>
      </c>
      <c r="Y33" s="70">
        <v>5</v>
      </c>
      <c r="Z33" s="71">
        <v>1</v>
      </c>
      <c r="AA33" s="72">
        <v>6</v>
      </c>
      <c r="AB33" s="244"/>
      <c r="AC33" s="71">
        <v>5</v>
      </c>
      <c r="AD33" s="71">
        <v>5</v>
      </c>
      <c r="AE33" s="71">
        <v>0</v>
      </c>
      <c r="AF33" s="71">
        <v>4</v>
      </c>
      <c r="AG33" s="71">
        <v>1</v>
      </c>
      <c r="AH33" s="72">
        <v>15</v>
      </c>
      <c r="AI33" s="73">
        <v>21</v>
      </c>
      <c r="AJ33" s="70">
        <v>3</v>
      </c>
      <c r="AK33" s="71">
        <v>2</v>
      </c>
      <c r="AL33" s="72">
        <v>5</v>
      </c>
      <c r="AM33" s="244"/>
      <c r="AN33" s="71">
        <v>2</v>
      </c>
      <c r="AO33" s="71">
        <v>5</v>
      </c>
      <c r="AP33" s="71">
        <v>4</v>
      </c>
      <c r="AQ33" s="71">
        <v>5</v>
      </c>
      <c r="AR33" s="71">
        <v>0</v>
      </c>
      <c r="AS33" s="72">
        <v>16</v>
      </c>
      <c r="AT33" s="73">
        <v>21</v>
      </c>
      <c r="AU33" s="70">
        <v>2</v>
      </c>
      <c r="AV33" s="71">
        <v>6</v>
      </c>
      <c r="AW33" s="72">
        <v>8</v>
      </c>
      <c r="AX33" s="244"/>
      <c r="AY33" s="71">
        <v>8</v>
      </c>
      <c r="AZ33" s="71">
        <v>7</v>
      </c>
      <c r="BA33" s="71">
        <v>5</v>
      </c>
      <c r="BB33" s="71">
        <v>7</v>
      </c>
      <c r="BC33" s="71">
        <v>1</v>
      </c>
      <c r="BD33" s="72">
        <v>28</v>
      </c>
      <c r="BE33" s="73">
        <v>36</v>
      </c>
      <c r="BF33" s="70">
        <v>7</v>
      </c>
      <c r="BG33" s="71">
        <v>2</v>
      </c>
      <c r="BH33" s="72">
        <v>9</v>
      </c>
      <c r="BI33" s="244"/>
      <c r="BJ33" s="71">
        <v>9</v>
      </c>
      <c r="BK33" s="71">
        <v>4</v>
      </c>
      <c r="BL33" s="71">
        <v>6</v>
      </c>
      <c r="BM33" s="71">
        <v>9</v>
      </c>
      <c r="BN33" s="71">
        <v>2</v>
      </c>
      <c r="BO33" s="72">
        <v>30</v>
      </c>
      <c r="BP33" s="73">
        <v>39</v>
      </c>
      <c r="BQ33" s="70">
        <v>3</v>
      </c>
      <c r="BR33" s="71">
        <v>5</v>
      </c>
      <c r="BS33" s="72">
        <v>8</v>
      </c>
      <c r="BT33" s="244"/>
      <c r="BU33" s="71">
        <v>8</v>
      </c>
      <c r="BV33" s="71">
        <v>6</v>
      </c>
      <c r="BW33" s="71">
        <v>6</v>
      </c>
      <c r="BX33" s="71">
        <v>6</v>
      </c>
      <c r="BY33" s="71">
        <v>4</v>
      </c>
      <c r="BZ33" s="72">
        <v>30</v>
      </c>
      <c r="CA33" s="73">
        <v>38</v>
      </c>
      <c r="CB33" s="70">
        <v>0</v>
      </c>
      <c r="CC33" s="71">
        <v>0</v>
      </c>
      <c r="CD33" s="72">
        <v>0</v>
      </c>
      <c r="CE33" s="244"/>
      <c r="CF33" s="71">
        <v>1</v>
      </c>
      <c r="CG33" s="71">
        <v>0</v>
      </c>
      <c r="CH33" s="71">
        <v>3</v>
      </c>
      <c r="CI33" s="71">
        <v>1</v>
      </c>
      <c r="CJ33" s="71">
        <v>2</v>
      </c>
      <c r="CK33" s="72">
        <v>7</v>
      </c>
      <c r="CL33" s="73">
        <v>7</v>
      </c>
      <c r="CM33" s="70">
        <v>23</v>
      </c>
      <c r="CN33" s="71">
        <v>17</v>
      </c>
      <c r="CO33" s="72">
        <v>40</v>
      </c>
      <c r="CP33" s="244"/>
      <c r="CQ33" s="71">
        <v>34</v>
      </c>
      <c r="CR33" s="71">
        <v>30</v>
      </c>
      <c r="CS33" s="71">
        <v>26</v>
      </c>
      <c r="CT33" s="71">
        <v>34</v>
      </c>
      <c r="CU33" s="71">
        <v>10</v>
      </c>
      <c r="CV33" s="72">
        <v>134</v>
      </c>
      <c r="CW33" s="73">
        <v>174</v>
      </c>
      <c r="CX33" s="123">
        <v>47</v>
      </c>
      <c r="CY33" s="82">
        <v>37</v>
      </c>
      <c r="CZ33" s="83">
        <v>84</v>
      </c>
      <c r="DA33" s="241"/>
      <c r="DB33" s="82">
        <v>87</v>
      </c>
      <c r="DC33" s="82">
        <v>59</v>
      </c>
      <c r="DD33" s="82">
        <v>86</v>
      </c>
      <c r="DE33" s="82">
        <v>76</v>
      </c>
      <c r="DF33" s="82">
        <v>29</v>
      </c>
      <c r="DG33" s="84">
        <v>337</v>
      </c>
      <c r="DH33" s="85">
        <v>421</v>
      </c>
      <c r="DI33" s="70">
        <v>1</v>
      </c>
      <c r="DJ33" s="71">
        <v>0</v>
      </c>
      <c r="DK33" s="72">
        <v>1</v>
      </c>
      <c r="DL33" s="244"/>
      <c r="DM33" s="71">
        <v>1</v>
      </c>
      <c r="DN33" s="71">
        <v>0</v>
      </c>
      <c r="DO33" s="71">
        <v>2</v>
      </c>
      <c r="DP33" s="71">
        <v>1</v>
      </c>
      <c r="DQ33" s="71">
        <v>1</v>
      </c>
      <c r="DR33" s="72">
        <v>5</v>
      </c>
      <c r="DS33" s="73">
        <v>6</v>
      </c>
      <c r="DT33" s="70">
        <v>5</v>
      </c>
      <c r="DU33" s="71">
        <v>2</v>
      </c>
      <c r="DV33" s="72">
        <v>7</v>
      </c>
      <c r="DW33" s="244"/>
      <c r="DX33" s="71">
        <v>1</v>
      </c>
      <c r="DY33" s="71">
        <v>4</v>
      </c>
      <c r="DZ33" s="71">
        <v>2</v>
      </c>
      <c r="EA33" s="71">
        <v>3</v>
      </c>
      <c r="EB33" s="71">
        <v>2</v>
      </c>
      <c r="EC33" s="72">
        <v>12</v>
      </c>
      <c r="ED33" s="73">
        <v>19</v>
      </c>
      <c r="EE33" s="70">
        <v>9</v>
      </c>
      <c r="EF33" s="71">
        <v>2</v>
      </c>
      <c r="EG33" s="72">
        <v>11</v>
      </c>
      <c r="EH33" s="244"/>
      <c r="EI33" s="71">
        <v>14</v>
      </c>
      <c r="EJ33" s="71">
        <v>6</v>
      </c>
      <c r="EK33" s="71">
        <v>13</v>
      </c>
      <c r="EL33" s="71">
        <v>3</v>
      </c>
      <c r="EM33" s="71">
        <v>2</v>
      </c>
      <c r="EN33" s="72">
        <v>38</v>
      </c>
      <c r="EO33" s="73">
        <v>49</v>
      </c>
      <c r="EP33" s="70">
        <v>12</v>
      </c>
      <c r="EQ33" s="71">
        <v>8</v>
      </c>
      <c r="ER33" s="72">
        <v>20</v>
      </c>
      <c r="ES33" s="244"/>
      <c r="ET33" s="71">
        <v>25</v>
      </c>
      <c r="EU33" s="71">
        <v>10</v>
      </c>
      <c r="EV33" s="71">
        <v>14</v>
      </c>
      <c r="EW33" s="71">
        <v>10</v>
      </c>
      <c r="EX33" s="71">
        <v>6</v>
      </c>
      <c r="EY33" s="72">
        <v>65</v>
      </c>
      <c r="EZ33" s="73">
        <v>85</v>
      </c>
      <c r="FA33" s="70">
        <v>11</v>
      </c>
      <c r="FB33" s="71">
        <v>13</v>
      </c>
      <c r="FC33" s="72">
        <v>24</v>
      </c>
      <c r="FD33" s="244"/>
      <c r="FE33" s="71">
        <v>28</v>
      </c>
      <c r="FF33" s="71">
        <v>19</v>
      </c>
      <c r="FG33" s="71">
        <v>14</v>
      </c>
      <c r="FH33" s="71">
        <v>20</v>
      </c>
      <c r="FI33" s="71">
        <v>10</v>
      </c>
      <c r="FJ33" s="72">
        <v>91</v>
      </c>
      <c r="FK33" s="73">
        <v>115</v>
      </c>
      <c r="FL33" s="70">
        <v>9</v>
      </c>
      <c r="FM33" s="71">
        <v>12</v>
      </c>
      <c r="FN33" s="72">
        <v>21</v>
      </c>
      <c r="FO33" s="244"/>
      <c r="FP33" s="71">
        <v>18</v>
      </c>
      <c r="FQ33" s="71">
        <v>20</v>
      </c>
      <c r="FR33" s="71">
        <v>41</v>
      </c>
      <c r="FS33" s="71">
        <v>39</v>
      </c>
      <c r="FT33" s="71">
        <v>8</v>
      </c>
      <c r="FU33" s="72">
        <v>126</v>
      </c>
      <c r="FV33" s="73">
        <v>147</v>
      </c>
      <c r="FW33" s="70">
        <v>0</v>
      </c>
      <c r="FX33" s="71">
        <v>0</v>
      </c>
      <c r="FY33" s="72">
        <v>0</v>
      </c>
      <c r="FZ33" s="244"/>
      <c r="GA33" s="71">
        <v>2</v>
      </c>
      <c r="GB33" s="71">
        <v>0</v>
      </c>
      <c r="GC33" s="71">
        <v>1</v>
      </c>
      <c r="GD33" s="71">
        <v>1</v>
      </c>
      <c r="GE33" s="71">
        <v>1</v>
      </c>
      <c r="GF33" s="72">
        <v>5</v>
      </c>
      <c r="GG33" s="73">
        <v>5</v>
      </c>
      <c r="GH33" s="70">
        <v>47</v>
      </c>
      <c r="GI33" s="71">
        <v>37</v>
      </c>
      <c r="GJ33" s="72">
        <v>84</v>
      </c>
      <c r="GK33" s="244"/>
      <c r="GL33" s="71">
        <v>89</v>
      </c>
      <c r="GM33" s="71">
        <v>59</v>
      </c>
      <c r="GN33" s="71">
        <v>87</v>
      </c>
      <c r="GO33" s="71">
        <v>77</v>
      </c>
      <c r="GP33" s="71">
        <v>30</v>
      </c>
      <c r="GQ33" s="72">
        <v>342</v>
      </c>
      <c r="GR33" s="73">
        <v>426</v>
      </c>
      <c r="GS33" s="123">
        <v>70</v>
      </c>
      <c r="GT33" s="82">
        <v>54</v>
      </c>
      <c r="GU33" s="83">
        <v>124</v>
      </c>
      <c r="GV33" s="241"/>
      <c r="GW33" s="82">
        <v>120</v>
      </c>
      <c r="GX33" s="82">
        <v>89</v>
      </c>
      <c r="GY33" s="82">
        <v>109</v>
      </c>
      <c r="GZ33" s="82">
        <v>109</v>
      </c>
      <c r="HA33" s="82">
        <v>37</v>
      </c>
      <c r="HB33" s="84">
        <v>464</v>
      </c>
      <c r="HC33" s="85">
        <v>588</v>
      </c>
      <c r="HD33" s="70">
        <v>4</v>
      </c>
      <c r="HE33" s="71">
        <v>1</v>
      </c>
      <c r="HF33" s="72">
        <v>5</v>
      </c>
      <c r="HG33" s="244"/>
      <c r="HH33" s="71">
        <v>2</v>
      </c>
      <c r="HI33" s="71">
        <v>3</v>
      </c>
      <c r="HJ33" s="71">
        <v>4</v>
      </c>
      <c r="HK33" s="71">
        <v>3</v>
      </c>
      <c r="HL33" s="71">
        <v>1</v>
      </c>
      <c r="HM33" s="72">
        <v>13</v>
      </c>
      <c r="HN33" s="73">
        <v>18</v>
      </c>
      <c r="HO33" s="70">
        <v>10</v>
      </c>
      <c r="HP33" s="71">
        <v>3</v>
      </c>
      <c r="HQ33" s="72">
        <v>13</v>
      </c>
      <c r="HR33" s="244"/>
      <c r="HS33" s="71">
        <v>6</v>
      </c>
      <c r="HT33" s="71">
        <v>9</v>
      </c>
      <c r="HU33" s="71">
        <v>2</v>
      </c>
      <c r="HV33" s="71">
        <v>7</v>
      </c>
      <c r="HW33" s="71">
        <v>3</v>
      </c>
      <c r="HX33" s="72">
        <v>27</v>
      </c>
      <c r="HY33" s="73">
        <v>40</v>
      </c>
      <c r="HZ33" s="70">
        <v>12</v>
      </c>
      <c r="IA33" s="71">
        <v>4</v>
      </c>
      <c r="IB33" s="72">
        <v>16</v>
      </c>
      <c r="IC33" s="244"/>
      <c r="ID33" s="71">
        <v>16</v>
      </c>
      <c r="IE33" s="71">
        <v>11</v>
      </c>
      <c r="IF33" s="71">
        <v>17</v>
      </c>
      <c r="IG33" s="71">
        <v>8</v>
      </c>
      <c r="IH33" s="71">
        <v>2</v>
      </c>
      <c r="II33" s="72">
        <v>54</v>
      </c>
      <c r="IJ33" s="73">
        <v>70</v>
      </c>
      <c r="IK33" s="70">
        <v>14</v>
      </c>
      <c r="IL33" s="71">
        <v>14</v>
      </c>
      <c r="IM33" s="72">
        <v>28</v>
      </c>
      <c r="IN33" s="244"/>
      <c r="IO33" s="71">
        <v>33</v>
      </c>
      <c r="IP33" s="71">
        <v>17</v>
      </c>
      <c r="IQ33" s="71">
        <v>19</v>
      </c>
      <c r="IR33" s="71">
        <v>17</v>
      </c>
      <c r="IS33" s="71">
        <v>7</v>
      </c>
      <c r="IT33" s="72">
        <v>93</v>
      </c>
      <c r="IU33" s="73">
        <v>121</v>
      </c>
      <c r="IV33" s="70">
        <v>18</v>
      </c>
      <c r="IW33" s="71">
        <v>15</v>
      </c>
      <c r="IX33" s="72">
        <v>33</v>
      </c>
      <c r="IY33" s="244"/>
      <c r="IZ33" s="71">
        <v>37</v>
      </c>
      <c r="JA33" s="71">
        <v>23</v>
      </c>
      <c r="JB33" s="71">
        <v>20</v>
      </c>
      <c r="JC33" s="71">
        <v>29</v>
      </c>
      <c r="JD33" s="71">
        <v>12</v>
      </c>
      <c r="JE33" s="72">
        <v>121</v>
      </c>
      <c r="JF33" s="73">
        <v>154</v>
      </c>
      <c r="JG33" s="70">
        <v>12</v>
      </c>
      <c r="JH33" s="71">
        <v>17</v>
      </c>
      <c r="JI33" s="72">
        <v>29</v>
      </c>
      <c r="JJ33" s="244"/>
      <c r="JK33" s="71">
        <v>26</v>
      </c>
      <c r="JL33" s="71">
        <v>26</v>
      </c>
      <c r="JM33" s="71">
        <v>47</v>
      </c>
      <c r="JN33" s="71">
        <v>45</v>
      </c>
      <c r="JO33" s="71">
        <v>12</v>
      </c>
      <c r="JP33" s="72">
        <v>156</v>
      </c>
      <c r="JQ33" s="73">
        <v>185</v>
      </c>
      <c r="JR33" s="70">
        <v>0</v>
      </c>
      <c r="JS33" s="71">
        <v>0</v>
      </c>
      <c r="JT33" s="72">
        <v>0</v>
      </c>
      <c r="JU33" s="244"/>
      <c r="JV33" s="71">
        <v>3</v>
      </c>
      <c r="JW33" s="71">
        <v>0</v>
      </c>
      <c r="JX33" s="71">
        <v>4</v>
      </c>
      <c r="JY33" s="71">
        <v>2</v>
      </c>
      <c r="JZ33" s="71">
        <v>3</v>
      </c>
      <c r="KA33" s="72">
        <v>12</v>
      </c>
      <c r="KB33" s="73">
        <v>12</v>
      </c>
      <c r="KC33" s="70">
        <v>70</v>
      </c>
      <c r="KD33" s="71">
        <v>54</v>
      </c>
      <c r="KE33" s="72">
        <v>124</v>
      </c>
      <c r="KF33" s="244"/>
      <c r="KG33" s="71">
        <v>123</v>
      </c>
      <c r="KH33" s="71">
        <v>89</v>
      </c>
      <c r="KI33" s="71">
        <v>113</v>
      </c>
      <c r="KJ33" s="71">
        <v>111</v>
      </c>
      <c r="KK33" s="71">
        <v>40</v>
      </c>
      <c r="KL33" s="72">
        <v>476</v>
      </c>
      <c r="KM33" s="73">
        <v>600</v>
      </c>
    </row>
    <row r="34" spans="2:299" ht="21" customHeight="1" x14ac:dyDescent="0.2">
      <c r="B34" s="126" t="s">
        <v>31</v>
      </c>
      <c r="C34" s="313">
        <v>21</v>
      </c>
      <c r="D34" s="82">
        <v>37</v>
      </c>
      <c r="E34" s="83">
        <v>58</v>
      </c>
      <c r="F34" s="241"/>
      <c r="G34" s="82">
        <v>53</v>
      </c>
      <c r="H34" s="82">
        <v>47</v>
      </c>
      <c r="I34" s="82">
        <v>35</v>
      </c>
      <c r="J34" s="82">
        <v>34</v>
      </c>
      <c r="K34" s="82">
        <v>12</v>
      </c>
      <c r="L34" s="84">
        <v>181</v>
      </c>
      <c r="M34" s="85">
        <v>239</v>
      </c>
      <c r="N34" s="70">
        <v>0</v>
      </c>
      <c r="O34" s="71">
        <v>0</v>
      </c>
      <c r="P34" s="72">
        <v>0</v>
      </c>
      <c r="Q34" s="244"/>
      <c r="R34" s="71">
        <v>2</v>
      </c>
      <c r="S34" s="71">
        <v>3</v>
      </c>
      <c r="T34" s="71">
        <v>4</v>
      </c>
      <c r="U34" s="71">
        <v>2</v>
      </c>
      <c r="V34" s="71">
        <v>1</v>
      </c>
      <c r="W34" s="72">
        <v>12</v>
      </c>
      <c r="X34" s="73">
        <v>12</v>
      </c>
      <c r="Y34" s="70">
        <v>3</v>
      </c>
      <c r="Z34" s="71">
        <v>5</v>
      </c>
      <c r="AA34" s="72">
        <v>8</v>
      </c>
      <c r="AB34" s="244"/>
      <c r="AC34" s="71">
        <v>5</v>
      </c>
      <c r="AD34" s="71">
        <v>8</v>
      </c>
      <c r="AE34" s="71">
        <v>2</v>
      </c>
      <c r="AF34" s="71">
        <v>5</v>
      </c>
      <c r="AG34" s="71">
        <v>2</v>
      </c>
      <c r="AH34" s="72">
        <v>22</v>
      </c>
      <c r="AI34" s="73">
        <v>30</v>
      </c>
      <c r="AJ34" s="70">
        <v>3</v>
      </c>
      <c r="AK34" s="71">
        <v>6</v>
      </c>
      <c r="AL34" s="72">
        <v>9</v>
      </c>
      <c r="AM34" s="244"/>
      <c r="AN34" s="71">
        <v>6</v>
      </c>
      <c r="AO34" s="71">
        <v>3</v>
      </c>
      <c r="AP34" s="71">
        <v>8</v>
      </c>
      <c r="AQ34" s="71">
        <v>6</v>
      </c>
      <c r="AR34" s="71">
        <v>1</v>
      </c>
      <c r="AS34" s="72">
        <v>24</v>
      </c>
      <c r="AT34" s="73">
        <v>33</v>
      </c>
      <c r="AU34" s="70">
        <v>4</v>
      </c>
      <c r="AV34" s="71">
        <v>11</v>
      </c>
      <c r="AW34" s="72">
        <v>15</v>
      </c>
      <c r="AX34" s="244"/>
      <c r="AY34" s="71">
        <v>16</v>
      </c>
      <c r="AZ34" s="71">
        <v>11</v>
      </c>
      <c r="BA34" s="71">
        <v>5</v>
      </c>
      <c r="BB34" s="71">
        <v>4</v>
      </c>
      <c r="BC34" s="71">
        <v>2</v>
      </c>
      <c r="BD34" s="72">
        <v>38</v>
      </c>
      <c r="BE34" s="73">
        <v>53</v>
      </c>
      <c r="BF34" s="70">
        <v>6</v>
      </c>
      <c r="BG34" s="71">
        <v>8</v>
      </c>
      <c r="BH34" s="72">
        <v>14</v>
      </c>
      <c r="BI34" s="244"/>
      <c r="BJ34" s="71">
        <v>13</v>
      </c>
      <c r="BK34" s="71">
        <v>11</v>
      </c>
      <c r="BL34" s="71">
        <v>6</v>
      </c>
      <c r="BM34" s="71">
        <v>8</v>
      </c>
      <c r="BN34" s="71">
        <v>2</v>
      </c>
      <c r="BO34" s="72">
        <v>40</v>
      </c>
      <c r="BP34" s="73">
        <v>54</v>
      </c>
      <c r="BQ34" s="70">
        <v>5</v>
      </c>
      <c r="BR34" s="71">
        <v>7</v>
      </c>
      <c r="BS34" s="72">
        <v>12</v>
      </c>
      <c r="BT34" s="244"/>
      <c r="BU34" s="71">
        <v>11</v>
      </c>
      <c r="BV34" s="71">
        <v>11</v>
      </c>
      <c r="BW34" s="71">
        <v>10</v>
      </c>
      <c r="BX34" s="71">
        <v>9</v>
      </c>
      <c r="BY34" s="71">
        <v>4</v>
      </c>
      <c r="BZ34" s="72">
        <v>45</v>
      </c>
      <c r="CA34" s="73">
        <v>57</v>
      </c>
      <c r="CB34" s="70">
        <v>0</v>
      </c>
      <c r="CC34" s="71">
        <v>4</v>
      </c>
      <c r="CD34" s="72">
        <v>4</v>
      </c>
      <c r="CE34" s="244"/>
      <c r="CF34" s="71">
        <v>2</v>
      </c>
      <c r="CG34" s="71">
        <v>0</v>
      </c>
      <c r="CH34" s="71">
        <v>0</v>
      </c>
      <c r="CI34" s="71">
        <v>1</v>
      </c>
      <c r="CJ34" s="71">
        <v>0</v>
      </c>
      <c r="CK34" s="72">
        <v>3</v>
      </c>
      <c r="CL34" s="73">
        <v>7</v>
      </c>
      <c r="CM34" s="70">
        <v>21</v>
      </c>
      <c r="CN34" s="71">
        <v>41</v>
      </c>
      <c r="CO34" s="72">
        <v>62</v>
      </c>
      <c r="CP34" s="244"/>
      <c r="CQ34" s="71">
        <v>55</v>
      </c>
      <c r="CR34" s="71">
        <v>47</v>
      </c>
      <c r="CS34" s="71">
        <v>35</v>
      </c>
      <c r="CT34" s="71">
        <v>35</v>
      </c>
      <c r="CU34" s="71">
        <v>12</v>
      </c>
      <c r="CV34" s="72">
        <v>184</v>
      </c>
      <c r="CW34" s="73">
        <v>246</v>
      </c>
      <c r="CX34" s="123">
        <v>53</v>
      </c>
      <c r="CY34" s="82">
        <v>85</v>
      </c>
      <c r="CZ34" s="83">
        <v>138</v>
      </c>
      <c r="DA34" s="241"/>
      <c r="DB34" s="82">
        <v>111</v>
      </c>
      <c r="DC34" s="82">
        <v>80</v>
      </c>
      <c r="DD34" s="82">
        <v>75</v>
      </c>
      <c r="DE34" s="82">
        <v>74</v>
      </c>
      <c r="DF34" s="82">
        <v>41</v>
      </c>
      <c r="DG34" s="84">
        <v>381</v>
      </c>
      <c r="DH34" s="85">
        <v>519</v>
      </c>
      <c r="DI34" s="70">
        <v>0</v>
      </c>
      <c r="DJ34" s="71">
        <v>3</v>
      </c>
      <c r="DK34" s="72">
        <v>3</v>
      </c>
      <c r="DL34" s="244"/>
      <c r="DM34" s="71">
        <v>1</v>
      </c>
      <c r="DN34" s="71">
        <v>1</v>
      </c>
      <c r="DO34" s="71">
        <v>0</v>
      </c>
      <c r="DP34" s="71">
        <v>2</v>
      </c>
      <c r="DQ34" s="71">
        <v>2</v>
      </c>
      <c r="DR34" s="72">
        <v>6</v>
      </c>
      <c r="DS34" s="73">
        <v>9</v>
      </c>
      <c r="DT34" s="70">
        <v>2</v>
      </c>
      <c r="DU34" s="71">
        <v>4</v>
      </c>
      <c r="DV34" s="72">
        <v>6</v>
      </c>
      <c r="DW34" s="244"/>
      <c r="DX34" s="71">
        <v>13</v>
      </c>
      <c r="DY34" s="71">
        <v>5</v>
      </c>
      <c r="DZ34" s="71">
        <v>3</v>
      </c>
      <c r="EA34" s="71">
        <v>7</v>
      </c>
      <c r="EB34" s="71">
        <v>2</v>
      </c>
      <c r="EC34" s="72">
        <v>30</v>
      </c>
      <c r="ED34" s="73">
        <v>36</v>
      </c>
      <c r="EE34" s="70">
        <v>4</v>
      </c>
      <c r="EF34" s="71">
        <v>8</v>
      </c>
      <c r="EG34" s="72">
        <v>12</v>
      </c>
      <c r="EH34" s="244"/>
      <c r="EI34" s="71">
        <v>10</v>
      </c>
      <c r="EJ34" s="71">
        <v>5</v>
      </c>
      <c r="EK34" s="71">
        <v>3</v>
      </c>
      <c r="EL34" s="71">
        <v>5</v>
      </c>
      <c r="EM34" s="71">
        <v>0</v>
      </c>
      <c r="EN34" s="72">
        <v>23</v>
      </c>
      <c r="EO34" s="73">
        <v>35</v>
      </c>
      <c r="EP34" s="70">
        <v>16</v>
      </c>
      <c r="EQ34" s="71">
        <v>28</v>
      </c>
      <c r="ER34" s="72">
        <v>44</v>
      </c>
      <c r="ES34" s="244"/>
      <c r="ET34" s="71">
        <v>20</v>
      </c>
      <c r="EU34" s="71">
        <v>13</v>
      </c>
      <c r="EV34" s="71">
        <v>14</v>
      </c>
      <c r="EW34" s="71">
        <v>8</v>
      </c>
      <c r="EX34" s="71">
        <v>6</v>
      </c>
      <c r="EY34" s="72">
        <v>61</v>
      </c>
      <c r="EZ34" s="73">
        <v>105</v>
      </c>
      <c r="FA34" s="70">
        <v>23</v>
      </c>
      <c r="FB34" s="71">
        <v>25</v>
      </c>
      <c r="FC34" s="72">
        <v>48</v>
      </c>
      <c r="FD34" s="244"/>
      <c r="FE34" s="71">
        <v>27</v>
      </c>
      <c r="FF34" s="71">
        <v>30</v>
      </c>
      <c r="FG34" s="71">
        <v>23</v>
      </c>
      <c r="FH34" s="71">
        <v>18</v>
      </c>
      <c r="FI34" s="71">
        <v>11</v>
      </c>
      <c r="FJ34" s="72">
        <v>109</v>
      </c>
      <c r="FK34" s="73">
        <v>157</v>
      </c>
      <c r="FL34" s="70">
        <v>8</v>
      </c>
      <c r="FM34" s="71">
        <v>17</v>
      </c>
      <c r="FN34" s="72">
        <v>25</v>
      </c>
      <c r="FO34" s="244"/>
      <c r="FP34" s="71">
        <v>40</v>
      </c>
      <c r="FQ34" s="71">
        <v>26</v>
      </c>
      <c r="FR34" s="71">
        <v>32</v>
      </c>
      <c r="FS34" s="71">
        <v>34</v>
      </c>
      <c r="FT34" s="71">
        <v>20</v>
      </c>
      <c r="FU34" s="72">
        <v>152</v>
      </c>
      <c r="FV34" s="73">
        <v>177</v>
      </c>
      <c r="FW34" s="70">
        <v>0</v>
      </c>
      <c r="FX34" s="71">
        <v>0</v>
      </c>
      <c r="FY34" s="72">
        <v>0</v>
      </c>
      <c r="FZ34" s="244"/>
      <c r="GA34" s="71">
        <v>2</v>
      </c>
      <c r="GB34" s="71">
        <v>0</v>
      </c>
      <c r="GC34" s="71">
        <v>1</v>
      </c>
      <c r="GD34" s="71">
        <v>2</v>
      </c>
      <c r="GE34" s="71">
        <v>1</v>
      </c>
      <c r="GF34" s="72">
        <v>6</v>
      </c>
      <c r="GG34" s="73">
        <v>6</v>
      </c>
      <c r="GH34" s="70">
        <v>53</v>
      </c>
      <c r="GI34" s="71">
        <v>85</v>
      </c>
      <c r="GJ34" s="72">
        <v>138</v>
      </c>
      <c r="GK34" s="244"/>
      <c r="GL34" s="71">
        <v>113</v>
      </c>
      <c r="GM34" s="71">
        <v>80</v>
      </c>
      <c r="GN34" s="71">
        <v>76</v>
      </c>
      <c r="GO34" s="71">
        <v>76</v>
      </c>
      <c r="GP34" s="71">
        <v>42</v>
      </c>
      <c r="GQ34" s="72">
        <v>387</v>
      </c>
      <c r="GR34" s="73">
        <v>525</v>
      </c>
      <c r="GS34" s="123">
        <v>74</v>
      </c>
      <c r="GT34" s="82">
        <v>122</v>
      </c>
      <c r="GU34" s="83">
        <v>196</v>
      </c>
      <c r="GV34" s="241"/>
      <c r="GW34" s="82">
        <v>164</v>
      </c>
      <c r="GX34" s="82">
        <v>127</v>
      </c>
      <c r="GY34" s="82">
        <v>110</v>
      </c>
      <c r="GZ34" s="82">
        <v>108</v>
      </c>
      <c r="HA34" s="82">
        <v>53</v>
      </c>
      <c r="HB34" s="84">
        <v>562</v>
      </c>
      <c r="HC34" s="85">
        <v>758</v>
      </c>
      <c r="HD34" s="70">
        <v>0</v>
      </c>
      <c r="HE34" s="71">
        <v>3</v>
      </c>
      <c r="HF34" s="72">
        <v>3</v>
      </c>
      <c r="HG34" s="244"/>
      <c r="HH34" s="71">
        <v>3</v>
      </c>
      <c r="HI34" s="71">
        <v>4</v>
      </c>
      <c r="HJ34" s="71">
        <v>4</v>
      </c>
      <c r="HK34" s="71">
        <v>4</v>
      </c>
      <c r="HL34" s="71">
        <v>3</v>
      </c>
      <c r="HM34" s="72">
        <v>18</v>
      </c>
      <c r="HN34" s="73">
        <v>21</v>
      </c>
      <c r="HO34" s="70">
        <v>5</v>
      </c>
      <c r="HP34" s="71">
        <v>9</v>
      </c>
      <c r="HQ34" s="72">
        <v>14</v>
      </c>
      <c r="HR34" s="244"/>
      <c r="HS34" s="71">
        <v>18</v>
      </c>
      <c r="HT34" s="71">
        <v>13</v>
      </c>
      <c r="HU34" s="71">
        <v>5</v>
      </c>
      <c r="HV34" s="71">
        <v>12</v>
      </c>
      <c r="HW34" s="71">
        <v>4</v>
      </c>
      <c r="HX34" s="72">
        <v>52</v>
      </c>
      <c r="HY34" s="73">
        <v>66</v>
      </c>
      <c r="HZ34" s="70">
        <v>7</v>
      </c>
      <c r="IA34" s="71">
        <v>14</v>
      </c>
      <c r="IB34" s="72">
        <v>21</v>
      </c>
      <c r="IC34" s="244"/>
      <c r="ID34" s="71">
        <v>16</v>
      </c>
      <c r="IE34" s="71">
        <v>8</v>
      </c>
      <c r="IF34" s="71">
        <v>11</v>
      </c>
      <c r="IG34" s="71">
        <v>11</v>
      </c>
      <c r="IH34" s="71">
        <v>1</v>
      </c>
      <c r="II34" s="72">
        <v>47</v>
      </c>
      <c r="IJ34" s="73">
        <v>68</v>
      </c>
      <c r="IK34" s="70">
        <v>20</v>
      </c>
      <c r="IL34" s="71">
        <v>39</v>
      </c>
      <c r="IM34" s="72">
        <v>59</v>
      </c>
      <c r="IN34" s="244"/>
      <c r="IO34" s="71">
        <v>36</v>
      </c>
      <c r="IP34" s="71">
        <v>24</v>
      </c>
      <c r="IQ34" s="71">
        <v>19</v>
      </c>
      <c r="IR34" s="71">
        <v>12</v>
      </c>
      <c r="IS34" s="71">
        <v>8</v>
      </c>
      <c r="IT34" s="72">
        <v>99</v>
      </c>
      <c r="IU34" s="73">
        <v>158</v>
      </c>
      <c r="IV34" s="70">
        <v>29</v>
      </c>
      <c r="IW34" s="71">
        <v>33</v>
      </c>
      <c r="IX34" s="72">
        <v>62</v>
      </c>
      <c r="IY34" s="244"/>
      <c r="IZ34" s="71">
        <v>40</v>
      </c>
      <c r="JA34" s="71">
        <v>41</v>
      </c>
      <c r="JB34" s="71">
        <v>29</v>
      </c>
      <c r="JC34" s="71">
        <v>26</v>
      </c>
      <c r="JD34" s="71">
        <v>13</v>
      </c>
      <c r="JE34" s="72">
        <v>149</v>
      </c>
      <c r="JF34" s="73">
        <v>211</v>
      </c>
      <c r="JG34" s="70">
        <v>13</v>
      </c>
      <c r="JH34" s="71">
        <v>24</v>
      </c>
      <c r="JI34" s="72">
        <v>37</v>
      </c>
      <c r="JJ34" s="244"/>
      <c r="JK34" s="71">
        <v>51</v>
      </c>
      <c r="JL34" s="71">
        <v>37</v>
      </c>
      <c r="JM34" s="71">
        <v>42</v>
      </c>
      <c r="JN34" s="71">
        <v>43</v>
      </c>
      <c r="JO34" s="71">
        <v>24</v>
      </c>
      <c r="JP34" s="72">
        <v>197</v>
      </c>
      <c r="JQ34" s="73">
        <v>234</v>
      </c>
      <c r="JR34" s="70">
        <v>0</v>
      </c>
      <c r="JS34" s="71">
        <v>4</v>
      </c>
      <c r="JT34" s="72">
        <v>4</v>
      </c>
      <c r="JU34" s="244"/>
      <c r="JV34" s="71">
        <v>4</v>
      </c>
      <c r="JW34" s="71">
        <v>0</v>
      </c>
      <c r="JX34" s="71">
        <v>1</v>
      </c>
      <c r="JY34" s="71">
        <v>3</v>
      </c>
      <c r="JZ34" s="71">
        <v>1</v>
      </c>
      <c r="KA34" s="72">
        <v>9</v>
      </c>
      <c r="KB34" s="73">
        <v>13</v>
      </c>
      <c r="KC34" s="70">
        <v>74</v>
      </c>
      <c r="KD34" s="71">
        <v>126</v>
      </c>
      <c r="KE34" s="72">
        <v>200</v>
      </c>
      <c r="KF34" s="244"/>
      <c r="KG34" s="71">
        <v>168</v>
      </c>
      <c r="KH34" s="71">
        <v>127</v>
      </c>
      <c r="KI34" s="71">
        <v>111</v>
      </c>
      <c r="KJ34" s="71">
        <v>111</v>
      </c>
      <c r="KK34" s="71">
        <v>54</v>
      </c>
      <c r="KL34" s="72">
        <v>571</v>
      </c>
      <c r="KM34" s="73">
        <v>771</v>
      </c>
    </row>
    <row r="35" spans="2:299" ht="21" customHeight="1" x14ac:dyDescent="0.2">
      <c r="B35" s="126" t="s">
        <v>32</v>
      </c>
      <c r="C35" s="313">
        <v>26</v>
      </c>
      <c r="D35" s="82">
        <v>23</v>
      </c>
      <c r="E35" s="83">
        <v>49</v>
      </c>
      <c r="F35" s="241"/>
      <c r="G35" s="82">
        <v>62</v>
      </c>
      <c r="H35" s="82">
        <v>55</v>
      </c>
      <c r="I35" s="82">
        <v>41</v>
      </c>
      <c r="J35" s="82">
        <v>36</v>
      </c>
      <c r="K35" s="82">
        <v>21</v>
      </c>
      <c r="L35" s="84">
        <v>215</v>
      </c>
      <c r="M35" s="85">
        <v>264</v>
      </c>
      <c r="N35" s="70">
        <v>2</v>
      </c>
      <c r="O35" s="71">
        <v>1</v>
      </c>
      <c r="P35" s="72">
        <v>3</v>
      </c>
      <c r="Q35" s="244"/>
      <c r="R35" s="71">
        <v>4</v>
      </c>
      <c r="S35" s="71">
        <v>2</v>
      </c>
      <c r="T35" s="71">
        <v>3</v>
      </c>
      <c r="U35" s="71">
        <v>3</v>
      </c>
      <c r="V35" s="71">
        <v>0</v>
      </c>
      <c r="W35" s="72">
        <v>12</v>
      </c>
      <c r="X35" s="73">
        <v>15</v>
      </c>
      <c r="Y35" s="70">
        <v>8</v>
      </c>
      <c r="Z35" s="71">
        <v>1</v>
      </c>
      <c r="AA35" s="72">
        <v>9</v>
      </c>
      <c r="AB35" s="244"/>
      <c r="AC35" s="71">
        <v>3</v>
      </c>
      <c r="AD35" s="71">
        <v>5</v>
      </c>
      <c r="AE35" s="71">
        <v>3</v>
      </c>
      <c r="AF35" s="71">
        <v>6</v>
      </c>
      <c r="AG35" s="71">
        <v>2</v>
      </c>
      <c r="AH35" s="72">
        <v>19</v>
      </c>
      <c r="AI35" s="73">
        <v>28</v>
      </c>
      <c r="AJ35" s="70">
        <v>3</v>
      </c>
      <c r="AK35" s="71">
        <v>0</v>
      </c>
      <c r="AL35" s="72">
        <v>3</v>
      </c>
      <c r="AM35" s="244"/>
      <c r="AN35" s="71">
        <v>9</v>
      </c>
      <c r="AO35" s="71">
        <v>10</v>
      </c>
      <c r="AP35" s="71">
        <v>5</v>
      </c>
      <c r="AQ35" s="71">
        <v>2</v>
      </c>
      <c r="AR35" s="71">
        <v>6</v>
      </c>
      <c r="AS35" s="72">
        <v>32</v>
      </c>
      <c r="AT35" s="73">
        <v>35</v>
      </c>
      <c r="AU35" s="70">
        <v>5</v>
      </c>
      <c r="AV35" s="71">
        <v>9</v>
      </c>
      <c r="AW35" s="72">
        <v>14</v>
      </c>
      <c r="AX35" s="244"/>
      <c r="AY35" s="71">
        <v>22</v>
      </c>
      <c r="AZ35" s="71">
        <v>11</v>
      </c>
      <c r="BA35" s="71">
        <v>10</v>
      </c>
      <c r="BB35" s="71">
        <v>9</v>
      </c>
      <c r="BC35" s="71">
        <v>3</v>
      </c>
      <c r="BD35" s="72">
        <v>55</v>
      </c>
      <c r="BE35" s="73">
        <v>69</v>
      </c>
      <c r="BF35" s="70">
        <v>6</v>
      </c>
      <c r="BG35" s="71">
        <v>8</v>
      </c>
      <c r="BH35" s="72">
        <v>14</v>
      </c>
      <c r="BI35" s="244"/>
      <c r="BJ35" s="71">
        <v>17</v>
      </c>
      <c r="BK35" s="71">
        <v>10</v>
      </c>
      <c r="BL35" s="71">
        <v>14</v>
      </c>
      <c r="BM35" s="71">
        <v>8</v>
      </c>
      <c r="BN35" s="71">
        <v>9</v>
      </c>
      <c r="BO35" s="72">
        <v>58</v>
      </c>
      <c r="BP35" s="73">
        <v>72</v>
      </c>
      <c r="BQ35" s="70">
        <v>2</v>
      </c>
      <c r="BR35" s="71">
        <v>4</v>
      </c>
      <c r="BS35" s="72">
        <v>6</v>
      </c>
      <c r="BT35" s="244"/>
      <c r="BU35" s="71">
        <v>7</v>
      </c>
      <c r="BV35" s="71">
        <v>17</v>
      </c>
      <c r="BW35" s="71">
        <v>6</v>
      </c>
      <c r="BX35" s="71">
        <v>8</v>
      </c>
      <c r="BY35" s="71">
        <v>1</v>
      </c>
      <c r="BZ35" s="72">
        <v>39</v>
      </c>
      <c r="CA35" s="73">
        <v>45</v>
      </c>
      <c r="CB35" s="70">
        <v>1</v>
      </c>
      <c r="CC35" s="71">
        <v>1</v>
      </c>
      <c r="CD35" s="72">
        <v>2</v>
      </c>
      <c r="CE35" s="244"/>
      <c r="CF35" s="71">
        <v>4</v>
      </c>
      <c r="CG35" s="71">
        <v>4</v>
      </c>
      <c r="CH35" s="71">
        <v>2</v>
      </c>
      <c r="CI35" s="71">
        <v>1</v>
      </c>
      <c r="CJ35" s="71">
        <v>4</v>
      </c>
      <c r="CK35" s="72">
        <v>15</v>
      </c>
      <c r="CL35" s="73">
        <v>17</v>
      </c>
      <c r="CM35" s="70">
        <v>27</v>
      </c>
      <c r="CN35" s="71">
        <v>24</v>
      </c>
      <c r="CO35" s="72">
        <v>51</v>
      </c>
      <c r="CP35" s="244"/>
      <c r="CQ35" s="71">
        <v>66</v>
      </c>
      <c r="CR35" s="71">
        <v>59</v>
      </c>
      <c r="CS35" s="71">
        <v>43</v>
      </c>
      <c r="CT35" s="71">
        <v>37</v>
      </c>
      <c r="CU35" s="71">
        <v>25</v>
      </c>
      <c r="CV35" s="72">
        <v>230</v>
      </c>
      <c r="CW35" s="73">
        <v>281</v>
      </c>
      <c r="CX35" s="123">
        <v>33</v>
      </c>
      <c r="CY35" s="82">
        <v>73</v>
      </c>
      <c r="CZ35" s="83">
        <v>106</v>
      </c>
      <c r="DA35" s="241"/>
      <c r="DB35" s="82">
        <v>117</v>
      </c>
      <c r="DC35" s="82">
        <v>90</v>
      </c>
      <c r="DD35" s="82">
        <v>82</v>
      </c>
      <c r="DE35" s="82">
        <v>76</v>
      </c>
      <c r="DF35" s="82">
        <v>41</v>
      </c>
      <c r="DG35" s="84">
        <v>406</v>
      </c>
      <c r="DH35" s="85">
        <v>512</v>
      </c>
      <c r="DI35" s="70">
        <v>2</v>
      </c>
      <c r="DJ35" s="71">
        <v>2</v>
      </c>
      <c r="DK35" s="72">
        <v>4</v>
      </c>
      <c r="DL35" s="244"/>
      <c r="DM35" s="71">
        <v>2</v>
      </c>
      <c r="DN35" s="71">
        <v>3</v>
      </c>
      <c r="DO35" s="71">
        <v>2</v>
      </c>
      <c r="DP35" s="71">
        <v>0</v>
      </c>
      <c r="DQ35" s="71">
        <v>1</v>
      </c>
      <c r="DR35" s="72">
        <v>8</v>
      </c>
      <c r="DS35" s="73">
        <v>12</v>
      </c>
      <c r="DT35" s="70">
        <v>2</v>
      </c>
      <c r="DU35" s="71">
        <v>3</v>
      </c>
      <c r="DV35" s="72">
        <v>5</v>
      </c>
      <c r="DW35" s="244"/>
      <c r="DX35" s="71">
        <v>9</v>
      </c>
      <c r="DY35" s="71">
        <v>1</v>
      </c>
      <c r="DZ35" s="71">
        <v>2</v>
      </c>
      <c r="EA35" s="71">
        <v>5</v>
      </c>
      <c r="EB35" s="71">
        <v>2</v>
      </c>
      <c r="EC35" s="72">
        <v>19</v>
      </c>
      <c r="ED35" s="73">
        <v>24</v>
      </c>
      <c r="EE35" s="70">
        <v>6</v>
      </c>
      <c r="EF35" s="71">
        <v>9</v>
      </c>
      <c r="EG35" s="72">
        <v>15</v>
      </c>
      <c r="EH35" s="244"/>
      <c r="EI35" s="71">
        <v>19</v>
      </c>
      <c r="EJ35" s="71">
        <v>4</v>
      </c>
      <c r="EK35" s="71">
        <v>6</v>
      </c>
      <c r="EL35" s="71">
        <v>2</v>
      </c>
      <c r="EM35" s="71">
        <v>6</v>
      </c>
      <c r="EN35" s="72">
        <v>37</v>
      </c>
      <c r="EO35" s="73">
        <v>52</v>
      </c>
      <c r="EP35" s="70">
        <v>10</v>
      </c>
      <c r="EQ35" s="71">
        <v>16</v>
      </c>
      <c r="ER35" s="72">
        <v>26</v>
      </c>
      <c r="ES35" s="244"/>
      <c r="ET35" s="71">
        <v>21</v>
      </c>
      <c r="EU35" s="71">
        <v>27</v>
      </c>
      <c r="EV35" s="71">
        <v>19</v>
      </c>
      <c r="EW35" s="71">
        <v>11</v>
      </c>
      <c r="EX35" s="71">
        <v>7</v>
      </c>
      <c r="EY35" s="72">
        <v>85</v>
      </c>
      <c r="EZ35" s="73">
        <v>111</v>
      </c>
      <c r="FA35" s="70">
        <v>8</v>
      </c>
      <c r="FB35" s="71">
        <v>20</v>
      </c>
      <c r="FC35" s="72">
        <v>28</v>
      </c>
      <c r="FD35" s="244"/>
      <c r="FE35" s="71">
        <v>29</v>
      </c>
      <c r="FF35" s="71">
        <v>22</v>
      </c>
      <c r="FG35" s="71">
        <v>19</v>
      </c>
      <c r="FH35" s="71">
        <v>20</v>
      </c>
      <c r="FI35" s="71">
        <v>11</v>
      </c>
      <c r="FJ35" s="72">
        <v>101</v>
      </c>
      <c r="FK35" s="73">
        <v>129</v>
      </c>
      <c r="FL35" s="70">
        <v>5</v>
      </c>
      <c r="FM35" s="71">
        <v>23</v>
      </c>
      <c r="FN35" s="72">
        <v>28</v>
      </c>
      <c r="FO35" s="244"/>
      <c r="FP35" s="71">
        <v>37</v>
      </c>
      <c r="FQ35" s="71">
        <v>33</v>
      </c>
      <c r="FR35" s="71">
        <v>34</v>
      </c>
      <c r="FS35" s="71">
        <v>38</v>
      </c>
      <c r="FT35" s="71">
        <v>14</v>
      </c>
      <c r="FU35" s="72">
        <v>156</v>
      </c>
      <c r="FV35" s="73">
        <v>184</v>
      </c>
      <c r="FW35" s="70">
        <v>1</v>
      </c>
      <c r="FX35" s="71">
        <v>1</v>
      </c>
      <c r="FY35" s="72">
        <v>2</v>
      </c>
      <c r="FZ35" s="244"/>
      <c r="GA35" s="71">
        <v>3</v>
      </c>
      <c r="GB35" s="71">
        <v>3</v>
      </c>
      <c r="GC35" s="71">
        <v>1</v>
      </c>
      <c r="GD35" s="71">
        <v>0</v>
      </c>
      <c r="GE35" s="71">
        <v>2</v>
      </c>
      <c r="GF35" s="72">
        <v>9</v>
      </c>
      <c r="GG35" s="73">
        <v>11</v>
      </c>
      <c r="GH35" s="70">
        <v>34</v>
      </c>
      <c r="GI35" s="71">
        <v>74</v>
      </c>
      <c r="GJ35" s="72">
        <v>108</v>
      </c>
      <c r="GK35" s="244"/>
      <c r="GL35" s="71">
        <v>120</v>
      </c>
      <c r="GM35" s="71">
        <v>93</v>
      </c>
      <c r="GN35" s="71">
        <v>83</v>
      </c>
      <c r="GO35" s="71">
        <v>76</v>
      </c>
      <c r="GP35" s="71">
        <v>43</v>
      </c>
      <c r="GQ35" s="72">
        <v>415</v>
      </c>
      <c r="GR35" s="73">
        <v>523</v>
      </c>
      <c r="GS35" s="123">
        <v>59</v>
      </c>
      <c r="GT35" s="82">
        <v>96</v>
      </c>
      <c r="GU35" s="83">
        <v>155</v>
      </c>
      <c r="GV35" s="241"/>
      <c r="GW35" s="82">
        <v>179</v>
      </c>
      <c r="GX35" s="82">
        <v>145</v>
      </c>
      <c r="GY35" s="82">
        <v>123</v>
      </c>
      <c r="GZ35" s="82">
        <v>112</v>
      </c>
      <c r="HA35" s="82">
        <v>62</v>
      </c>
      <c r="HB35" s="84">
        <v>621</v>
      </c>
      <c r="HC35" s="85">
        <v>776</v>
      </c>
      <c r="HD35" s="70">
        <v>4</v>
      </c>
      <c r="HE35" s="71">
        <v>3</v>
      </c>
      <c r="HF35" s="72">
        <v>7</v>
      </c>
      <c r="HG35" s="244"/>
      <c r="HH35" s="71">
        <v>6</v>
      </c>
      <c r="HI35" s="71">
        <v>5</v>
      </c>
      <c r="HJ35" s="71">
        <v>5</v>
      </c>
      <c r="HK35" s="71">
        <v>3</v>
      </c>
      <c r="HL35" s="71">
        <v>1</v>
      </c>
      <c r="HM35" s="72">
        <v>20</v>
      </c>
      <c r="HN35" s="73">
        <v>27</v>
      </c>
      <c r="HO35" s="70">
        <v>10</v>
      </c>
      <c r="HP35" s="71">
        <v>4</v>
      </c>
      <c r="HQ35" s="72">
        <v>14</v>
      </c>
      <c r="HR35" s="244"/>
      <c r="HS35" s="71">
        <v>12</v>
      </c>
      <c r="HT35" s="71">
        <v>6</v>
      </c>
      <c r="HU35" s="71">
        <v>5</v>
      </c>
      <c r="HV35" s="71">
        <v>11</v>
      </c>
      <c r="HW35" s="71">
        <v>4</v>
      </c>
      <c r="HX35" s="72">
        <v>38</v>
      </c>
      <c r="HY35" s="73">
        <v>52</v>
      </c>
      <c r="HZ35" s="70">
        <v>9</v>
      </c>
      <c r="IA35" s="71">
        <v>9</v>
      </c>
      <c r="IB35" s="72">
        <v>18</v>
      </c>
      <c r="IC35" s="244"/>
      <c r="ID35" s="71">
        <v>28</v>
      </c>
      <c r="IE35" s="71">
        <v>14</v>
      </c>
      <c r="IF35" s="71">
        <v>11</v>
      </c>
      <c r="IG35" s="71">
        <v>4</v>
      </c>
      <c r="IH35" s="71">
        <v>12</v>
      </c>
      <c r="II35" s="72">
        <v>69</v>
      </c>
      <c r="IJ35" s="73">
        <v>87</v>
      </c>
      <c r="IK35" s="70">
        <v>15</v>
      </c>
      <c r="IL35" s="71">
        <v>25</v>
      </c>
      <c r="IM35" s="72">
        <v>40</v>
      </c>
      <c r="IN35" s="244"/>
      <c r="IO35" s="71">
        <v>43</v>
      </c>
      <c r="IP35" s="71">
        <v>38</v>
      </c>
      <c r="IQ35" s="71">
        <v>29</v>
      </c>
      <c r="IR35" s="71">
        <v>20</v>
      </c>
      <c r="IS35" s="71">
        <v>10</v>
      </c>
      <c r="IT35" s="72">
        <v>140</v>
      </c>
      <c r="IU35" s="73">
        <v>180</v>
      </c>
      <c r="IV35" s="70">
        <v>14</v>
      </c>
      <c r="IW35" s="71">
        <v>28</v>
      </c>
      <c r="IX35" s="72">
        <v>42</v>
      </c>
      <c r="IY35" s="244"/>
      <c r="IZ35" s="71">
        <v>46</v>
      </c>
      <c r="JA35" s="71">
        <v>32</v>
      </c>
      <c r="JB35" s="71">
        <v>33</v>
      </c>
      <c r="JC35" s="71">
        <v>28</v>
      </c>
      <c r="JD35" s="71">
        <v>20</v>
      </c>
      <c r="JE35" s="72">
        <v>159</v>
      </c>
      <c r="JF35" s="73">
        <v>201</v>
      </c>
      <c r="JG35" s="70">
        <v>7</v>
      </c>
      <c r="JH35" s="71">
        <v>27</v>
      </c>
      <c r="JI35" s="72">
        <v>34</v>
      </c>
      <c r="JJ35" s="244"/>
      <c r="JK35" s="71">
        <v>44</v>
      </c>
      <c r="JL35" s="71">
        <v>50</v>
      </c>
      <c r="JM35" s="71">
        <v>40</v>
      </c>
      <c r="JN35" s="71">
        <v>46</v>
      </c>
      <c r="JO35" s="71">
        <v>15</v>
      </c>
      <c r="JP35" s="72">
        <v>195</v>
      </c>
      <c r="JQ35" s="73">
        <v>229</v>
      </c>
      <c r="JR35" s="70">
        <v>2</v>
      </c>
      <c r="JS35" s="71">
        <v>2</v>
      </c>
      <c r="JT35" s="72">
        <v>4</v>
      </c>
      <c r="JU35" s="244"/>
      <c r="JV35" s="71">
        <v>7</v>
      </c>
      <c r="JW35" s="71">
        <v>7</v>
      </c>
      <c r="JX35" s="71">
        <v>3</v>
      </c>
      <c r="JY35" s="71">
        <v>1</v>
      </c>
      <c r="JZ35" s="71">
        <v>6</v>
      </c>
      <c r="KA35" s="72">
        <v>24</v>
      </c>
      <c r="KB35" s="73">
        <v>28</v>
      </c>
      <c r="KC35" s="70">
        <v>61</v>
      </c>
      <c r="KD35" s="71">
        <v>98</v>
      </c>
      <c r="KE35" s="72">
        <v>159</v>
      </c>
      <c r="KF35" s="244"/>
      <c r="KG35" s="71">
        <v>186</v>
      </c>
      <c r="KH35" s="71">
        <v>152</v>
      </c>
      <c r="KI35" s="71">
        <v>126</v>
      </c>
      <c r="KJ35" s="71">
        <v>113</v>
      </c>
      <c r="KK35" s="71">
        <v>68</v>
      </c>
      <c r="KL35" s="72">
        <v>645</v>
      </c>
      <c r="KM35" s="73">
        <v>804</v>
      </c>
    </row>
    <row r="36" spans="2:299" ht="21" customHeight="1" x14ac:dyDescent="0.2">
      <c r="B36" s="126" t="s">
        <v>33</v>
      </c>
      <c r="C36" s="313">
        <v>33</v>
      </c>
      <c r="D36" s="82">
        <v>20</v>
      </c>
      <c r="E36" s="83">
        <v>53</v>
      </c>
      <c r="F36" s="241"/>
      <c r="G36" s="82">
        <v>60</v>
      </c>
      <c r="H36" s="82">
        <v>42</v>
      </c>
      <c r="I36" s="82">
        <v>37</v>
      </c>
      <c r="J36" s="82">
        <v>27</v>
      </c>
      <c r="K36" s="82">
        <v>16</v>
      </c>
      <c r="L36" s="84">
        <v>182</v>
      </c>
      <c r="M36" s="85">
        <v>235</v>
      </c>
      <c r="N36" s="70">
        <v>0</v>
      </c>
      <c r="O36" s="71">
        <v>0</v>
      </c>
      <c r="P36" s="72">
        <v>0</v>
      </c>
      <c r="Q36" s="244"/>
      <c r="R36" s="71">
        <v>2</v>
      </c>
      <c r="S36" s="71">
        <v>2</v>
      </c>
      <c r="T36" s="71">
        <v>2</v>
      </c>
      <c r="U36" s="71">
        <v>3</v>
      </c>
      <c r="V36" s="71">
        <v>1</v>
      </c>
      <c r="W36" s="72">
        <v>10</v>
      </c>
      <c r="X36" s="73">
        <v>10</v>
      </c>
      <c r="Y36" s="70">
        <v>5</v>
      </c>
      <c r="Z36" s="71">
        <v>6</v>
      </c>
      <c r="AA36" s="72">
        <v>11</v>
      </c>
      <c r="AB36" s="244"/>
      <c r="AC36" s="71">
        <v>9</v>
      </c>
      <c r="AD36" s="71">
        <v>8</v>
      </c>
      <c r="AE36" s="71">
        <v>6</v>
      </c>
      <c r="AF36" s="71">
        <v>7</v>
      </c>
      <c r="AG36" s="71">
        <v>4</v>
      </c>
      <c r="AH36" s="72">
        <v>34</v>
      </c>
      <c r="AI36" s="73">
        <v>45</v>
      </c>
      <c r="AJ36" s="70">
        <v>5</v>
      </c>
      <c r="AK36" s="71">
        <v>2</v>
      </c>
      <c r="AL36" s="72">
        <v>7</v>
      </c>
      <c r="AM36" s="244"/>
      <c r="AN36" s="71">
        <v>14</v>
      </c>
      <c r="AO36" s="71">
        <v>3</v>
      </c>
      <c r="AP36" s="71">
        <v>9</v>
      </c>
      <c r="AQ36" s="71">
        <v>3</v>
      </c>
      <c r="AR36" s="71">
        <v>3</v>
      </c>
      <c r="AS36" s="72">
        <v>32</v>
      </c>
      <c r="AT36" s="73">
        <v>39</v>
      </c>
      <c r="AU36" s="70">
        <v>10</v>
      </c>
      <c r="AV36" s="71">
        <v>6</v>
      </c>
      <c r="AW36" s="72">
        <v>16</v>
      </c>
      <c r="AX36" s="244"/>
      <c r="AY36" s="71">
        <v>14</v>
      </c>
      <c r="AZ36" s="71">
        <v>14</v>
      </c>
      <c r="BA36" s="71">
        <v>5</v>
      </c>
      <c r="BB36" s="71">
        <v>3</v>
      </c>
      <c r="BC36" s="71">
        <v>2</v>
      </c>
      <c r="BD36" s="72">
        <v>38</v>
      </c>
      <c r="BE36" s="73">
        <v>54</v>
      </c>
      <c r="BF36" s="70">
        <v>5</v>
      </c>
      <c r="BG36" s="71">
        <v>4</v>
      </c>
      <c r="BH36" s="72">
        <v>9</v>
      </c>
      <c r="BI36" s="244"/>
      <c r="BJ36" s="71">
        <v>10</v>
      </c>
      <c r="BK36" s="71">
        <v>8</v>
      </c>
      <c r="BL36" s="71">
        <v>11</v>
      </c>
      <c r="BM36" s="71">
        <v>8</v>
      </c>
      <c r="BN36" s="71">
        <v>5</v>
      </c>
      <c r="BO36" s="72">
        <v>42</v>
      </c>
      <c r="BP36" s="73">
        <v>51</v>
      </c>
      <c r="BQ36" s="70">
        <v>8</v>
      </c>
      <c r="BR36" s="71">
        <v>2</v>
      </c>
      <c r="BS36" s="72">
        <v>10</v>
      </c>
      <c r="BT36" s="244"/>
      <c r="BU36" s="71">
        <v>11</v>
      </c>
      <c r="BV36" s="71">
        <v>7</v>
      </c>
      <c r="BW36" s="71">
        <v>4</v>
      </c>
      <c r="BX36" s="71">
        <v>3</v>
      </c>
      <c r="BY36" s="71">
        <v>1</v>
      </c>
      <c r="BZ36" s="72">
        <v>26</v>
      </c>
      <c r="CA36" s="73">
        <v>36</v>
      </c>
      <c r="CB36" s="70">
        <v>1</v>
      </c>
      <c r="CC36" s="71">
        <v>0</v>
      </c>
      <c r="CD36" s="72">
        <v>1</v>
      </c>
      <c r="CE36" s="244"/>
      <c r="CF36" s="71">
        <v>1</v>
      </c>
      <c r="CG36" s="71">
        <v>2</v>
      </c>
      <c r="CH36" s="71">
        <v>0</v>
      </c>
      <c r="CI36" s="71">
        <v>1</v>
      </c>
      <c r="CJ36" s="71">
        <v>0</v>
      </c>
      <c r="CK36" s="72">
        <v>4</v>
      </c>
      <c r="CL36" s="73">
        <v>5</v>
      </c>
      <c r="CM36" s="70">
        <v>34</v>
      </c>
      <c r="CN36" s="71">
        <v>20</v>
      </c>
      <c r="CO36" s="72">
        <v>54</v>
      </c>
      <c r="CP36" s="244"/>
      <c r="CQ36" s="71">
        <v>61</v>
      </c>
      <c r="CR36" s="71">
        <v>44</v>
      </c>
      <c r="CS36" s="71">
        <v>37</v>
      </c>
      <c r="CT36" s="71">
        <v>28</v>
      </c>
      <c r="CU36" s="71">
        <v>16</v>
      </c>
      <c r="CV36" s="72">
        <v>186</v>
      </c>
      <c r="CW36" s="73">
        <v>240</v>
      </c>
      <c r="CX36" s="123">
        <v>47</v>
      </c>
      <c r="CY36" s="82">
        <v>74</v>
      </c>
      <c r="CZ36" s="83">
        <v>121</v>
      </c>
      <c r="DA36" s="241"/>
      <c r="DB36" s="82">
        <v>118</v>
      </c>
      <c r="DC36" s="82">
        <v>85</v>
      </c>
      <c r="DD36" s="82">
        <v>80</v>
      </c>
      <c r="DE36" s="82">
        <v>63</v>
      </c>
      <c r="DF36" s="82">
        <v>59</v>
      </c>
      <c r="DG36" s="84">
        <v>405</v>
      </c>
      <c r="DH36" s="85">
        <v>526</v>
      </c>
      <c r="DI36" s="70">
        <v>1</v>
      </c>
      <c r="DJ36" s="71">
        <v>2</v>
      </c>
      <c r="DK36" s="72">
        <v>3</v>
      </c>
      <c r="DL36" s="244"/>
      <c r="DM36" s="71">
        <v>2</v>
      </c>
      <c r="DN36" s="71">
        <v>2</v>
      </c>
      <c r="DO36" s="71">
        <v>0</v>
      </c>
      <c r="DP36" s="71">
        <v>3</v>
      </c>
      <c r="DQ36" s="71">
        <v>3</v>
      </c>
      <c r="DR36" s="72">
        <v>10</v>
      </c>
      <c r="DS36" s="73">
        <v>13</v>
      </c>
      <c r="DT36" s="70">
        <v>4</v>
      </c>
      <c r="DU36" s="71">
        <v>8</v>
      </c>
      <c r="DV36" s="72">
        <v>12</v>
      </c>
      <c r="DW36" s="244"/>
      <c r="DX36" s="71">
        <v>3</v>
      </c>
      <c r="DY36" s="71">
        <v>5</v>
      </c>
      <c r="DZ36" s="71">
        <v>5</v>
      </c>
      <c r="EA36" s="71">
        <v>1</v>
      </c>
      <c r="EB36" s="71">
        <v>3</v>
      </c>
      <c r="EC36" s="72">
        <v>17</v>
      </c>
      <c r="ED36" s="73">
        <v>29</v>
      </c>
      <c r="EE36" s="70">
        <v>2</v>
      </c>
      <c r="EF36" s="71">
        <v>10</v>
      </c>
      <c r="EG36" s="72">
        <v>12</v>
      </c>
      <c r="EH36" s="244"/>
      <c r="EI36" s="71">
        <v>14</v>
      </c>
      <c r="EJ36" s="71">
        <v>7</v>
      </c>
      <c r="EK36" s="71">
        <v>10</v>
      </c>
      <c r="EL36" s="71">
        <v>4</v>
      </c>
      <c r="EM36" s="71">
        <v>10</v>
      </c>
      <c r="EN36" s="72">
        <v>45</v>
      </c>
      <c r="EO36" s="73">
        <v>57</v>
      </c>
      <c r="EP36" s="70">
        <v>9</v>
      </c>
      <c r="EQ36" s="71">
        <v>11</v>
      </c>
      <c r="ER36" s="72">
        <v>20</v>
      </c>
      <c r="ES36" s="244"/>
      <c r="ET36" s="71">
        <v>32</v>
      </c>
      <c r="EU36" s="71">
        <v>16</v>
      </c>
      <c r="EV36" s="71">
        <v>11</v>
      </c>
      <c r="EW36" s="71">
        <v>14</v>
      </c>
      <c r="EX36" s="71">
        <v>7</v>
      </c>
      <c r="EY36" s="72">
        <v>80</v>
      </c>
      <c r="EZ36" s="73">
        <v>100</v>
      </c>
      <c r="FA36" s="70">
        <v>20</v>
      </c>
      <c r="FB36" s="71">
        <v>23</v>
      </c>
      <c r="FC36" s="72">
        <v>43</v>
      </c>
      <c r="FD36" s="244"/>
      <c r="FE36" s="71">
        <v>36</v>
      </c>
      <c r="FF36" s="71">
        <v>20</v>
      </c>
      <c r="FG36" s="71">
        <v>20</v>
      </c>
      <c r="FH36" s="71">
        <v>13</v>
      </c>
      <c r="FI36" s="71">
        <v>14</v>
      </c>
      <c r="FJ36" s="72">
        <v>103</v>
      </c>
      <c r="FK36" s="73">
        <v>146</v>
      </c>
      <c r="FL36" s="70">
        <v>11</v>
      </c>
      <c r="FM36" s="71">
        <v>20</v>
      </c>
      <c r="FN36" s="72">
        <v>31</v>
      </c>
      <c r="FO36" s="244"/>
      <c r="FP36" s="71">
        <v>31</v>
      </c>
      <c r="FQ36" s="71">
        <v>35</v>
      </c>
      <c r="FR36" s="71">
        <v>34</v>
      </c>
      <c r="FS36" s="71">
        <v>28</v>
      </c>
      <c r="FT36" s="71">
        <v>22</v>
      </c>
      <c r="FU36" s="72">
        <v>150</v>
      </c>
      <c r="FV36" s="73">
        <v>181</v>
      </c>
      <c r="FW36" s="70">
        <v>0</v>
      </c>
      <c r="FX36" s="71">
        <v>0</v>
      </c>
      <c r="FY36" s="72">
        <v>0</v>
      </c>
      <c r="FZ36" s="244"/>
      <c r="GA36" s="71">
        <v>1</v>
      </c>
      <c r="GB36" s="71">
        <v>0</v>
      </c>
      <c r="GC36" s="71">
        <v>0</v>
      </c>
      <c r="GD36" s="71">
        <v>0</v>
      </c>
      <c r="GE36" s="71">
        <v>1</v>
      </c>
      <c r="GF36" s="72">
        <v>2</v>
      </c>
      <c r="GG36" s="73">
        <v>2</v>
      </c>
      <c r="GH36" s="70">
        <v>47</v>
      </c>
      <c r="GI36" s="71">
        <v>74</v>
      </c>
      <c r="GJ36" s="72">
        <v>121</v>
      </c>
      <c r="GK36" s="244"/>
      <c r="GL36" s="71">
        <v>119</v>
      </c>
      <c r="GM36" s="71">
        <v>85</v>
      </c>
      <c r="GN36" s="71">
        <v>80</v>
      </c>
      <c r="GO36" s="71">
        <v>63</v>
      </c>
      <c r="GP36" s="71">
        <v>60</v>
      </c>
      <c r="GQ36" s="72">
        <v>407</v>
      </c>
      <c r="GR36" s="73">
        <v>528</v>
      </c>
      <c r="GS36" s="123">
        <v>80</v>
      </c>
      <c r="GT36" s="82">
        <v>94</v>
      </c>
      <c r="GU36" s="83">
        <v>174</v>
      </c>
      <c r="GV36" s="241"/>
      <c r="GW36" s="82">
        <v>178</v>
      </c>
      <c r="GX36" s="82">
        <v>127</v>
      </c>
      <c r="GY36" s="82">
        <v>117</v>
      </c>
      <c r="GZ36" s="82">
        <v>90</v>
      </c>
      <c r="HA36" s="82">
        <v>75</v>
      </c>
      <c r="HB36" s="84">
        <v>587</v>
      </c>
      <c r="HC36" s="85">
        <v>761</v>
      </c>
      <c r="HD36" s="70">
        <v>1</v>
      </c>
      <c r="HE36" s="71">
        <v>2</v>
      </c>
      <c r="HF36" s="72">
        <v>3</v>
      </c>
      <c r="HG36" s="244"/>
      <c r="HH36" s="71">
        <v>4</v>
      </c>
      <c r="HI36" s="71">
        <v>4</v>
      </c>
      <c r="HJ36" s="71">
        <v>2</v>
      </c>
      <c r="HK36" s="71">
        <v>6</v>
      </c>
      <c r="HL36" s="71">
        <v>4</v>
      </c>
      <c r="HM36" s="72">
        <v>20</v>
      </c>
      <c r="HN36" s="73">
        <v>23</v>
      </c>
      <c r="HO36" s="70">
        <v>9</v>
      </c>
      <c r="HP36" s="71">
        <v>14</v>
      </c>
      <c r="HQ36" s="72">
        <v>23</v>
      </c>
      <c r="HR36" s="244"/>
      <c r="HS36" s="71">
        <v>12</v>
      </c>
      <c r="HT36" s="71">
        <v>13</v>
      </c>
      <c r="HU36" s="71">
        <v>11</v>
      </c>
      <c r="HV36" s="71">
        <v>8</v>
      </c>
      <c r="HW36" s="71">
        <v>7</v>
      </c>
      <c r="HX36" s="72">
        <v>51</v>
      </c>
      <c r="HY36" s="73">
        <v>74</v>
      </c>
      <c r="HZ36" s="70">
        <v>7</v>
      </c>
      <c r="IA36" s="71">
        <v>12</v>
      </c>
      <c r="IB36" s="72">
        <v>19</v>
      </c>
      <c r="IC36" s="244"/>
      <c r="ID36" s="71">
        <v>28</v>
      </c>
      <c r="IE36" s="71">
        <v>10</v>
      </c>
      <c r="IF36" s="71">
        <v>19</v>
      </c>
      <c r="IG36" s="71">
        <v>7</v>
      </c>
      <c r="IH36" s="71">
        <v>13</v>
      </c>
      <c r="II36" s="72">
        <v>77</v>
      </c>
      <c r="IJ36" s="73">
        <v>96</v>
      </c>
      <c r="IK36" s="70">
        <v>19</v>
      </c>
      <c r="IL36" s="71">
        <v>17</v>
      </c>
      <c r="IM36" s="72">
        <v>36</v>
      </c>
      <c r="IN36" s="244"/>
      <c r="IO36" s="71">
        <v>46</v>
      </c>
      <c r="IP36" s="71">
        <v>30</v>
      </c>
      <c r="IQ36" s="71">
        <v>16</v>
      </c>
      <c r="IR36" s="71">
        <v>17</v>
      </c>
      <c r="IS36" s="71">
        <v>9</v>
      </c>
      <c r="IT36" s="72">
        <v>118</v>
      </c>
      <c r="IU36" s="73">
        <v>154</v>
      </c>
      <c r="IV36" s="70">
        <v>25</v>
      </c>
      <c r="IW36" s="71">
        <v>27</v>
      </c>
      <c r="IX36" s="72">
        <v>52</v>
      </c>
      <c r="IY36" s="244"/>
      <c r="IZ36" s="71">
        <v>46</v>
      </c>
      <c r="JA36" s="71">
        <v>28</v>
      </c>
      <c r="JB36" s="71">
        <v>31</v>
      </c>
      <c r="JC36" s="71">
        <v>21</v>
      </c>
      <c r="JD36" s="71">
        <v>19</v>
      </c>
      <c r="JE36" s="72">
        <v>145</v>
      </c>
      <c r="JF36" s="73">
        <v>197</v>
      </c>
      <c r="JG36" s="70">
        <v>19</v>
      </c>
      <c r="JH36" s="71">
        <v>22</v>
      </c>
      <c r="JI36" s="72">
        <v>41</v>
      </c>
      <c r="JJ36" s="244"/>
      <c r="JK36" s="71">
        <v>42</v>
      </c>
      <c r="JL36" s="71">
        <v>42</v>
      </c>
      <c r="JM36" s="71">
        <v>38</v>
      </c>
      <c r="JN36" s="71">
        <v>31</v>
      </c>
      <c r="JO36" s="71">
        <v>23</v>
      </c>
      <c r="JP36" s="72">
        <v>176</v>
      </c>
      <c r="JQ36" s="73">
        <v>217</v>
      </c>
      <c r="JR36" s="70">
        <v>1</v>
      </c>
      <c r="JS36" s="71">
        <v>0</v>
      </c>
      <c r="JT36" s="72">
        <v>1</v>
      </c>
      <c r="JU36" s="244"/>
      <c r="JV36" s="71">
        <v>2</v>
      </c>
      <c r="JW36" s="71">
        <v>2</v>
      </c>
      <c r="JX36" s="71">
        <v>0</v>
      </c>
      <c r="JY36" s="71">
        <v>1</v>
      </c>
      <c r="JZ36" s="71">
        <v>1</v>
      </c>
      <c r="KA36" s="72">
        <v>6</v>
      </c>
      <c r="KB36" s="73">
        <v>7</v>
      </c>
      <c r="KC36" s="70">
        <v>81</v>
      </c>
      <c r="KD36" s="71">
        <v>94</v>
      </c>
      <c r="KE36" s="72">
        <v>175</v>
      </c>
      <c r="KF36" s="244"/>
      <c r="KG36" s="71">
        <v>180</v>
      </c>
      <c r="KH36" s="71">
        <v>129</v>
      </c>
      <c r="KI36" s="71">
        <v>117</v>
      </c>
      <c r="KJ36" s="71">
        <v>91</v>
      </c>
      <c r="KK36" s="71">
        <v>76</v>
      </c>
      <c r="KL36" s="72">
        <v>593</v>
      </c>
      <c r="KM36" s="73">
        <v>768</v>
      </c>
    </row>
    <row r="37" spans="2:299" ht="21" customHeight="1" x14ac:dyDescent="0.2">
      <c r="B37" s="126" t="s">
        <v>34</v>
      </c>
      <c r="C37" s="313">
        <v>15</v>
      </c>
      <c r="D37" s="82">
        <v>20</v>
      </c>
      <c r="E37" s="83">
        <v>35</v>
      </c>
      <c r="F37" s="241"/>
      <c r="G37" s="82">
        <v>37</v>
      </c>
      <c r="H37" s="82">
        <v>39</v>
      </c>
      <c r="I37" s="82">
        <v>14</v>
      </c>
      <c r="J37" s="82">
        <v>27</v>
      </c>
      <c r="K37" s="82">
        <v>12</v>
      </c>
      <c r="L37" s="84">
        <v>129</v>
      </c>
      <c r="M37" s="85">
        <v>164</v>
      </c>
      <c r="N37" s="70">
        <v>0</v>
      </c>
      <c r="O37" s="71">
        <v>4</v>
      </c>
      <c r="P37" s="72">
        <v>4</v>
      </c>
      <c r="Q37" s="244"/>
      <c r="R37" s="71">
        <v>2</v>
      </c>
      <c r="S37" s="71">
        <v>2</v>
      </c>
      <c r="T37" s="71">
        <v>1</v>
      </c>
      <c r="U37" s="71">
        <v>3</v>
      </c>
      <c r="V37" s="71">
        <v>0</v>
      </c>
      <c r="W37" s="72">
        <v>8</v>
      </c>
      <c r="X37" s="73">
        <v>12</v>
      </c>
      <c r="Y37" s="70">
        <v>1</v>
      </c>
      <c r="Z37" s="71">
        <v>2</v>
      </c>
      <c r="AA37" s="72">
        <v>3</v>
      </c>
      <c r="AB37" s="244"/>
      <c r="AC37" s="71">
        <v>2</v>
      </c>
      <c r="AD37" s="71">
        <v>3</v>
      </c>
      <c r="AE37" s="71">
        <v>2</v>
      </c>
      <c r="AF37" s="71">
        <v>0</v>
      </c>
      <c r="AG37" s="71">
        <v>1</v>
      </c>
      <c r="AH37" s="72">
        <v>8</v>
      </c>
      <c r="AI37" s="73">
        <v>11</v>
      </c>
      <c r="AJ37" s="70">
        <v>1</v>
      </c>
      <c r="AK37" s="71">
        <v>3</v>
      </c>
      <c r="AL37" s="72">
        <v>4</v>
      </c>
      <c r="AM37" s="244"/>
      <c r="AN37" s="71">
        <v>5</v>
      </c>
      <c r="AO37" s="71">
        <v>4</v>
      </c>
      <c r="AP37" s="71">
        <v>1</v>
      </c>
      <c r="AQ37" s="71">
        <v>10</v>
      </c>
      <c r="AR37" s="71">
        <v>2</v>
      </c>
      <c r="AS37" s="72">
        <v>22</v>
      </c>
      <c r="AT37" s="73">
        <v>26</v>
      </c>
      <c r="AU37" s="70">
        <v>6</v>
      </c>
      <c r="AV37" s="71">
        <v>3</v>
      </c>
      <c r="AW37" s="72">
        <v>9</v>
      </c>
      <c r="AX37" s="244"/>
      <c r="AY37" s="71">
        <v>11</v>
      </c>
      <c r="AZ37" s="71">
        <v>13</v>
      </c>
      <c r="BA37" s="71">
        <v>1</v>
      </c>
      <c r="BB37" s="71">
        <v>5</v>
      </c>
      <c r="BC37" s="71">
        <v>2</v>
      </c>
      <c r="BD37" s="72">
        <v>32</v>
      </c>
      <c r="BE37" s="73">
        <v>41</v>
      </c>
      <c r="BF37" s="70">
        <v>5</v>
      </c>
      <c r="BG37" s="71">
        <v>6</v>
      </c>
      <c r="BH37" s="72">
        <v>11</v>
      </c>
      <c r="BI37" s="244"/>
      <c r="BJ37" s="71">
        <v>13</v>
      </c>
      <c r="BK37" s="71">
        <v>8</v>
      </c>
      <c r="BL37" s="71">
        <v>6</v>
      </c>
      <c r="BM37" s="71">
        <v>5</v>
      </c>
      <c r="BN37" s="71">
        <v>4</v>
      </c>
      <c r="BO37" s="72">
        <v>36</v>
      </c>
      <c r="BP37" s="73">
        <v>47</v>
      </c>
      <c r="BQ37" s="70">
        <v>2</v>
      </c>
      <c r="BR37" s="71">
        <v>2</v>
      </c>
      <c r="BS37" s="72">
        <v>4</v>
      </c>
      <c r="BT37" s="244"/>
      <c r="BU37" s="71">
        <v>4</v>
      </c>
      <c r="BV37" s="71">
        <v>9</v>
      </c>
      <c r="BW37" s="71">
        <v>3</v>
      </c>
      <c r="BX37" s="71">
        <v>4</v>
      </c>
      <c r="BY37" s="71">
        <v>3</v>
      </c>
      <c r="BZ37" s="72">
        <v>23</v>
      </c>
      <c r="CA37" s="73">
        <v>27</v>
      </c>
      <c r="CB37" s="70">
        <v>0</v>
      </c>
      <c r="CC37" s="71">
        <v>0</v>
      </c>
      <c r="CD37" s="72">
        <v>0</v>
      </c>
      <c r="CE37" s="244"/>
      <c r="CF37" s="71">
        <v>3</v>
      </c>
      <c r="CG37" s="71">
        <v>3</v>
      </c>
      <c r="CH37" s="71">
        <v>0</v>
      </c>
      <c r="CI37" s="71">
        <v>1</v>
      </c>
      <c r="CJ37" s="71">
        <v>1</v>
      </c>
      <c r="CK37" s="72">
        <v>8</v>
      </c>
      <c r="CL37" s="73">
        <v>8</v>
      </c>
      <c r="CM37" s="70">
        <v>15</v>
      </c>
      <c r="CN37" s="71">
        <v>20</v>
      </c>
      <c r="CO37" s="72">
        <v>35</v>
      </c>
      <c r="CP37" s="244"/>
      <c r="CQ37" s="71">
        <v>40</v>
      </c>
      <c r="CR37" s="71">
        <v>42</v>
      </c>
      <c r="CS37" s="71">
        <v>14</v>
      </c>
      <c r="CT37" s="71">
        <v>28</v>
      </c>
      <c r="CU37" s="71">
        <v>13</v>
      </c>
      <c r="CV37" s="72">
        <v>137</v>
      </c>
      <c r="CW37" s="73">
        <v>172</v>
      </c>
      <c r="CX37" s="123">
        <v>46</v>
      </c>
      <c r="CY37" s="82">
        <v>37</v>
      </c>
      <c r="CZ37" s="83">
        <v>83</v>
      </c>
      <c r="DA37" s="241"/>
      <c r="DB37" s="82">
        <v>90</v>
      </c>
      <c r="DC37" s="82">
        <v>58</v>
      </c>
      <c r="DD37" s="82">
        <v>40</v>
      </c>
      <c r="DE37" s="82">
        <v>50</v>
      </c>
      <c r="DF37" s="82">
        <v>25</v>
      </c>
      <c r="DG37" s="84">
        <v>263</v>
      </c>
      <c r="DH37" s="85">
        <v>346</v>
      </c>
      <c r="DI37" s="70">
        <v>1</v>
      </c>
      <c r="DJ37" s="71">
        <v>0</v>
      </c>
      <c r="DK37" s="72">
        <v>1</v>
      </c>
      <c r="DL37" s="244"/>
      <c r="DM37" s="71">
        <v>1</v>
      </c>
      <c r="DN37" s="71">
        <v>0</v>
      </c>
      <c r="DO37" s="71">
        <v>2</v>
      </c>
      <c r="DP37" s="71">
        <v>0</v>
      </c>
      <c r="DQ37" s="71">
        <v>1</v>
      </c>
      <c r="DR37" s="72">
        <v>4</v>
      </c>
      <c r="DS37" s="73">
        <v>5</v>
      </c>
      <c r="DT37" s="70">
        <v>2</v>
      </c>
      <c r="DU37" s="71">
        <v>1</v>
      </c>
      <c r="DV37" s="72">
        <v>3</v>
      </c>
      <c r="DW37" s="244"/>
      <c r="DX37" s="71">
        <v>8</v>
      </c>
      <c r="DY37" s="71">
        <v>2</v>
      </c>
      <c r="DZ37" s="71">
        <v>1</v>
      </c>
      <c r="EA37" s="71">
        <v>0</v>
      </c>
      <c r="EB37" s="71">
        <v>3</v>
      </c>
      <c r="EC37" s="72">
        <v>14</v>
      </c>
      <c r="ED37" s="73">
        <v>17</v>
      </c>
      <c r="EE37" s="70">
        <v>5</v>
      </c>
      <c r="EF37" s="71">
        <v>2</v>
      </c>
      <c r="EG37" s="72">
        <v>7</v>
      </c>
      <c r="EH37" s="244"/>
      <c r="EI37" s="71">
        <v>8</v>
      </c>
      <c r="EJ37" s="71">
        <v>4</v>
      </c>
      <c r="EK37" s="71">
        <v>4</v>
      </c>
      <c r="EL37" s="71">
        <v>5</v>
      </c>
      <c r="EM37" s="71">
        <v>0</v>
      </c>
      <c r="EN37" s="72">
        <v>21</v>
      </c>
      <c r="EO37" s="73">
        <v>28</v>
      </c>
      <c r="EP37" s="70">
        <v>12</v>
      </c>
      <c r="EQ37" s="71">
        <v>11</v>
      </c>
      <c r="ER37" s="72">
        <v>23</v>
      </c>
      <c r="ES37" s="244"/>
      <c r="ET37" s="71">
        <v>16</v>
      </c>
      <c r="EU37" s="71">
        <v>13</v>
      </c>
      <c r="EV37" s="71">
        <v>6</v>
      </c>
      <c r="EW37" s="71">
        <v>7</v>
      </c>
      <c r="EX37" s="71">
        <v>3</v>
      </c>
      <c r="EY37" s="72">
        <v>45</v>
      </c>
      <c r="EZ37" s="73">
        <v>68</v>
      </c>
      <c r="FA37" s="70">
        <v>17</v>
      </c>
      <c r="FB37" s="71">
        <v>17</v>
      </c>
      <c r="FC37" s="72">
        <v>34</v>
      </c>
      <c r="FD37" s="244"/>
      <c r="FE37" s="71">
        <v>25</v>
      </c>
      <c r="FF37" s="71">
        <v>13</v>
      </c>
      <c r="FG37" s="71">
        <v>8</v>
      </c>
      <c r="FH37" s="71">
        <v>18</v>
      </c>
      <c r="FI37" s="71">
        <v>3</v>
      </c>
      <c r="FJ37" s="72">
        <v>67</v>
      </c>
      <c r="FK37" s="73">
        <v>101</v>
      </c>
      <c r="FL37" s="70">
        <v>9</v>
      </c>
      <c r="FM37" s="71">
        <v>6</v>
      </c>
      <c r="FN37" s="72">
        <v>15</v>
      </c>
      <c r="FO37" s="244"/>
      <c r="FP37" s="71">
        <v>32</v>
      </c>
      <c r="FQ37" s="71">
        <v>26</v>
      </c>
      <c r="FR37" s="71">
        <v>19</v>
      </c>
      <c r="FS37" s="71">
        <v>20</v>
      </c>
      <c r="FT37" s="71">
        <v>15</v>
      </c>
      <c r="FU37" s="72">
        <v>112</v>
      </c>
      <c r="FV37" s="73">
        <v>127</v>
      </c>
      <c r="FW37" s="70">
        <v>0</v>
      </c>
      <c r="FX37" s="71">
        <v>0</v>
      </c>
      <c r="FY37" s="72">
        <v>0</v>
      </c>
      <c r="FZ37" s="244"/>
      <c r="GA37" s="71">
        <v>1</v>
      </c>
      <c r="GB37" s="71">
        <v>1</v>
      </c>
      <c r="GC37" s="71">
        <v>1</v>
      </c>
      <c r="GD37" s="71">
        <v>0</v>
      </c>
      <c r="GE37" s="71">
        <v>1</v>
      </c>
      <c r="GF37" s="72">
        <v>4</v>
      </c>
      <c r="GG37" s="73">
        <v>4</v>
      </c>
      <c r="GH37" s="70">
        <v>46</v>
      </c>
      <c r="GI37" s="71">
        <v>37</v>
      </c>
      <c r="GJ37" s="72">
        <v>83</v>
      </c>
      <c r="GK37" s="244"/>
      <c r="GL37" s="71">
        <v>91</v>
      </c>
      <c r="GM37" s="71">
        <v>59</v>
      </c>
      <c r="GN37" s="71">
        <v>41</v>
      </c>
      <c r="GO37" s="71">
        <v>50</v>
      </c>
      <c r="GP37" s="71">
        <v>26</v>
      </c>
      <c r="GQ37" s="72">
        <v>267</v>
      </c>
      <c r="GR37" s="73">
        <v>350</v>
      </c>
      <c r="GS37" s="123">
        <v>61</v>
      </c>
      <c r="GT37" s="82">
        <v>57</v>
      </c>
      <c r="GU37" s="83">
        <v>118</v>
      </c>
      <c r="GV37" s="241"/>
      <c r="GW37" s="82">
        <v>127</v>
      </c>
      <c r="GX37" s="82">
        <v>97</v>
      </c>
      <c r="GY37" s="82">
        <v>54</v>
      </c>
      <c r="GZ37" s="82">
        <v>77</v>
      </c>
      <c r="HA37" s="82">
        <v>37</v>
      </c>
      <c r="HB37" s="84">
        <v>392</v>
      </c>
      <c r="HC37" s="85">
        <v>510</v>
      </c>
      <c r="HD37" s="70">
        <v>1</v>
      </c>
      <c r="HE37" s="71">
        <v>4</v>
      </c>
      <c r="HF37" s="72">
        <v>5</v>
      </c>
      <c r="HG37" s="244"/>
      <c r="HH37" s="71">
        <v>3</v>
      </c>
      <c r="HI37" s="71">
        <v>2</v>
      </c>
      <c r="HJ37" s="71">
        <v>3</v>
      </c>
      <c r="HK37" s="71">
        <v>3</v>
      </c>
      <c r="HL37" s="71">
        <v>1</v>
      </c>
      <c r="HM37" s="72">
        <v>12</v>
      </c>
      <c r="HN37" s="73">
        <v>17</v>
      </c>
      <c r="HO37" s="70">
        <v>3</v>
      </c>
      <c r="HP37" s="71">
        <v>3</v>
      </c>
      <c r="HQ37" s="72">
        <v>6</v>
      </c>
      <c r="HR37" s="244"/>
      <c r="HS37" s="71">
        <v>10</v>
      </c>
      <c r="HT37" s="71">
        <v>5</v>
      </c>
      <c r="HU37" s="71">
        <v>3</v>
      </c>
      <c r="HV37" s="71">
        <v>0</v>
      </c>
      <c r="HW37" s="71">
        <v>4</v>
      </c>
      <c r="HX37" s="72">
        <v>22</v>
      </c>
      <c r="HY37" s="73">
        <v>28</v>
      </c>
      <c r="HZ37" s="70">
        <v>6</v>
      </c>
      <c r="IA37" s="71">
        <v>5</v>
      </c>
      <c r="IB37" s="72">
        <v>11</v>
      </c>
      <c r="IC37" s="244"/>
      <c r="ID37" s="71">
        <v>13</v>
      </c>
      <c r="IE37" s="71">
        <v>8</v>
      </c>
      <c r="IF37" s="71">
        <v>5</v>
      </c>
      <c r="IG37" s="71">
        <v>15</v>
      </c>
      <c r="IH37" s="71">
        <v>2</v>
      </c>
      <c r="II37" s="72">
        <v>43</v>
      </c>
      <c r="IJ37" s="73">
        <v>54</v>
      </c>
      <c r="IK37" s="70">
        <v>18</v>
      </c>
      <c r="IL37" s="71">
        <v>14</v>
      </c>
      <c r="IM37" s="72">
        <v>32</v>
      </c>
      <c r="IN37" s="244"/>
      <c r="IO37" s="71">
        <v>27</v>
      </c>
      <c r="IP37" s="71">
        <v>26</v>
      </c>
      <c r="IQ37" s="71">
        <v>7</v>
      </c>
      <c r="IR37" s="71">
        <v>12</v>
      </c>
      <c r="IS37" s="71">
        <v>5</v>
      </c>
      <c r="IT37" s="72">
        <v>77</v>
      </c>
      <c r="IU37" s="73">
        <v>109</v>
      </c>
      <c r="IV37" s="70">
        <v>22</v>
      </c>
      <c r="IW37" s="71">
        <v>23</v>
      </c>
      <c r="IX37" s="72">
        <v>45</v>
      </c>
      <c r="IY37" s="244"/>
      <c r="IZ37" s="71">
        <v>38</v>
      </c>
      <c r="JA37" s="71">
        <v>21</v>
      </c>
      <c r="JB37" s="71">
        <v>14</v>
      </c>
      <c r="JC37" s="71">
        <v>23</v>
      </c>
      <c r="JD37" s="71">
        <v>7</v>
      </c>
      <c r="JE37" s="72">
        <v>103</v>
      </c>
      <c r="JF37" s="73">
        <v>148</v>
      </c>
      <c r="JG37" s="70">
        <v>11</v>
      </c>
      <c r="JH37" s="71">
        <v>8</v>
      </c>
      <c r="JI37" s="72">
        <v>19</v>
      </c>
      <c r="JJ37" s="244"/>
      <c r="JK37" s="71">
        <v>36</v>
      </c>
      <c r="JL37" s="71">
        <v>35</v>
      </c>
      <c r="JM37" s="71">
        <v>22</v>
      </c>
      <c r="JN37" s="71">
        <v>24</v>
      </c>
      <c r="JO37" s="71">
        <v>18</v>
      </c>
      <c r="JP37" s="72">
        <v>135</v>
      </c>
      <c r="JQ37" s="73">
        <v>154</v>
      </c>
      <c r="JR37" s="70">
        <v>0</v>
      </c>
      <c r="JS37" s="71">
        <v>0</v>
      </c>
      <c r="JT37" s="72">
        <v>0</v>
      </c>
      <c r="JU37" s="244"/>
      <c r="JV37" s="71">
        <v>4</v>
      </c>
      <c r="JW37" s="71">
        <v>4</v>
      </c>
      <c r="JX37" s="71">
        <v>1</v>
      </c>
      <c r="JY37" s="71">
        <v>1</v>
      </c>
      <c r="JZ37" s="71">
        <v>2</v>
      </c>
      <c r="KA37" s="72">
        <v>12</v>
      </c>
      <c r="KB37" s="73">
        <v>12</v>
      </c>
      <c r="KC37" s="70">
        <v>61</v>
      </c>
      <c r="KD37" s="71">
        <v>57</v>
      </c>
      <c r="KE37" s="72">
        <v>118</v>
      </c>
      <c r="KF37" s="244"/>
      <c r="KG37" s="71">
        <v>131</v>
      </c>
      <c r="KH37" s="71">
        <v>101</v>
      </c>
      <c r="KI37" s="71">
        <v>55</v>
      </c>
      <c r="KJ37" s="71">
        <v>78</v>
      </c>
      <c r="KK37" s="71">
        <v>39</v>
      </c>
      <c r="KL37" s="72">
        <v>404</v>
      </c>
      <c r="KM37" s="73">
        <v>522</v>
      </c>
    </row>
    <row r="38" spans="2:299" ht="21" customHeight="1" x14ac:dyDescent="0.2">
      <c r="B38" s="126" t="s">
        <v>35</v>
      </c>
      <c r="C38" s="313">
        <v>51</v>
      </c>
      <c r="D38" s="82">
        <v>54</v>
      </c>
      <c r="E38" s="83">
        <v>105</v>
      </c>
      <c r="F38" s="241"/>
      <c r="G38" s="82">
        <v>183</v>
      </c>
      <c r="H38" s="82">
        <v>81</v>
      </c>
      <c r="I38" s="82">
        <v>61</v>
      </c>
      <c r="J38" s="82">
        <v>50</v>
      </c>
      <c r="K38" s="82">
        <v>25</v>
      </c>
      <c r="L38" s="84">
        <v>400</v>
      </c>
      <c r="M38" s="85">
        <v>505</v>
      </c>
      <c r="N38" s="70">
        <v>1</v>
      </c>
      <c r="O38" s="71">
        <v>2</v>
      </c>
      <c r="P38" s="72">
        <v>3</v>
      </c>
      <c r="Q38" s="244"/>
      <c r="R38" s="71">
        <v>11</v>
      </c>
      <c r="S38" s="71">
        <v>3</v>
      </c>
      <c r="T38" s="71">
        <v>6</v>
      </c>
      <c r="U38" s="71">
        <v>6</v>
      </c>
      <c r="V38" s="71">
        <v>3</v>
      </c>
      <c r="W38" s="72">
        <v>29</v>
      </c>
      <c r="X38" s="73">
        <v>32</v>
      </c>
      <c r="Y38" s="70">
        <v>8</v>
      </c>
      <c r="Z38" s="71">
        <v>4</v>
      </c>
      <c r="AA38" s="72">
        <v>12</v>
      </c>
      <c r="AB38" s="244"/>
      <c r="AC38" s="71">
        <v>10</v>
      </c>
      <c r="AD38" s="71">
        <v>9</v>
      </c>
      <c r="AE38" s="71">
        <v>5</v>
      </c>
      <c r="AF38" s="71">
        <v>4</v>
      </c>
      <c r="AG38" s="71">
        <v>2</v>
      </c>
      <c r="AH38" s="72">
        <v>30</v>
      </c>
      <c r="AI38" s="73">
        <v>42</v>
      </c>
      <c r="AJ38" s="70">
        <v>8</v>
      </c>
      <c r="AK38" s="71">
        <v>14</v>
      </c>
      <c r="AL38" s="72">
        <v>22</v>
      </c>
      <c r="AM38" s="244"/>
      <c r="AN38" s="71">
        <v>32</v>
      </c>
      <c r="AO38" s="71">
        <v>12</v>
      </c>
      <c r="AP38" s="71">
        <v>10</v>
      </c>
      <c r="AQ38" s="71">
        <v>11</v>
      </c>
      <c r="AR38" s="71">
        <v>6</v>
      </c>
      <c r="AS38" s="72">
        <v>71</v>
      </c>
      <c r="AT38" s="73">
        <v>93</v>
      </c>
      <c r="AU38" s="70">
        <v>17</v>
      </c>
      <c r="AV38" s="71">
        <v>10</v>
      </c>
      <c r="AW38" s="72">
        <v>27</v>
      </c>
      <c r="AX38" s="244"/>
      <c r="AY38" s="71">
        <v>49</v>
      </c>
      <c r="AZ38" s="71">
        <v>23</v>
      </c>
      <c r="BA38" s="71">
        <v>17</v>
      </c>
      <c r="BB38" s="71">
        <v>6</v>
      </c>
      <c r="BC38" s="71">
        <v>4</v>
      </c>
      <c r="BD38" s="72">
        <v>99</v>
      </c>
      <c r="BE38" s="73">
        <v>126</v>
      </c>
      <c r="BF38" s="70">
        <v>6</v>
      </c>
      <c r="BG38" s="71">
        <v>16</v>
      </c>
      <c r="BH38" s="72">
        <v>22</v>
      </c>
      <c r="BI38" s="244"/>
      <c r="BJ38" s="71">
        <v>52</v>
      </c>
      <c r="BK38" s="71">
        <v>14</v>
      </c>
      <c r="BL38" s="71">
        <v>12</v>
      </c>
      <c r="BM38" s="71">
        <v>15</v>
      </c>
      <c r="BN38" s="71">
        <v>3</v>
      </c>
      <c r="BO38" s="72">
        <v>96</v>
      </c>
      <c r="BP38" s="73">
        <v>118</v>
      </c>
      <c r="BQ38" s="70">
        <v>11</v>
      </c>
      <c r="BR38" s="71">
        <v>8</v>
      </c>
      <c r="BS38" s="72">
        <v>19</v>
      </c>
      <c r="BT38" s="244"/>
      <c r="BU38" s="71">
        <v>29</v>
      </c>
      <c r="BV38" s="71">
        <v>20</v>
      </c>
      <c r="BW38" s="71">
        <v>11</v>
      </c>
      <c r="BX38" s="71">
        <v>8</v>
      </c>
      <c r="BY38" s="71">
        <v>7</v>
      </c>
      <c r="BZ38" s="72">
        <v>75</v>
      </c>
      <c r="CA38" s="73">
        <v>94</v>
      </c>
      <c r="CB38" s="70">
        <v>1</v>
      </c>
      <c r="CC38" s="71">
        <v>1</v>
      </c>
      <c r="CD38" s="72">
        <v>2</v>
      </c>
      <c r="CE38" s="244"/>
      <c r="CF38" s="71">
        <v>3</v>
      </c>
      <c r="CG38" s="71">
        <v>1</v>
      </c>
      <c r="CH38" s="71">
        <v>0</v>
      </c>
      <c r="CI38" s="71">
        <v>2</v>
      </c>
      <c r="CJ38" s="71">
        <v>1</v>
      </c>
      <c r="CK38" s="72">
        <v>7</v>
      </c>
      <c r="CL38" s="73">
        <v>9</v>
      </c>
      <c r="CM38" s="70">
        <v>52</v>
      </c>
      <c r="CN38" s="71">
        <v>55</v>
      </c>
      <c r="CO38" s="72">
        <v>107</v>
      </c>
      <c r="CP38" s="244"/>
      <c r="CQ38" s="71">
        <v>186</v>
      </c>
      <c r="CR38" s="71">
        <v>82</v>
      </c>
      <c r="CS38" s="71">
        <v>61</v>
      </c>
      <c r="CT38" s="71">
        <v>52</v>
      </c>
      <c r="CU38" s="71">
        <v>26</v>
      </c>
      <c r="CV38" s="72">
        <v>407</v>
      </c>
      <c r="CW38" s="73">
        <v>514</v>
      </c>
      <c r="CX38" s="123">
        <v>126</v>
      </c>
      <c r="CY38" s="82">
        <v>149</v>
      </c>
      <c r="CZ38" s="83">
        <v>275</v>
      </c>
      <c r="DA38" s="241"/>
      <c r="DB38" s="82">
        <v>320</v>
      </c>
      <c r="DC38" s="82">
        <v>193</v>
      </c>
      <c r="DD38" s="82">
        <v>145</v>
      </c>
      <c r="DE38" s="82">
        <v>174</v>
      </c>
      <c r="DF38" s="82">
        <v>85</v>
      </c>
      <c r="DG38" s="84">
        <v>917</v>
      </c>
      <c r="DH38" s="85">
        <v>1192</v>
      </c>
      <c r="DI38" s="70">
        <v>3</v>
      </c>
      <c r="DJ38" s="71">
        <v>4</v>
      </c>
      <c r="DK38" s="72">
        <v>7</v>
      </c>
      <c r="DL38" s="244"/>
      <c r="DM38" s="71">
        <v>3</v>
      </c>
      <c r="DN38" s="71">
        <v>5</v>
      </c>
      <c r="DO38" s="71">
        <v>2</v>
      </c>
      <c r="DP38" s="71">
        <v>7</v>
      </c>
      <c r="DQ38" s="71">
        <v>1</v>
      </c>
      <c r="DR38" s="72">
        <v>18</v>
      </c>
      <c r="DS38" s="73">
        <v>25</v>
      </c>
      <c r="DT38" s="70">
        <v>3</v>
      </c>
      <c r="DU38" s="71">
        <v>11</v>
      </c>
      <c r="DV38" s="72">
        <v>14</v>
      </c>
      <c r="DW38" s="244"/>
      <c r="DX38" s="71">
        <v>15</v>
      </c>
      <c r="DY38" s="71">
        <v>8</v>
      </c>
      <c r="DZ38" s="71">
        <v>11</v>
      </c>
      <c r="EA38" s="71">
        <v>9</v>
      </c>
      <c r="EB38" s="71">
        <v>2</v>
      </c>
      <c r="EC38" s="72">
        <v>45</v>
      </c>
      <c r="ED38" s="73">
        <v>59</v>
      </c>
      <c r="EE38" s="70">
        <v>15</v>
      </c>
      <c r="EF38" s="71">
        <v>28</v>
      </c>
      <c r="EG38" s="72">
        <v>43</v>
      </c>
      <c r="EH38" s="244"/>
      <c r="EI38" s="71">
        <v>36</v>
      </c>
      <c r="EJ38" s="71">
        <v>22</v>
      </c>
      <c r="EK38" s="71">
        <v>5</v>
      </c>
      <c r="EL38" s="71">
        <v>12</v>
      </c>
      <c r="EM38" s="71">
        <v>14</v>
      </c>
      <c r="EN38" s="72">
        <v>89</v>
      </c>
      <c r="EO38" s="73">
        <v>132</v>
      </c>
      <c r="EP38" s="70">
        <v>44</v>
      </c>
      <c r="EQ38" s="71">
        <v>33</v>
      </c>
      <c r="ER38" s="72">
        <v>77</v>
      </c>
      <c r="ES38" s="244"/>
      <c r="ET38" s="71">
        <v>76</v>
      </c>
      <c r="EU38" s="71">
        <v>34</v>
      </c>
      <c r="EV38" s="71">
        <v>23</v>
      </c>
      <c r="EW38" s="71">
        <v>27</v>
      </c>
      <c r="EX38" s="71">
        <v>15</v>
      </c>
      <c r="EY38" s="72">
        <v>175</v>
      </c>
      <c r="EZ38" s="73">
        <v>252</v>
      </c>
      <c r="FA38" s="70">
        <v>36</v>
      </c>
      <c r="FB38" s="71">
        <v>46</v>
      </c>
      <c r="FC38" s="72">
        <v>82</v>
      </c>
      <c r="FD38" s="244"/>
      <c r="FE38" s="71">
        <v>101</v>
      </c>
      <c r="FF38" s="71">
        <v>53</v>
      </c>
      <c r="FG38" s="71">
        <v>44</v>
      </c>
      <c r="FH38" s="71">
        <v>39</v>
      </c>
      <c r="FI38" s="71">
        <v>25</v>
      </c>
      <c r="FJ38" s="72">
        <v>262</v>
      </c>
      <c r="FK38" s="73">
        <v>344</v>
      </c>
      <c r="FL38" s="70">
        <v>25</v>
      </c>
      <c r="FM38" s="71">
        <v>27</v>
      </c>
      <c r="FN38" s="72">
        <v>52</v>
      </c>
      <c r="FO38" s="244"/>
      <c r="FP38" s="71">
        <v>89</v>
      </c>
      <c r="FQ38" s="71">
        <v>71</v>
      </c>
      <c r="FR38" s="71">
        <v>60</v>
      </c>
      <c r="FS38" s="71">
        <v>80</v>
      </c>
      <c r="FT38" s="71">
        <v>28</v>
      </c>
      <c r="FU38" s="72">
        <v>328</v>
      </c>
      <c r="FV38" s="73">
        <v>380</v>
      </c>
      <c r="FW38" s="70">
        <v>0</v>
      </c>
      <c r="FX38" s="71">
        <v>1</v>
      </c>
      <c r="FY38" s="72">
        <v>1</v>
      </c>
      <c r="FZ38" s="244"/>
      <c r="GA38" s="71">
        <v>1</v>
      </c>
      <c r="GB38" s="71">
        <v>3</v>
      </c>
      <c r="GC38" s="71">
        <v>3</v>
      </c>
      <c r="GD38" s="71">
        <v>0</v>
      </c>
      <c r="GE38" s="71">
        <v>1</v>
      </c>
      <c r="GF38" s="72">
        <v>8</v>
      </c>
      <c r="GG38" s="73">
        <v>9</v>
      </c>
      <c r="GH38" s="70">
        <v>126</v>
      </c>
      <c r="GI38" s="71">
        <v>150</v>
      </c>
      <c r="GJ38" s="72">
        <v>276</v>
      </c>
      <c r="GK38" s="244"/>
      <c r="GL38" s="71">
        <v>321</v>
      </c>
      <c r="GM38" s="71">
        <v>196</v>
      </c>
      <c r="GN38" s="71">
        <v>148</v>
      </c>
      <c r="GO38" s="71">
        <v>174</v>
      </c>
      <c r="GP38" s="71">
        <v>86</v>
      </c>
      <c r="GQ38" s="72">
        <v>925</v>
      </c>
      <c r="GR38" s="73">
        <v>1201</v>
      </c>
      <c r="GS38" s="123">
        <v>177</v>
      </c>
      <c r="GT38" s="82">
        <v>203</v>
      </c>
      <c r="GU38" s="83">
        <v>380</v>
      </c>
      <c r="GV38" s="241"/>
      <c r="GW38" s="82">
        <v>503</v>
      </c>
      <c r="GX38" s="82">
        <v>274</v>
      </c>
      <c r="GY38" s="82">
        <v>206</v>
      </c>
      <c r="GZ38" s="82">
        <v>224</v>
      </c>
      <c r="HA38" s="82">
        <v>110</v>
      </c>
      <c r="HB38" s="84">
        <v>1317</v>
      </c>
      <c r="HC38" s="85">
        <v>1697</v>
      </c>
      <c r="HD38" s="70">
        <v>4</v>
      </c>
      <c r="HE38" s="71">
        <v>6</v>
      </c>
      <c r="HF38" s="72">
        <v>10</v>
      </c>
      <c r="HG38" s="244"/>
      <c r="HH38" s="71">
        <v>14</v>
      </c>
      <c r="HI38" s="71">
        <v>8</v>
      </c>
      <c r="HJ38" s="71">
        <v>8</v>
      </c>
      <c r="HK38" s="71">
        <v>13</v>
      </c>
      <c r="HL38" s="71">
        <v>4</v>
      </c>
      <c r="HM38" s="72">
        <v>47</v>
      </c>
      <c r="HN38" s="73">
        <v>57</v>
      </c>
      <c r="HO38" s="70">
        <v>11</v>
      </c>
      <c r="HP38" s="71">
        <v>15</v>
      </c>
      <c r="HQ38" s="72">
        <v>26</v>
      </c>
      <c r="HR38" s="244"/>
      <c r="HS38" s="71">
        <v>25</v>
      </c>
      <c r="HT38" s="71">
        <v>17</v>
      </c>
      <c r="HU38" s="71">
        <v>16</v>
      </c>
      <c r="HV38" s="71">
        <v>13</v>
      </c>
      <c r="HW38" s="71">
        <v>4</v>
      </c>
      <c r="HX38" s="72">
        <v>75</v>
      </c>
      <c r="HY38" s="73">
        <v>101</v>
      </c>
      <c r="HZ38" s="70">
        <v>23</v>
      </c>
      <c r="IA38" s="71">
        <v>42</v>
      </c>
      <c r="IB38" s="72">
        <v>65</v>
      </c>
      <c r="IC38" s="244"/>
      <c r="ID38" s="71">
        <v>68</v>
      </c>
      <c r="IE38" s="71">
        <v>34</v>
      </c>
      <c r="IF38" s="71">
        <v>15</v>
      </c>
      <c r="IG38" s="71">
        <v>23</v>
      </c>
      <c r="IH38" s="71">
        <v>20</v>
      </c>
      <c r="II38" s="72">
        <v>160</v>
      </c>
      <c r="IJ38" s="73">
        <v>225</v>
      </c>
      <c r="IK38" s="70">
        <v>61</v>
      </c>
      <c r="IL38" s="71">
        <v>43</v>
      </c>
      <c r="IM38" s="72">
        <v>104</v>
      </c>
      <c r="IN38" s="244"/>
      <c r="IO38" s="71">
        <v>125</v>
      </c>
      <c r="IP38" s="71">
        <v>57</v>
      </c>
      <c r="IQ38" s="71">
        <v>40</v>
      </c>
      <c r="IR38" s="71">
        <v>33</v>
      </c>
      <c r="IS38" s="71">
        <v>19</v>
      </c>
      <c r="IT38" s="72">
        <v>274</v>
      </c>
      <c r="IU38" s="73">
        <v>378</v>
      </c>
      <c r="IV38" s="70">
        <v>42</v>
      </c>
      <c r="IW38" s="71">
        <v>62</v>
      </c>
      <c r="IX38" s="72">
        <v>104</v>
      </c>
      <c r="IY38" s="244"/>
      <c r="IZ38" s="71">
        <v>153</v>
      </c>
      <c r="JA38" s="71">
        <v>67</v>
      </c>
      <c r="JB38" s="71">
        <v>56</v>
      </c>
      <c r="JC38" s="71">
        <v>54</v>
      </c>
      <c r="JD38" s="71">
        <v>28</v>
      </c>
      <c r="JE38" s="72">
        <v>358</v>
      </c>
      <c r="JF38" s="73">
        <v>462</v>
      </c>
      <c r="JG38" s="70">
        <v>36</v>
      </c>
      <c r="JH38" s="71">
        <v>35</v>
      </c>
      <c r="JI38" s="72">
        <v>71</v>
      </c>
      <c r="JJ38" s="244"/>
      <c r="JK38" s="71">
        <v>118</v>
      </c>
      <c r="JL38" s="71">
        <v>91</v>
      </c>
      <c r="JM38" s="71">
        <v>71</v>
      </c>
      <c r="JN38" s="71">
        <v>88</v>
      </c>
      <c r="JO38" s="71">
        <v>35</v>
      </c>
      <c r="JP38" s="72">
        <v>403</v>
      </c>
      <c r="JQ38" s="73">
        <v>474</v>
      </c>
      <c r="JR38" s="70">
        <v>1</v>
      </c>
      <c r="JS38" s="71">
        <v>2</v>
      </c>
      <c r="JT38" s="72">
        <v>3</v>
      </c>
      <c r="JU38" s="244"/>
      <c r="JV38" s="71">
        <v>4</v>
      </c>
      <c r="JW38" s="71">
        <v>4</v>
      </c>
      <c r="JX38" s="71">
        <v>3</v>
      </c>
      <c r="JY38" s="71">
        <v>2</v>
      </c>
      <c r="JZ38" s="71">
        <v>2</v>
      </c>
      <c r="KA38" s="72">
        <v>15</v>
      </c>
      <c r="KB38" s="73">
        <v>18</v>
      </c>
      <c r="KC38" s="70">
        <v>178</v>
      </c>
      <c r="KD38" s="71">
        <v>205</v>
      </c>
      <c r="KE38" s="72">
        <v>383</v>
      </c>
      <c r="KF38" s="244"/>
      <c r="KG38" s="71">
        <v>507</v>
      </c>
      <c r="KH38" s="71">
        <v>278</v>
      </c>
      <c r="KI38" s="71">
        <v>209</v>
      </c>
      <c r="KJ38" s="71">
        <v>226</v>
      </c>
      <c r="KK38" s="71">
        <v>112</v>
      </c>
      <c r="KL38" s="72">
        <v>1332</v>
      </c>
      <c r="KM38" s="73">
        <v>1715</v>
      </c>
    </row>
    <row r="39" spans="2:299" ht="21" customHeight="1" x14ac:dyDescent="0.2">
      <c r="B39" s="126" t="s">
        <v>36</v>
      </c>
      <c r="C39" s="313">
        <v>68</v>
      </c>
      <c r="D39" s="82">
        <v>86</v>
      </c>
      <c r="E39" s="83">
        <v>154</v>
      </c>
      <c r="F39" s="241"/>
      <c r="G39" s="82">
        <v>141</v>
      </c>
      <c r="H39" s="82">
        <v>147</v>
      </c>
      <c r="I39" s="82">
        <v>96</v>
      </c>
      <c r="J39" s="82">
        <v>92</v>
      </c>
      <c r="K39" s="82">
        <v>58</v>
      </c>
      <c r="L39" s="84">
        <v>534</v>
      </c>
      <c r="M39" s="85">
        <v>688</v>
      </c>
      <c r="N39" s="70">
        <v>5</v>
      </c>
      <c r="O39" s="71">
        <v>6</v>
      </c>
      <c r="P39" s="72">
        <v>11</v>
      </c>
      <c r="Q39" s="244"/>
      <c r="R39" s="71">
        <v>10</v>
      </c>
      <c r="S39" s="71">
        <v>14</v>
      </c>
      <c r="T39" s="71">
        <v>7</v>
      </c>
      <c r="U39" s="71">
        <v>6</v>
      </c>
      <c r="V39" s="71">
        <v>2</v>
      </c>
      <c r="W39" s="72">
        <v>39</v>
      </c>
      <c r="X39" s="73">
        <v>50</v>
      </c>
      <c r="Y39" s="70">
        <v>9</v>
      </c>
      <c r="Z39" s="71">
        <v>15</v>
      </c>
      <c r="AA39" s="72">
        <v>24</v>
      </c>
      <c r="AB39" s="244"/>
      <c r="AC39" s="71">
        <v>20</v>
      </c>
      <c r="AD39" s="71">
        <v>26</v>
      </c>
      <c r="AE39" s="71">
        <v>14</v>
      </c>
      <c r="AF39" s="71">
        <v>13</v>
      </c>
      <c r="AG39" s="71">
        <v>8</v>
      </c>
      <c r="AH39" s="72">
        <v>81</v>
      </c>
      <c r="AI39" s="73">
        <v>105</v>
      </c>
      <c r="AJ39" s="70">
        <v>16</v>
      </c>
      <c r="AK39" s="71">
        <v>16</v>
      </c>
      <c r="AL39" s="72">
        <v>32</v>
      </c>
      <c r="AM39" s="244"/>
      <c r="AN39" s="71">
        <v>28</v>
      </c>
      <c r="AO39" s="71">
        <v>18</v>
      </c>
      <c r="AP39" s="71">
        <v>14</v>
      </c>
      <c r="AQ39" s="71">
        <v>20</v>
      </c>
      <c r="AR39" s="71">
        <v>15</v>
      </c>
      <c r="AS39" s="72">
        <v>95</v>
      </c>
      <c r="AT39" s="73">
        <v>127</v>
      </c>
      <c r="AU39" s="70">
        <v>15</v>
      </c>
      <c r="AV39" s="71">
        <v>19</v>
      </c>
      <c r="AW39" s="72">
        <v>34</v>
      </c>
      <c r="AX39" s="244"/>
      <c r="AY39" s="71">
        <v>40</v>
      </c>
      <c r="AZ39" s="71">
        <v>39</v>
      </c>
      <c r="BA39" s="71">
        <v>23</v>
      </c>
      <c r="BB39" s="71">
        <v>22</v>
      </c>
      <c r="BC39" s="71">
        <v>14</v>
      </c>
      <c r="BD39" s="72">
        <v>138</v>
      </c>
      <c r="BE39" s="73">
        <v>172</v>
      </c>
      <c r="BF39" s="70">
        <v>17</v>
      </c>
      <c r="BG39" s="71">
        <v>19</v>
      </c>
      <c r="BH39" s="72">
        <v>36</v>
      </c>
      <c r="BI39" s="244"/>
      <c r="BJ39" s="71">
        <v>28</v>
      </c>
      <c r="BK39" s="71">
        <v>28</v>
      </c>
      <c r="BL39" s="71">
        <v>24</v>
      </c>
      <c r="BM39" s="71">
        <v>18</v>
      </c>
      <c r="BN39" s="71">
        <v>7</v>
      </c>
      <c r="BO39" s="72">
        <v>105</v>
      </c>
      <c r="BP39" s="73">
        <v>141</v>
      </c>
      <c r="BQ39" s="70">
        <v>6</v>
      </c>
      <c r="BR39" s="71">
        <v>11</v>
      </c>
      <c r="BS39" s="72">
        <v>17</v>
      </c>
      <c r="BT39" s="244"/>
      <c r="BU39" s="71">
        <v>15</v>
      </c>
      <c r="BV39" s="71">
        <v>22</v>
      </c>
      <c r="BW39" s="71">
        <v>14</v>
      </c>
      <c r="BX39" s="71">
        <v>13</v>
      </c>
      <c r="BY39" s="71">
        <v>12</v>
      </c>
      <c r="BZ39" s="72">
        <v>76</v>
      </c>
      <c r="CA39" s="73">
        <v>93</v>
      </c>
      <c r="CB39" s="70">
        <v>1</v>
      </c>
      <c r="CC39" s="71">
        <v>4</v>
      </c>
      <c r="CD39" s="72">
        <v>5</v>
      </c>
      <c r="CE39" s="244"/>
      <c r="CF39" s="71">
        <v>8</v>
      </c>
      <c r="CG39" s="71">
        <v>3</v>
      </c>
      <c r="CH39" s="71">
        <v>8</v>
      </c>
      <c r="CI39" s="71">
        <v>5</v>
      </c>
      <c r="CJ39" s="71">
        <v>2</v>
      </c>
      <c r="CK39" s="72">
        <v>26</v>
      </c>
      <c r="CL39" s="73">
        <v>31</v>
      </c>
      <c r="CM39" s="70">
        <v>69</v>
      </c>
      <c r="CN39" s="71">
        <v>90</v>
      </c>
      <c r="CO39" s="72">
        <v>159</v>
      </c>
      <c r="CP39" s="244"/>
      <c r="CQ39" s="71">
        <v>149</v>
      </c>
      <c r="CR39" s="71">
        <v>150</v>
      </c>
      <c r="CS39" s="71">
        <v>104</v>
      </c>
      <c r="CT39" s="71">
        <v>97</v>
      </c>
      <c r="CU39" s="71">
        <v>60</v>
      </c>
      <c r="CV39" s="72">
        <v>560</v>
      </c>
      <c r="CW39" s="73">
        <v>719</v>
      </c>
      <c r="CX39" s="123">
        <v>102</v>
      </c>
      <c r="CY39" s="82">
        <v>184</v>
      </c>
      <c r="CZ39" s="83">
        <v>286</v>
      </c>
      <c r="DA39" s="241"/>
      <c r="DB39" s="82">
        <v>263</v>
      </c>
      <c r="DC39" s="82">
        <v>211</v>
      </c>
      <c r="DD39" s="82">
        <v>156</v>
      </c>
      <c r="DE39" s="82">
        <v>181</v>
      </c>
      <c r="DF39" s="82">
        <v>139</v>
      </c>
      <c r="DG39" s="84">
        <v>950</v>
      </c>
      <c r="DH39" s="85">
        <v>1236</v>
      </c>
      <c r="DI39" s="70">
        <v>2</v>
      </c>
      <c r="DJ39" s="71">
        <v>7</v>
      </c>
      <c r="DK39" s="72">
        <v>9</v>
      </c>
      <c r="DL39" s="244"/>
      <c r="DM39" s="71">
        <v>3</v>
      </c>
      <c r="DN39" s="71">
        <v>9</v>
      </c>
      <c r="DO39" s="71">
        <v>4</v>
      </c>
      <c r="DP39" s="71">
        <v>5</v>
      </c>
      <c r="DQ39" s="71">
        <v>5</v>
      </c>
      <c r="DR39" s="72">
        <v>26</v>
      </c>
      <c r="DS39" s="73">
        <v>35</v>
      </c>
      <c r="DT39" s="70">
        <v>7</v>
      </c>
      <c r="DU39" s="71">
        <v>23</v>
      </c>
      <c r="DV39" s="72">
        <v>30</v>
      </c>
      <c r="DW39" s="244"/>
      <c r="DX39" s="71">
        <v>21</v>
      </c>
      <c r="DY39" s="71">
        <v>14</v>
      </c>
      <c r="DZ39" s="71">
        <v>13</v>
      </c>
      <c r="EA39" s="71">
        <v>12</v>
      </c>
      <c r="EB39" s="71">
        <v>7</v>
      </c>
      <c r="EC39" s="72">
        <v>67</v>
      </c>
      <c r="ED39" s="73">
        <v>97</v>
      </c>
      <c r="EE39" s="70">
        <v>17</v>
      </c>
      <c r="EF39" s="71">
        <v>26</v>
      </c>
      <c r="EG39" s="72">
        <v>43</v>
      </c>
      <c r="EH39" s="244"/>
      <c r="EI39" s="71">
        <v>39</v>
      </c>
      <c r="EJ39" s="71">
        <v>25</v>
      </c>
      <c r="EK39" s="71">
        <v>12</v>
      </c>
      <c r="EL39" s="71">
        <v>20</v>
      </c>
      <c r="EM39" s="71">
        <v>21</v>
      </c>
      <c r="EN39" s="72">
        <v>117</v>
      </c>
      <c r="EO39" s="73">
        <v>160</v>
      </c>
      <c r="EP39" s="70">
        <v>32</v>
      </c>
      <c r="EQ39" s="71">
        <v>64</v>
      </c>
      <c r="ER39" s="72">
        <v>96</v>
      </c>
      <c r="ES39" s="244"/>
      <c r="ET39" s="71">
        <v>69</v>
      </c>
      <c r="EU39" s="71">
        <v>57</v>
      </c>
      <c r="EV39" s="71">
        <v>31</v>
      </c>
      <c r="EW39" s="71">
        <v>28</v>
      </c>
      <c r="EX39" s="71">
        <v>33</v>
      </c>
      <c r="EY39" s="72">
        <v>218</v>
      </c>
      <c r="EZ39" s="73">
        <v>314</v>
      </c>
      <c r="FA39" s="70">
        <v>30</v>
      </c>
      <c r="FB39" s="71">
        <v>42</v>
      </c>
      <c r="FC39" s="72">
        <v>72</v>
      </c>
      <c r="FD39" s="244"/>
      <c r="FE39" s="71">
        <v>75</v>
      </c>
      <c r="FF39" s="71">
        <v>49</v>
      </c>
      <c r="FG39" s="71">
        <v>45</v>
      </c>
      <c r="FH39" s="71">
        <v>45</v>
      </c>
      <c r="FI39" s="71">
        <v>29</v>
      </c>
      <c r="FJ39" s="72">
        <v>243</v>
      </c>
      <c r="FK39" s="73">
        <v>315</v>
      </c>
      <c r="FL39" s="70">
        <v>14</v>
      </c>
      <c r="FM39" s="71">
        <v>22</v>
      </c>
      <c r="FN39" s="72">
        <v>36</v>
      </c>
      <c r="FO39" s="244"/>
      <c r="FP39" s="71">
        <v>56</v>
      </c>
      <c r="FQ39" s="71">
        <v>57</v>
      </c>
      <c r="FR39" s="71">
        <v>51</v>
      </c>
      <c r="FS39" s="71">
        <v>71</v>
      </c>
      <c r="FT39" s="71">
        <v>44</v>
      </c>
      <c r="FU39" s="72">
        <v>279</v>
      </c>
      <c r="FV39" s="73">
        <v>315</v>
      </c>
      <c r="FW39" s="70">
        <v>1</v>
      </c>
      <c r="FX39" s="71">
        <v>3</v>
      </c>
      <c r="FY39" s="72">
        <v>4</v>
      </c>
      <c r="FZ39" s="244"/>
      <c r="GA39" s="71">
        <v>2</v>
      </c>
      <c r="GB39" s="71">
        <v>1</v>
      </c>
      <c r="GC39" s="71">
        <v>1</v>
      </c>
      <c r="GD39" s="71">
        <v>4</v>
      </c>
      <c r="GE39" s="71">
        <v>2</v>
      </c>
      <c r="GF39" s="72">
        <v>10</v>
      </c>
      <c r="GG39" s="73">
        <v>14</v>
      </c>
      <c r="GH39" s="70">
        <v>103</v>
      </c>
      <c r="GI39" s="71">
        <v>187</v>
      </c>
      <c r="GJ39" s="72">
        <v>290</v>
      </c>
      <c r="GK39" s="244"/>
      <c r="GL39" s="71">
        <v>265</v>
      </c>
      <c r="GM39" s="71">
        <v>212</v>
      </c>
      <c r="GN39" s="71">
        <v>157</v>
      </c>
      <c r="GO39" s="71">
        <v>185</v>
      </c>
      <c r="GP39" s="71">
        <v>141</v>
      </c>
      <c r="GQ39" s="72">
        <v>960</v>
      </c>
      <c r="GR39" s="73">
        <v>1250</v>
      </c>
      <c r="GS39" s="123">
        <v>170</v>
      </c>
      <c r="GT39" s="82">
        <v>270</v>
      </c>
      <c r="GU39" s="83">
        <v>440</v>
      </c>
      <c r="GV39" s="241"/>
      <c r="GW39" s="82">
        <v>404</v>
      </c>
      <c r="GX39" s="82">
        <v>358</v>
      </c>
      <c r="GY39" s="82">
        <v>252</v>
      </c>
      <c r="GZ39" s="82">
        <v>273</v>
      </c>
      <c r="HA39" s="82">
        <v>197</v>
      </c>
      <c r="HB39" s="84">
        <v>1484</v>
      </c>
      <c r="HC39" s="85">
        <v>1924</v>
      </c>
      <c r="HD39" s="70">
        <v>7</v>
      </c>
      <c r="HE39" s="71">
        <v>13</v>
      </c>
      <c r="HF39" s="72">
        <v>20</v>
      </c>
      <c r="HG39" s="244"/>
      <c r="HH39" s="71">
        <v>13</v>
      </c>
      <c r="HI39" s="71">
        <v>23</v>
      </c>
      <c r="HJ39" s="71">
        <v>11</v>
      </c>
      <c r="HK39" s="71">
        <v>11</v>
      </c>
      <c r="HL39" s="71">
        <v>7</v>
      </c>
      <c r="HM39" s="72">
        <v>65</v>
      </c>
      <c r="HN39" s="73">
        <v>85</v>
      </c>
      <c r="HO39" s="70">
        <v>16</v>
      </c>
      <c r="HP39" s="71">
        <v>38</v>
      </c>
      <c r="HQ39" s="72">
        <v>54</v>
      </c>
      <c r="HR39" s="244"/>
      <c r="HS39" s="71">
        <v>41</v>
      </c>
      <c r="HT39" s="71">
        <v>40</v>
      </c>
      <c r="HU39" s="71">
        <v>27</v>
      </c>
      <c r="HV39" s="71">
        <v>25</v>
      </c>
      <c r="HW39" s="71">
        <v>15</v>
      </c>
      <c r="HX39" s="72">
        <v>148</v>
      </c>
      <c r="HY39" s="73">
        <v>202</v>
      </c>
      <c r="HZ39" s="70">
        <v>33</v>
      </c>
      <c r="IA39" s="71">
        <v>42</v>
      </c>
      <c r="IB39" s="72">
        <v>75</v>
      </c>
      <c r="IC39" s="244"/>
      <c r="ID39" s="71">
        <v>67</v>
      </c>
      <c r="IE39" s="71">
        <v>43</v>
      </c>
      <c r="IF39" s="71">
        <v>26</v>
      </c>
      <c r="IG39" s="71">
        <v>40</v>
      </c>
      <c r="IH39" s="71">
        <v>36</v>
      </c>
      <c r="II39" s="72">
        <v>212</v>
      </c>
      <c r="IJ39" s="73">
        <v>287</v>
      </c>
      <c r="IK39" s="70">
        <v>47</v>
      </c>
      <c r="IL39" s="71">
        <v>83</v>
      </c>
      <c r="IM39" s="72">
        <v>130</v>
      </c>
      <c r="IN39" s="244"/>
      <c r="IO39" s="71">
        <v>109</v>
      </c>
      <c r="IP39" s="71">
        <v>96</v>
      </c>
      <c r="IQ39" s="71">
        <v>54</v>
      </c>
      <c r="IR39" s="71">
        <v>50</v>
      </c>
      <c r="IS39" s="71">
        <v>47</v>
      </c>
      <c r="IT39" s="72">
        <v>356</v>
      </c>
      <c r="IU39" s="73">
        <v>486</v>
      </c>
      <c r="IV39" s="70">
        <v>47</v>
      </c>
      <c r="IW39" s="71">
        <v>61</v>
      </c>
      <c r="IX39" s="72">
        <v>108</v>
      </c>
      <c r="IY39" s="244"/>
      <c r="IZ39" s="71">
        <v>103</v>
      </c>
      <c r="JA39" s="71">
        <v>77</v>
      </c>
      <c r="JB39" s="71">
        <v>69</v>
      </c>
      <c r="JC39" s="71">
        <v>63</v>
      </c>
      <c r="JD39" s="71">
        <v>36</v>
      </c>
      <c r="JE39" s="72">
        <v>348</v>
      </c>
      <c r="JF39" s="73">
        <v>456</v>
      </c>
      <c r="JG39" s="70">
        <v>20</v>
      </c>
      <c r="JH39" s="71">
        <v>33</v>
      </c>
      <c r="JI39" s="72">
        <v>53</v>
      </c>
      <c r="JJ39" s="244"/>
      <c r="JK39" s="71">
        <v>71</v>
      </c>
      <c r="JL39" s="71">
        <v>79</v>
      </c>
      <c r="JM39" s="71">
        <v>65</v>
      </c>
      <c r="JN39" s="71">
        <v>84</v>
      </c>
      <c r="JO39" s="71">
        <v>56</v>
      </c>
      <c r="JP39" s="72">
        <v>355</v>
      </c>
      <c r="JQ39" s="73">
        <v>408</v>
      </c>
      <c r="JR39" s="70">
        <v>2</v>
      </c>
      <c r="JS39" s="71">
        <v>7</v>
      </c>
      <c r="JT39" s="72">
        <v>9</v>
      </c>
      <c r="JU39" s="244"/>
      <c r="JV39" s="71">
        <v>10</v>
      </c>
      <c r="JW39" s="71">
        <v>4</v>
      </c>
      <c r="JX39" s="71">
        <v>9</v>
      </c>
      <c r="JY39" s="71">
        <v>9</v>
      </c>
      <c r="JZ39" s="71">
        <v>4</v>
      </c>
      <c r="KA39" s="72">
        <v>36</v>
      </c>
      <c r="KB39" s="73">
        <v>45</v>
      </c>
      <c r="KC39" s="70">
        <v>172</v>
      </c>
      <c r="KD39" s="71">
        <v>277</v>
      </c>
      <c r="KE39" s="72">
        <v>449</v>
      </c>
      <c r="KF39" s="244"/>
      <c r="KG39" s="71">
        <v>414</v>
      </c>
      <c r="KH39" s="71">
        <v>362</v>
      </c>
      <c r="KI39" s="71">
        <v>261</v>
      </c>
      <c r="KJ39" s="71">
        <v>282</v>
      </c>
      <c r="KK39" s="71">
        <v>201</v>
      </c>
      <c r="KL39" s="72">
        <v>1520</v>
      </c>
      <c r="KM39" s="73">
        <v>1969</v>
      </c>
    </row>
    <row r="40" spans="2:299" ht="21" customHeight="1" thickBot="1" x14ac:dyDescent="0.25">
      <c r="B40" s="127" t="s">
        <v>37</v>
      </c>
      <c r="C40" s="314">
        <v>2</v>
      </c>
      <c r="D40" s="87">
        <v>4</v>
      </c>
      <c r="E40" s="88">
        <v>6</v>
      </c>
      <c r="F40" s="242"/>
      <c r="G40" s="87">
        <v>9</v>
      </c>
      <c r="H40" s="87">
        <v>4</v>
      </c>
      <c r="I40" s="87">
        <v>10</v>
      </c>
      <c r="J40" s="87">
        <v>7</v>
      </c>
      <c r="K40" s="87">
        <v>2</v>
      </c>
      <c r="L40" s="89">
        <v>32</v>
      </c>
      <c r="M40" s="90">
        <v>38</v>
      </c>
      <c r="N40" s="74">
        <v>1</v>
      </c>
      <c r="O40" s="75">
        <v>0</v>
      </c>
      <c r="P40" s="76">
        <v>1</v>
      </c>
      <c r="Q40" s="245"/>
      <c r="R40" s="75">
        <v>0</v>
      </c>
      <c r="S40" s="75">
        <v>1</v>
      </c>
      <c r="T40" s="75">
        <v>0</v>
      </c>
      <c r="U40" s="75">
        <v>1</v>
      </c>
      <c r="V40" s="75">
        <v>0</v>
      </c>
      <c r="W40" s="76">
        <v>2</v>
      </c>
      <c r="X40" s="77">
        <v>3</v>
      </c>
      <c r="Y40" s="74">
        <v>0</v>
      </c>
      <c r="Z40" s="75">
        <v>1</v>
      </c>
      <c r="AA40" s="76">
        <v>1</v>
      </c>
      <c r="AB40" s="245"/>
      <c r="AC40" s="75">
        <v>0</v>
      </c>
      <c r="AD40" s="75">
        <v>0</v>
      </c>
      <c r="AE40" s="75">
        <v>3</v>
      </c>
      <c r="AF40" s="75">
        <v>1</v>
      </c>
      <c r="AG40" s="75">
        <v>0</v>
      </c>
      <c r="AH40" s="76">
        <v>4</v>
      </c>
      <c r="AI40" s="77">
        <v>5</v>
      </c>
      <c r="AJ40" s="74">
        <v>0</v>
      </c>
      <c r="AK40" s="75">
        <v>1</v>
      </c>
      <c r="AL40" s="76">
        <v>1</v>
      </c>
      <c r="AM40" s="245"/>
      <c r="AN40" s="75">
        <v>2</v>
      </c>
      <c r="AO40" s="75">
        <v>0</v>
      </c>
      <c r="AP40" s="75">
        <v>2</v>
      </c>
      <c r="AQ40" s="75">
        <v>0</v>
      </c>
      <c r="AR40" s="75">
        <v>0</v>
      </c>
      <c r="AS40" s="76">
        <v>4</v>
      </c>
      <c r="AT40" s="77">
        <v>5</v>
      </c>
      <c r="AU40" s="74">
        <v>1</v>
      </c>
      <c r="AV40" s="75">
        <v>1</v>
      </c>
      <c r="AW40" s="76">
        <v>2</v>
      </c>
      <c r="AX40" s="245"/>
      <c r="AY40" s="75">
        <v>4</v>
      </c>
      <c r="AZ40" s="75">
        <v>0</v>
      </c>
      <c r="BA40" s="75">
        <v>1</v>
      </c>
      <c r="BB40" s="75">
        <v>2</v>
      </c>
      <c r="BC40" s="75">
        <v>0</v>
      </c>
      <c r="BD40" s="76">
        <v>7</v>
      </c>
      <c r="BE40" s="77">
        <v>9</v>
      </c>
      <c r="BF40" s="74">
        <v>0</v>
      </c>
      <c r="BG40" s="75">
        <v>1</v>
      </c>
      <c r="BH40" s="76">
        <v>1</v>
      </c>
      <c r="BI40" s="245"/>
      <c r="BJ40" s="75">
        <v>1</v>
      </c>
      <c r="BK40" s="75">
        <v>1</v>
      </c>
      <c r="BL40" s="75">
        <v>3</v>
      </c>
      <c r="BM40" s="75">
        <v>3</v>
      </c>
      <c r="BN40" s="75">
        <v>1</v>
      </c>
      <c r="BO40" s="76">
        <v>9</v>
      </c>
      <c r="BP40" s="77">
        <v>10</v>
      </c>
      <c r="BQ40" s="74">
        <v>0</v>
      </c>
      <c r="BR40" s="75">
        <v>0</v>
      </c>
      <c r="BS40" s="76">
        <v>0</v>
      </c>
      <c r="BT40" s="245"/>
      <c r="BU40" s="75">
        <v>2</v>
      </c>
      <c r="BV40" s="75">
        <v>2</v>
      </c>
      <c r="BW40" s="75">
        <v>1</v>
      </c>
      <c r="BX40" s="75">
        <v>0</v>
      </c>
      <c r="BY40" s="75">
        <v>1</v>
      </c>
      <c r="BZ40" s="76">
        <v>6</v>
      </c>
      <c r="CA40" s="77">
        <v>6</v>
      </c>
      <c r="CB40" s="74">
        <v>0</v>
      </c>
      <c r="CC40" s="75">
        <v>0</v>
      </c>
      <c r="CD40" s="76">
        <v>0</v>
      </c>
      <c r="CE40" s="245"/>
      <c r="CF40" s="75">
        <v>1</v>
      </c>
      <c r="CG40" s="75">
        <v>0</v>
      </c>
      <c r="CH40" s="75">
        <v>0</v>
      </c>
      <c r="CI40" s="75">
        <v>1</v>
      </c>
      <c r="CJ40" s="75">
        <v>0</v>
      </c>
      <c r="CK40" s="76">
        <v>2</v>
      </c>
      <c r="CL40" s="77">
        <v>2</v>
      </c>
      <c r="CM40" s="74">
        <v>2</v>
      </c>
      <c r="CN40" s="75">
        <v>4</v>
      </c>
      <c r="CO40" s="76">
        <v>6</v>
      </c>
      <c r="CP40" s="245"/>
      <c r="CQ40" s="75">
        <v>10</v>
      </c>
      <c r="CR40" s="75">
        <v>4</v>
      </c>
      <c r="CS40" s="75">
        <v>10</v>
      </c>
      <c r="CT40" s="75">
        <v>8</v>
      </c>
      <c r="CU40" s="75">
        <v>2</v>
      </c>
      <c r="CV40" s="76">
        <v>34</v>
      </c>
      <c r="CW40" s="77">
        <v>40</v>
      </c>
      <c r="CX40" s="124">
        <v>14</v>
      </c>
      <c r="CY40" s="87">
        <v>4</v>
      </c>
      <c r="CZ40" s="88">
        <v>18</v>
      </c>
      <c r="DA40" s="242"/>
      <c r="DB40" s="87">
        <v>25</v>
      </c>
      <c r="DC40" s="87">
        <v>14</v>
      </c>
      <c r="DD40" s="87">
        <v>31</v>
      </c>
      <c r="DE40" s="87">
        <v>14</v>
      </c>
      <c r="DF40" s="87">
        <v>12</v>
      </c>
      <c r="DG40" s="89">
        <v>96</v>
      </c>
      <c r="DH40" s="90">
        <v>114</v>
      </c>
      <c r="DI40" s="74">
        <v>0</v>
      </c>
      <c r="DJ40" s="75">
        <v>0</v>
      </c>
      <c r="DK40" s="76">
        <v>0</v>
      </c>
      <c r="DL40" s="245"/>
      <c r="DM40" s="75">
        <v>0</v>
      </c>
      <c r="DN40" s="75">
        <v>0</v>
      </c>
      <c r="DO40" s="75">
        <v>1</v>
      </c>
      <c r="DP40" s="75">
        <v>0</v>
      </c>
      <c r="DQ40" s="75">
        <v>2</v>
      </c>
      <c r="DR40" s="76">
        <v>3</v>
      </c>
      <c r="DS40" s="77">
        <v>3</v>
      </c>
      <c r="DT40" s="74">
        <v>1</v>
      </c>
      <c r="DU40" s="75">
        <v>0</v>
      </c>
      <c r="DV40" s="76">
        <v>1</v>
      </c>
      <c r="DW40" s="245"/>
      <c r="DX40" s="75">
        <v>2</v>
      </c>
      <c r="DY40" s="75">
        <v>0</v>
      </c>
      <c r="DZ40" s="75">
        <v>0</v>
      </c>
      <c r="EA40" s="75">
        <v>1</v>
      </c>
      <c r="EB40" s="75">
        <v>0</v>
      </c>
      <c r="EC40" s="76">
        <v>3</v>
      </c>
      <c r="ED40" s="77">
        <v>4</v>
      </c>
      <c r="EE40" s="74">
        <v>1</v>
      </c>
      <c r="EF40" s="75">
        <v>0</v>
      </c>
      <c r="EG40" s="76">
        <v>1</v>
      </c>
      <c r="EH40" s="245"/>
      <c r="EI40" s="75">
        <v>1</v>
      </c>
      <c r="EJ40" s="75">
        <v>3</v>
      </c>
      <c r="EK40" s="75">
        <v>5</v>
      </c>
      <c r="EL40" s="75">
        <v>3</v>
      </c>
      <c r="EM40" s="75">
        <v>1</v>
      </c>
      <c r="EN40" s="76">
        <v>13</v>
      </c>
      <c r="EO40" s="77">
        <v>14</v>
      </c>
      <c r="EP40" s="74">
        <v>7</v>
      </c>
      <c r="EQ40" s="75">
        <v>1</v>
      </c>
      <c r="ER40" s="76">
        <v>8</v>
      </c>
      <c r="ES40" s="245"/>
      <c r="ET40" s="75">
        <v>5</v>
      </c>
      <c r="EU40" s="75">
        <v>4</v>
      </c>
      <c r="EV40" s="75">
        <v>5</v>
      </c>
      <c r="EW40" s="75">
        <v>1</v>
      </c>
      <c r="EX40" s="75">
        <v>3</v>
      </c>
      <c r="EY40" s="76">
        <v>18</v>
      </c>
      <c r="EZ40" s="77">
        <v>26</v>
      </c>
      <c r="FA40" s="74">
        <v>4</v>
      </c>
      <c r="FB40" s="75">
        <v>2</v>
      </c>
      <c r="FC40" s="76">
        <v>6</v>
      </c>
      <c r="FD40" s="245"/>
      <c r="FE40" s="75">
        <v>12</v>
      </c>
      <c r="FF40" s="75">
        <v>4</v>
      </c>
      <c r="FG40" s="75">
        <v>9</v>
      </c>
      <c r="FH40" s="75">
        <v>4</v>
      </c>
      <c r="FI40" s="75">
        <v>2</v>
      </c>
      <c r="FJ40" s="76">
        <v>31</v>
      </c>
      <c r="FK40" s="77">
        <v>37</v>
      </c>
      <c r="FL40" s="74">
        <v>1</v>
      </c>
      <c r="FM40" s="75">
        <v>1</v>
      </c>
      <c r="FN40" s="76">
        <v>2</v>
      </c>
      <c r="FO40" s="245"/>
      <c r="FP40" s="75">
        <v>5</v>
      </c>
      <c r="FQ40" s="75">
        <v>3</v>
      </c>
      <c r="FR40" s="75">
        <v>11</v>
      </c>
      <c r="FS40" s="75">
        <v>5</v>
      </c>
      <c r="FT40" s="75">
        <v>4</v>
      </c>
      <c r="FU40" s="76">
        <v>28</v>
      </c>
      <c r="FV40" s="77">
        <v>30</v>
      </c>
      <c r="FW40" s="74">
        <v>0</v>
      </c>
      <c r="FX40" s="75">
        <v>0</v>
      </c>
      <c r="FY40" s="76">
        <v>0</v>
      </c>
      <c r="FZ40" s="245"/>
      <c r="GA40" s="75">
        <v>0</v>
      </c>
      <c r="GB40" s="75">
        <v>1</v>
      </c>
      <c r="GC40" s="75">
        <v>1</v>
      </c>
      <c r="GD40" s="75">
        <v>0</v>
      </c>
      <c r="GE40" s="75">
        <v>0</v>
      </c>
      <c r="GF40" s="76">
        <v>2</v>
      </c>
      <c r="GG40" s="77">
        <v>2</v>
      </c>
      <c r="GH40" s="74">
        <v>14</v>
      </c>
      <c r="GI40" s="75">
        <v>4</v>
      </c>
      <c r="GJ40" s="76">
        <v>18</v>
      </c>
      <c r="GK40" s="245"/>
      <c r="GL40" s="75">
        <v>25</v>
      </c>
      <c r="GM40" s="75">
        <v>15</v>
      </c>
      <c r="GN40" s="75">
        <v>32</v>
      </c>
      <c r="GO40" s="75">
        <v>14</v>
      </c>
      <c r="GP40" s="75">
        <v>12</v>
      </c>
      <c r="GQ40" s="76">
        <v>98</v>
      </c>
      <c r="GR40" s="77">
        <v>116</v>
      </c>
      <c r="GS40" s="124">
        <v>16</v>
      </c>
      <c r="GT40" s="87">
        <v>8</v>
      </c>
      <c r="GU40" s="88">
        <v>24</v>
      </c>
      <c r="GV40" s="242"/>
      <c r="GW40" s="87">
        <v>34</v>
      </c>
      <c r="GX40" s="87">
        <v>18</v>
      </c>
      <c r="GY40" s="87">
        <v>41</v>
      </c>
      <c r="GZ40" s="87">
        <v>21</v>
      </c>
      <c r="HA40" s="87">
        <v>14</v>
      </c>
      <c r="HB40" s="89">
        <v>128</v>
      </c>
      <c r="HC40" s="90">
        <v>152</v>
      </c>
      <c r="HD40" s="74">
        <v>1</v>
      </c>
      <c r="HE40" s="75">
        <v>0</v>
      </c>
      <c r="HF40" s="76">
        <v>1</v>
      </c>
      <c r="HG40" s="245"/>
      <c r="HH40" s="75">
        <v>0</v>
      </c>
      <c r="HI40" s="75">
        <v>1</v>
      </c>
      <c r="HJ40" s="75">
        <v>1</v>
      </c>
      <c r="HK40" s="75">
        <v>1</v>
      </c>
      <c r="HL40" s="75">
        <v>2</v>
      </c>
      <c r="HM40" s="76">
        <v>5</v>
      </c>
      <c r="HN40" s="77">
        <v>6</v>
      </c>
      <c r="HO40" s="74">
        <v>1</v>
      </c>
      <c r="HP40" s="75">
        <v>1</v>
      </c>
      <c r="HQ40" s="76">
        <v>2</v>
      </c>
      <c r="HR40" s="245"/>
      <c r="HS40" s="75">
        <v>2</v>
      </c>
      <c r="HT40" s="75">
        <v>0</v>
      </c>
      <c r="HU40" s="75">
        <v>3</v>
      </c>
      <c r="HV40" s="75">
        <v>2</v>
      </c>
      <c r="HW40" s="75">
        <v>0</v>
      </c>
      <c r="HX40" s="76">
        <v>7</v>
      </c>
      <c r="HY40" s="77">
        <v>9</v>
      </c>
      <c r="HZ40" s="74">
        <v>1</v>
      </c>
      <c r="IA40" s="75">
        <v>1</v>
      </c>
      <c r="IB40" s="76">
        <v>2</v>
      </c>
      <c r="IC40" s="245"/>
      <c r="ID40" s="75">
        <v>3</v>
      </c>
      <c r="IE40" s="75">
        <v>3</v>
      </c>
      <c r="IF40" s="75">
        <v>7</v>
      </c>
      <c r="IG40" s="75">
        <v>3</v>
      </c>
      <c r="IH40" s="75">
        <v>1</v>
      </c>
      <c r="II40" s="76">
        <v>17</v>
      </c>
      <c r="IJ40" s="77">
        <v>19</v>
      </c>
      <c r="IK40" s="74">
        <v>8</v>
      </c>
      <c r="IL40" s="75">
        <v>2</v>
      </c>
      <c r="IM40" s="76">
        <v>10</v>
      </c>
      <c r="IN40" s="245"/>
      <c r="IO40" s="75">
        <v>9</v>
      </c>
      <c r="IP40" s="75">
        <v>4</v>
      </c>
      <c r="IQ40" s="75">
        <v>6</v>
      </c>
      <c r="IR40" s="75">
        <v>3</v>
      </c>
      <c r="IS40" s="75">
        <v>3</v>
      </c>
      <c r="IT40" s="76">
        <v>25</v>
      </c>
      <c r="IU40" s="77">
        <v>35</v>
      </c>
      <c r="IV40" s="74">
        <v>4</v>
      </c>
      <c r="IW40" s="75">
        <v>3</v>
      </c>
      <c r="IX40" s="76">
        <v>7</v>
      </c>
      <c r="IY40" s="245"/>
      <c r="IZ40" s="75">
        <v>13</v>
      </c>
      <c r="JA40" s="75">
        <v>5</v>
      </c>
      <c r="JB40" s="75">
        <v>12</v>
      </c>
      <c r="JC40" s="75">
        <v>7</v>
      </c>
      <c r="JD40" s="75">
        <v>3</v>
      </c>
      <c r="JE40" s="76">
        <v>40</v>
      </c>
      <c r="JF40" s="77">
        <v>47</v>
      </c>
      <c r="JG40" s="74">
        <v>1</v>
      </c>
      <c r="JH40" s="75">
        <v>1</v>
      </c>
      <c r="JI40" s="76">
        <v>2</v>
      </c>
      <c r="JJ40" s="245"/>
      <c r="JK40" s="75">
        <v>7</v>
      </c>
      <c r="JL40" s="75">
        <v>5</v>
      </c>
      <c r="JM40" s="75">
        <v>12</v>
      </c>
      <c r="JN40" s="75">
        <v>5</v>
      </c>
      <c r="JO40" s="75">
        <v>5</v>
      </c>
      <c r="JP40" s="76">
        <v>34</v>
      </c>
      <c r="JQ40" s="77">
        <v>36</v>
      </c>
      <c r="JR40" s="74">
        <v>0</v>
      </c>
      <c r="JS40" s="75">
        <v>0</v>
      </c>
      <c r="JT40" s="76">
        <v>0</v>
      </c>
      <c r="JU40" s="245"/>
      <c r="JV40" s="75">
        <v>1</v>
      </c>
      <c r="JW40" s="75">
        <v>1</v>
      </c>
      <c r="JX40" s="75">
        <v>1</v>
      </c>
      <c r="JY40" s="75">
        <v>1</v>
      </c>
      <c r="JZ40" s="75">
        <v>0</v>
      </c>
      <c r="KA40" s="76">
        <v>4</v>
      </c>
      <c r="KB40" s="77">
        <v>4</v>
      </c>
      <c r="KC40" s="74">
        <v>16</v>
      </c>
      <c r="KD40" s="75">
        <v>8</v>
      </c>
      <c r="KE40" s="76">
        <v>24</v>
      </c>
      <c r="KF40" s="245"/>
      <c r="KG40" s="75">
        <v>35</v>
      </c>
      <c r="KH40" s="75">
        <v>19</v>
      </c>
      <c r="KI40" s="75">
        <v>42</v>
      </c>
      <c r="KJ40" s="75">
        <v>22</v>
      </c>
      <c r="KK40" s="75">
        <v>14</v>
      </c>
      <c r="KL40" s="76">
        <v>132</v>
      </c>
      <c r="KM40" s="77">
        <v>156</v>
      </c>
    </row>
    <row r="41" spans="2:299" ht="32.25" customHeight="1" x14ac:dyDescent="0.2">
      <c r="C41" s="308" t="s">
        <v>126</v>
      </c>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496">
        <f>第１表!F2</f>
        <v>5</v>
      </c>
      <c r="I1" s="246">
        <f>第１表!G2</f>
        <v>5</v>
      </c>
      <c r="J1" s="555">
        <f>IF(I1&lt;3,I1-2+12,I1-2)</f>
        <v>3</v>
      </c>
      <c r="K1" s="555"/>
    </row>
    <row r="2" spans="2:43" ht="24" customHeight="1" thickBot="1" x14ac:dyDescent="0.25">
      <c r="B2" s="20" t="s">
        <v>158</v>
      </c>
      <c r="F2" s="20" t="s">
        <v>140</v>
      </c>
    </row>
    <row r="3" spans="2:43" ht="21"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1"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30" customHeight="1" thickBot="1" x14ac:dyDescent="0.25">
      <c r="B5" s="360"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1" customHeight="1" x14ac:dyDescent="0.2">
      <c r="B6" s="359" t="s">
        <v>4</v>
      </c>
      <c r="C6" s="185">
        <v>0</v>
      </c>
      <c r="D6" s="186">
        <v>0</v>
      </c>
      <c r="E6" s="186">
        <v>0</v>
      </c>
      <c r="F6" s="187">
        <v>14</v>
      </c>
      <c r="G6" s="188">
        <v>61</v>
      </c>
      <c r="H6" s="188">
        <v>464</v>
      </c>
      <c r="I6" s="188">
        <v>675</v>
      </c>
      <c r="J6" s="186">
        <v>392</v>
      </c>
      <c r="K6" s="189">
        <v>1606</v>
      </c>
      <c r="L6" s="190">
        <v>1606</v>
      </c>
      <c r="M6" s="185">
        <v>0</v>
      </c>
      <c r="N6" s="186">
        <v>0</v>
      </c>
      <c r="O6" s="189">
        <v>0</v>
      </c>
      <c r="P6" s="192">
        <v>90</v>
      </c>
      <c r="Q6" s="188">
        <v>190</v>
      </c>
      <c r="R6" s="188">
        <v>259</v>
      </c>
      <c r="S6" s="188">
        <v>317</v>
      </c>
      <c r="T6" s="186">
        <v>175</v>
      </c>
      <c r="U6" s="189">
        <v>1031</v>
      </c>
      <c r="V6" s="193">
        <v>1031</v>
      </c>
      <c r="W6" s="192">
        <v>0</v>
      </c>
      <c r="X6" s="186">
        <v>0</v>
      </c>
      <c r="Y6" s="186">
        <v>0</v>
      </c>
      <c r="Z6" s="187">
        <v>0</v>
      </c>
      <c r="AA6" s="188">
        <v>0</v>
      </c>
      <c r="AB6" s="188">
        <v>1</v>
      </c>
      <c r="AC6" s="188">
        <v>10</v>
      </c>
      <c r="AD6" s="186">
        <v>4</v>
      </c>
      <c r="AE6" s="189">
        <v>15</v>
      </c>
      <c r="AF6" s="190">
        <v>15</v>
      </c>
      <c r="AG6" s="185">
        <v>0</v>
      </c>
      <c r="AH6" s="186">
        <v>0</v>
      </c>
      <c r="AI6" s="186">
        <v>0</v>
      </c>
      <c r="AJ6" s="187">
        <v>0</v>
      </c>
      <c r="AK6" s="188">
        <v>1</v>
      </c>
      <c r="AL6" s="188">
        <v>2</v>
      </c>
      <c r="AM6" s="188">
        <v>14</v>
      </c>
      <c r="AN6" s="186">
        <v>19</v>
      </c>
      <c r="AO6" s="189">
        <v>36</v>
      </c>
      <c r="AP6" s="191">
        <v>36</v>
      </c>
      <c r="AQ6" s="37"/>
    </row>
    <row r="7" spans="2:43" ht="21" customHeight="1" x14ac:dyDescent="0.2">
      <c r="B7" s="62" t="s">
        <v>5</v>
      </c>
      <c r="C7" s="194">
        <v>0</v>
      </c>
      <c r="D7" s="195">
        <v>0</v>
      </c>
      <c r="E7" s="195">
        <v>0</v>
      </c>
      <c r="F7" s="196">
        <v>9</v>
      </c>
      <c r="G7" s="197">
        <v>45</v>
      </c>
      <c r="H7" s="197">
        <v>240</v>
      </c>
      <c r="I7" s="197">
        <v>274</v>
      </c>
      <c r="J7" s="195">
        <v>182</v>
      </c>
      <c r="K7" s="198">
        <v>750</v>
      </c>
      <c r="L7" s="199">
        <v>750</v>
      </c>
      <c r="M7" s="194">
        <v>0</v>
      </c>
      <c r="N7" s="195">
        <v>0</v>
      </c>
      <c r="O7" s="198">
        <v>0</v>
      </c>
      <c r="P7" s="201">
        <v>38</v>
      </c>
      <c r="Q7" s="197">
        <v>93</v>
      </c>
      <c r="R7" s="197">
        <v>121</v>
      </c>
      <c r="S7" s="197">
        <v>151</v>
      </c>
      <c r="T7" s="195">
        <v>88</v>
      </c>
      <c r="U7" s="198">
        <v>491</v>
      </c>
      <c r="V7" s="202">
        <v>491</v>
      </c>
      <c r="W7" s="201">
        <v>0</v>
      </c>
      <c r="X7" s="195">
        <v>0</v>
      </c>
      <c r="Y7" s="195">
        <v>0</v>
      </c>
      <c r="Z7" s="196">
        <v>0</v>
      </c>
      <c r="AA7" s="197">
        <v>0</v>
      </c>
      <c r="AB7" s="197">
        <v>0</v>
      </c>
      <c r="AC7" s="197">
        <v>3</v>
      </c>
      <c r="AD7" s="195">
        <v>3</v>
      </c>
      <c r="AE7" s="198">
        <v>6</v>
      </c>
      <c r="AF7" s="199">
        <v>6</v>
      </c>
      <c r="AG7" s="194">
        <v>0</v>
      </c>
      <c r="AH7" s="195">
        <v>0</v>
      </c>
      <c r="AI7" s="195">
        <v>0</v>
      </c>
      <c r="AJ7" s="196">
        <v>0</v>
      </c>
      <c r="AK7" s="197">
        <v>0</v>
      </c>
      <c r="AL7" s="197">
        <v>1</v>
      </c>
      <c r="AM7" s="197">
        <v>1</v>
      </c>
      <c r="AN7" s="195">
        <v>6</v>
      </c>
      <c r="AO7" s="198">
        <v>8</v>
      </c>
      <c r="AP7" s="200">
        <v>8</v>
      </c>
      <c r="AQ7" s="37"/>
    </row>
    <row r="8" spans="2:43" ht="21" customHeight="1" x14ac:dyDescent="0.2">
      <c r="B8" s="62" t="s">
        <v>6</v>
      </c>
      <c r="C8" s="194">
        <v>0</v>
      </c>
      <c r="D8" s="195">
        <v>0</v>
      </c>
      <c r="E8" s="195">
        <v>0</v>
      </c>
      <c r="F8" s="196">
        <v>1</v>
      </c>
      <c r="G8" s="197">
        <v>5</v>
      </c>
      <c r="H8" s="197">
        <v>49</v>
      </c>
      <c r="I8" s="197">
        <v>65</v>
      </c>
      <c r="J8" s="195">
        <v>48</v>
      </c>
      <c r="K8" s="198">
        <v>168</v>
      </c>
      <c r="L8" s="199">
        <v>168</v>
      </c>
      <c r="M8" s="194">
        <v>0</v>
      </c>
      <c r="N8" s="195">
        <v>0</v>
      </c>
      <c r="O8" s="198">
        <v>0</v>
      </c>
      <c r="P8" s="201">
        <v>9</v>
      </c>
      <c r="Q8" s="197">
        <v>22</v>
      </c>
      <c r="R8" s="197">
        <v>27</v>
      </c>
      <c r="S8" s="197">
        <v>34</v>
      </c>
      <c r="T8" s="195">
        <v>22</v>
      </c>
      <c r="U8" s="198">
        <v>114</v>
      </c>
      <c r="V8" s="202">
        <v>114</v>
      </c>
      <c r="W8" s="201">
        <v>0</v>
      </c>
      <c r="X8" s="195">
        <v>0</v>
      </c>
      <c r="Y8" s="195">
        <v>0</v>
      </c>
      <c r="Z8" s="196">
        <v>0</v>
      </c>
      <c r="AA8" s="197">
        <v>0</v>
      </c>
      <c r="AB8" s="197">
        <v>1</v>
      </c>
      <c r="AC8" s="197">
        <v>7</v>
      </c>
      <c r="AD8" s="195">
        <v>0</v>
      </c>
      <c r="AE8" s="198">
        <v>8</v>
      </c>
      <c r="AF8" s="199">
        <v>8</v>
      </c>
      <c r="AG8" s="194">
        <v>0</v>
      </c>
      <c r="AH8" s="195">
        <v>0</v>
      </c>
      <c r="AI8" s="195">
        <v>0</v>
      </c>
      <c r="AJ8" s="196">
        <v>0</v>
      </c>
      <c r="AK8" s="197">
        <v>0</v>
      </c>
      <c r="AL8" s="197">
        <v>0</v>
      </c>
      <c r="AM8" s="197">
        <v>5</v>
      </c>
      <c r="AN8" s="195">
        <v>4</v>
      </c>
      <c r="AO8" s="198">
        <v>9</v>
      </c>
      <c r="AP8" s="200">
        <v>9</v>
      </c>
      <c r="AQ8" s="37"/>
    </row>
    <row r="9" spans="2:43" ht="21" customHeight="1" x14ac:dyDescent="0.2">
      <c r="B9" s="62" t="s">
        <v>14</v>
      </c>
      <c r="C9" s="194">
        <v>0</v>
      </c>
      <c r="D9" s="195">
        <v>0</v>
      </c>
      <c r="E9" s="195">
        <v>0</v>
      </c>
      <c r="F9" s="196">
        <v>1</v>
      </c>
      <c r="G9" s="197">
        <v>0</v>
      </c>
      <c r="H9" s="197">
        <v>37</v>
      </c>
      <c r="I9" s="197">
        <v>56</v>
      </c>
      <c r="J9" s="195">
        <v>25</v>
      </c>
      <c r="K9" s="198">
        <v>119</v>
      </c>
      <c r="L9" s="199">
        <v>119</v>
      </c>
      <c r="M9" s="194">
        <v>0</v>
      </c>
      <c r="N9" s="195">
        <v>0</v>
      </c>
      <c r="O9" s="198">
        <v>0</v>
      </c>
      <c r="P9" s="201">
        <v>0</v>
      </c>
      <c r="Q9" s="197">
        <v>6</v>
      </c>
      <c r="R9" s="197">
        <v>17</v>
      </c>
      <c r="S9" s="197">
        <v>18</v>
      </c>
      <c r="T9" s="195">
        <v>8</v>
      </c>
      <c r="U9" s="198">
        <v>49</v>
      </c>
      <c r="V9" s="202">
        <v>49</v>
      </c>
      <c r="W9" s="201">
        <v>0</v>
      </c>
      <c r="X9" s="195">
        <v>0</v>
      </c>
      <c r="Y9" s="195">
        <v>0</v>
      </c>
      <c r="Z9" s="196">
        <v>0</v>
      </c>
      <c r="AA9" s="197">
        <v>0</v>
      </c>
      <c r="AB9" s="197">
        <v>0</v>
      </c>
      <c r="AC9" s="197">
        <v>0</v>
      </c>
      <c r="AD9" s="195">
        <v>1</v>
      </c>
      <c r="AE9" s="198">
        <v>1</v>
      </c>
      <c r="AF9" s="199">
        <v>1</v>
      </c>
      <c r="AG9" s="194">
        <v>0</v>
      </c>
      <c r="AH9" s="195">
        <v>0</v>
      </c>
      <c r="AI9" s="195">
        <v>0</v>
      </c>
      <c r="AJ9" s="196">
        <v>0</v>
      </c>
      <c r="AK9" s="197">
        <v>0</v>
      </c>
      <c r="AL9" s="197">
        <v>0</v>
      </c>
      <c r="AM9" s="197">
        <v>2</v>
      </c>
      <c r="AN9" s="195">
        <v>3</v>
      </c>
      <c r="AO9" s="198">
        <v>5</v>
      </c>
      <c r="AP9" s="200">
        <v>5</v>
      </c>
      <c r="AQ9" s="37"/>
    </row>
    <row r="10" spans="2:43" ht="21" customHeight="1" x14ac:dyDescent="0.2">
      <c r="B10" s="62" t="s">
        <v>7</v>
      </c>
      <c r="C10" s="194">
        <v>0</v>
      </c>
      <c r="D10" s="195">
        <v>0</v>
      </c>
      <c r="E10" s="195">
        <v>0</v>
      </c>
      <c r="F10" s="196">
        <v>0</v>
      </c>
      <c r="G10" s="197">
        <v>3</v>
      </c>
      <c r="H10" s="197">
        <v>16</v>
      </c>
      <c r="I10" s="197">
        <v>51</v>
      </c>
      <c r="J10" s="195">
        <v>31</v>
      </c>
      <c r="K10" s="198">
        <v>101</v>
      </c>
      <c r="L10" s="199">
        <v>101</v>
      </c>
      <c r="M10" s="194">
        <v>0</v>
      </c>
      <c r="N10" s="195">
        <v>0</v>
      </c>
      <c r="O10" s="198">
        <v>0</v>
      </c>
      <c r="P10" s="201">
        <v>17</v>
      </c>
      <c r="Q10" s="197">
        <v>12</v>
      </c>
      <c r="R10" s="197">
        <v>9</v>
      </c>
      <c r="S10" s="197">
        <v>21</v>
      </c>
      <c r="T10" s="195">
        <v>8</v>
      </c>
      <c r="U10" s="198">
        <v>67</v>
      </c>
      <c r="V10" s="202">
        <v>67</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2</v>
      </c>
      <c r="G11" s="197">
        <v>2</v>
      </c>
      <c r="H11" s="197">
        <v>12</v>
      </c>
      <c r="I11" s="197">
        <v>11</v>
      </c>
      <c r="J11" s="195">
        <v>7</v>
      </c>
      <c r="K11" s="198">
        <v>34</v>
      </c>
      <c r="L11" s="199">
        <v>34</v>
      </c>
      <c r="M11" s="194">
        <v>0</v>
      </c>
      <c r="N11" s="195">
        <v>0</v>
      </c>
      <c r="O11" s="198">
        <v>0</v>
      </c>
      <c r="P11" s="201">
        <v>3</v>
      </c>
      <c r="Q11" s="197">
        <v>3</v>
      </c>
      <c r="R11" s="197">
        <v>6</v>
      </c>
      <c r="S11" s="197">
        <v>8</v>
      </c>
      <c r="T11" s="195">
        <v>3</v>
      </c>
      <c r="U11" s="198">
        <v>23</v>
      </c>
      <c r="V11" s="202">
        <v>23</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2</v>
      </c>
      <c r="AN11" s="195">
        <v>0</v>
      </c>
      <c r="AO11" s="198">
        <v>2</v>
      </c>
      <c r="AP11" s="200">
        <v>2</v>
      </c>
      <c r="AQ11" s="37"/>
    </row>
    <row r="12" spans="2:43" ht="21" customHeight="1" x14ac:dyDescent="0.2">
      <c r="B12" s="62" t="s">
        <v>9</v>
      </c>
      <c r="C12" s="194">
        <v>0</v>
      </c>
      <c r="D12" s="195">
        <v>0</v>
      </c>
      <c r="E12" s="195">
        <v>0</v>
      </c>
      <c r="F12" s="196">
        <v>0</v>
      </c>
      <c r="G12" s="197">
        <v>0</v>
      </c>
      <c r="H12" s="197">
        <v>13</v>
      </c>
      <c r="I12" s="197">
        <v>22</v>
      </c>
      <c r="J12" s="195">
        <v>10</v>
      </c>
      <c r="K12" s="198">
        <v>45</v>
      </c>
      <c r="L12" s="199">
        <v>45</v>
      </c>
      <c r="M12" s="194">
        <v>0</v>
      </c>
      <c r="N12" s="195">
        <v>0</v>
      </c>
      <c r="O12" s="198">
        <v>0</v>
      </c>
      <c r="P12" s="201">
        <v>1</v>
      </c>
      <c r="Q12" s="197">
        <v>4</v>
      </c>
      <c r="R12" s="197">
        <v>3</v>
      </c>
      <c r="S12" s="197">
        <v>12</v>
      </c>
      <c r="T12" s="195">
        <v>4</v>
      </c>
      <c r="U12" s="198">
        <v>24</v>
      </c>
      <c r="V12" s="202">
        <v>24</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1</v>
      </c>
      <c r="AN12" s="195">
        <v>0</v>
      </c>
      <c r="AO12" s="198">
        <v>1</v>
      </c>
      <c r="AP12" s="200">
        <v>1</v>
      </c>
      <c r="AQ12" s="37"/>
    </row>
    <row r="13" spans="2:43" ht="21" customHeight="1" x14ac:dyDescent="0.2">
      <c r="B13" s="62" t="s">
        <v>10</v>
      </c>
      <c r="C13" s="194">
        <v>0</v>
      </c>
      <c r="D13" s="195">
        <v>0</v>
      </c>
      <c r="E13" s="195">
        <v>0</v>
      </c>
      <c r="F13" s="196">
        <v>1</v>
      </c>
      <c r="G13" s="197">
        <v>0</v>
      </c>
      <c r="H13" s="197">
        <v>20</v>
      </c>
      <c r="I13" s="197">
        <v>38</v>
      </c>
      <c r="J13" s="195">
        <v>18</v>
      </c>
      <c r="K13" s="198">
        <v>77</v>
      </c>
      <c r="L13" s="199">
        <v>77</v>
      </c>
      <c r="M13" s="194">
        <v>0</v>
      </c>
      <c r="N13" s="195">
        <v>0</v>
      </c>
      <c r="O13" s="198">
        <v>0</v>
      </c>
      <c r="P13" s="201">
        <v>2</v>
      </c>
      <c r="Q13" s="197">
        <v>7</v>
      </c>
      <c r="R13" s="197">
        <v>11</v>
      </c>
      <c r="S13" s="197">
        <v>11</v>
      </c>
      <c r="T13" s="195">
        <v>9</v>
      </c>
      <c r="U13" s="198">
        <v>40</v>
      </c>
      <c r="V13" s="202">
        <v>40</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1" customHeight="1" x14ac:dyDescent="0.2">
      <c r="B14" s="62" t="s">
        <v>11</v>
      </c>
      <c r="C14" s="194">
        <v>0</v>
      </c>
      <c r="D14" s="195">
        <v>0</v>
      </c>
      <c r="E14" s="195">
        <v>0</v>
      </c>
      <c r="F14" s="196">
        <v>0</v>
      </c>
      <c r="G14" s="197">
        <v>0</v>
      </c>
      <c r="H14" s="197">
        <v>6</v>
      </c>
      <c r="I14" s="197">
        <v>17</v>
      </c>
      <c r="J14" s="195">
        <v>6</v>
      </c>
      <c r="K14" s="198">
        <v>29</v>
      </c>
      <c r="L14" s="199">
        <v>29</v>
      </c>
      <c r="M14" s="194">
        <v>0</v>
      </c>
      <c r="N14" s="195">
        <v>0</v>
      </c>
      <c r="O14" s="198">
        <v>0</v>
      </c>
      <c r="P14" s="201">
        <v>1</v>
      </c>
      <c r="Q14" s="197">
        <v>2</v>
      </c>
      <c r="R14" s="197">
        <v>5</v>
      </c>
      <c r="S14" s="197">
        <v>4</v>
      </c>
      <c r="T14" s="195">
        <v>6</v>
      </c>
      <c r="U14" s="198">
        <v>18</v>
      </c>
      <c r="V14" s="202">
        <v>18</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1</v>
      </c>
      <c r="AN14" s="195">
        <v>0</v>
      </c>
      <c r="AO14" s="198">
        <v>1</v>
      </c>
      <c r="AP14" s="200">
        <v>1</v>
      </c>
      <c r="AQ14" s="37"/>
    </row>
    <row r="15" spans="2:43" ht="21" customHeight="1" x14ac:dyDescent="0.2">
      <c r="B15" s="62" t="s">
        <v>12</v>
      </c>
      <c r="C15" s="194">
        <v>0</v>
      </c>
      <c r="D15" s="195">
        <v>0</v>
      </c>
      <c r="E15" s="195">
        <v>0</v>
      </c>
      <c r="F15" s="196">
        <v>0</v>
      </c>
      <c r="G15" s="197">
        <v>0</v>
      </c>
      <c r="H15" s="197">
        <v>10</v>
      </c>
      <c r="I15" s="197">
        <v>20</v>
      </c>
      <c r="J15" s="195">
        <v>9</v>
      </c>
      <c r="K15" s="198">
        <v>39</v>
      </c>
      <c r="L15" s="199">
        <v>39</v>
      </c>
      <c r="M15" s="194">
        <v>0</v>
      </c>
      <c r="N15" s="195">
        <v>0</v>
      </c>
      <c r="O15" s="198">
        <v>0</v>
      </c>
      <c r="P15" s="201">
        <v>2</v>
      </c>
      <c r="Q15" s="197">
        <v>7</v>
      </c>
      <c r="R15" s="197">
        <v>7</v>
      </c>
      <c r="S15" s="197">
        <v>9</v>
      </c>
      <c r="T15" s="195">
        <v>3</v>
      </c>
      <c r="U15" s="198">
        <v>28</v>
      </c>
      <c r="V15" s="202">
        <v>28</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3</v>
      </c>
      <c r="I16" s="197">
        <v>11</v>
      </c>
      <c r="J16" s="195">
        <v>7</v>
      </c>
      <c r="K16" s="198">
        <v>21</v>
      </c>
      <c r="L16" s="199">
        <v>21</v>
      </c>
      <c r="M16" s="194">
        <v>0</v>
      </c>
      <c r="N16" s="195">
        <v>0</v>
      </c>
      <c r="O16" s="198">
        <v>0</v>
      </c>
      <c r="P16" s="201">
        <v>0</v>
      </c>
      <c r="Q16" s="197">
        <v>4</v>
      </c>
      <c r="R16" s="197">
        <v>5</v>
      </c>
      <c r="S16" s="197">
        <v>2</v>
      </c>
      <c r="T16" s="195">
        <v>1</v>
      </c>
      <c r="U16" s="198">
        <v>12</v>
      </c>
      <c r="V16" s="202">
        <v>12</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5</v>
      </c>
      <c r="J17" s="195">
        <v>2</v>
      </c>
      <c r="K17" s="198">
        <v>8</v>
      </c>
      <c r="L17" s="199">
        <v>8</v>
      </c>
      <c r="M17" s="194">
        <v>0</v>
      </c>
      <c r="N17" s="195">
        <v>0</v>
      </c>
      <c r="O17" s="198">
        <v>0</v>
      </c>
      <c r="P17" s="201">
        <v>0</v>
      </c>
      <c r="Q17" s="197">
        <v>2</v>
      </c>
      <c r="R17" s="197">
        <v>2</v>
      </c>
      <c r="S17" s="197">
        <v>3</v>
      </c>
      <c r="T17" s="195">
        <v>3</v>
      </c>
      <c r="U17" s="198">
        <v>10</v>
      </c>
      <c r="V17" s="202">
        <v>10</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1</v>
      </c>
      <c r="H18" s="197">
        <v>6</v>
      </c>
      <c r="I18" s="197">
        <v>9</v>
      </c>
      <c r="J18" s="195">
        <v>3</v>
      </c>
      <c r="K18" s="198">
        <v>19</v>
      </c>
      <c r="L18" s="199">
        <v>19</v>
      </c>
      <c r="M18" s="194">
        <v>0</v>
      </c>
      <c r="N18" s="195">
        <v>0</v>
      </c>
      <c r="O18" s="198">
        <v>0</v>
      </c>
      <c r="P18" s="201">
        <v>0</v>
      </c>
      <c r="Q18" s="197">
        <v>4</v>
      </c>
      <c r="R18" s="197">
        <v>5</v>
      </c>
      <c r="S18" s="197">
        <v>7</v>
      </c>
      <c r="T18" s="195">
        <v>2</v>
      </c>
      <c r="U18" s="198">
        <v>18</v>
      </c>
      <c r="V18" s="202">
        <v>18</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2</v>
      </c>
      <c r="AO18" s="198">
        <v>2</v>
      </c>
      <c r="AP18" s="200">
        <v>2</v>
      </c>
      <c r="AQ18" s="37"/>
    </row>
    <row r="19" spans="2:43" ht="21" customHeight="1" x14ac:dyDescent="0.2">
      <c r="B19" s="62" t="s">
        <v>17</v>
      </c>
      <c r="C19" s="194">
        <v>0</v>
      </c>
      <c r="D19" s="195">
        <v>0</v>
      </c>
      <c r="E19" s="195">
        <v>0</v>
      </c>
      <c r="F19" s="196">
        <v>0</v>
      </c>
      <c r="G19" s="197">
        <v>1</v>
      </c>
      <c r="H19" s="197">
        <v>8</v>
      </c>
      <c r="I19" s="197">
        <v>14</v>
      </c>
      <c r="J19" s="195">
        <v>11</v>
      </c>
      <c r="K19" s="198">
        <v>34</v>
      </c>
      <c r="L19" s="199">
        <v>34</v>
      </c>
      <c r="M19" s="194">
        <v>0</v>
      </c>
      <c r="N19" s="195">
        <v>0</v>
      </c>
      <c r="O19" s="198">
        <v>0</v>
      </c>
      <c r="P19" s="201">
        <v>6</v>
      </c>
      <c r="Q19" s="197">
        <v>4</v>
      </c>
      <c r="R19" s="197">
        <v>10</v>
      </c>
      <c r="S19" s="197">
        <v>7</v>
      </c>
      <c r="T19" s="195">
        <v>7</v>
      </c>
      <c r="U19" s="198">
        <v>34</v>
      </c>
      <c r="V19" s="202">
        <v>34</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0</v>
      </c>
      <c r="AO19" s="198">
        <v>0</v>
      </c>
      <c r="AP19" s="200">
        <v>0</v>
      </c>
      <c r="AQ19" s="37"/>
    </row>
    <row r="20" spans="2:43" ht="21" customHeight="1" x14ac:dyDescent="0.2">
      <c r="B20" s="62" t="s">
        <v>18</v>
      </c>
      <c r="C20" s="194">
        <v>0</v>
      </c>
      <c r="D20" s="195">
        <v>0</v>
      </c>
      <c r="E20" s="195">
        <v>0</v>
      </c>
      <c r="F20" s="196">
        <v>0</v>
      </c>
      <c r="G20" s="197">
        <v>1</v>
      </c>
      <c r="H20" s="197">
        <v>5</v>
      </c>
      <c r="I20" s="197">
        <v>25</v>
      </c>
      <c r="J20" s="195">
        <v>6</v>
      </c>
      <c r="K20" s="198">
        <v>37</v>
      </c>
      <c r="L20" s="199">
        <v>37</v>
      </c>
      <c r="M20" s="194">
        <v>0</v>
      </c>
      <c r="N20" s="195">
        <v>0</v>
      </c>
      <c r="O20" s="198">
        <v>0</v>
      </c>
      <c r="P20" s="201">
        <v>3</v>
      </c>
      <c r="Q20" s="197">
        <v>4</v>
      </c>
      <c r="R20" s="197">
        <v>6</v>
      </c>
      <c r="S20" s="197">
        <v>5</v>
      </c>
      <c r="T20" s="195">
        <v>3</v>
      </c>
      <c r="U20" s="198">
        <v>21</v>
      </c>
      <c r="V20" s="202">
        <v>21</v>
      </c>
      <c r="W20" s="201">
        <v>0</v>
      </c>
      <c r="X20" s="195">
        <v>0</v>
      </c>
      <c r="Y20" s="195">
        <v>0</v>
      </c>
      <c r="Z20" s="196">
        <v>0</v>
      </c>
      <c r="AA20" s="197">
        <v>0</v>
      </c>
      <c r="AB20" s="197">
        <v>0</v>
      </c>
      <c r="AC20" s="197">
        <v>0</v>
      </c>
      <c r="AD20" s="195">
        <v>0</v>
      </c>
      <c r="AE20" s="198">
        <v>0</v>
      </c>
      <c r="AF20" s="199">
        <v>0</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4</v>
      </c>
      <c r="I21" s="197">
        <v>4</v>
      </c>
      <c r="J21" s="195">
        <v>5</v>
      </c>
      <c r="K21" s="198">
        <v>13</v>
      </c>
      <c r="L21" s="199">
        <v>13</v>
      </c>
      <c r="M21" s="194">
        <v>0</v>
      </c>
      <c r="N21" s="195">
        <v>0</v>
      </c>
      <c r="O21" s="198">
        <v>0</v>
      </c>
      <c r="P21" s="201">
        <v>0</v>
      </c>
      <c r="Q21" s="197">
        <v>2</v>
      </c>
      <c r="R21" s="197">
        <v>4</v>
      </c>
      <c r="S21" s="197">
        <v>2</v>
      </c>
      <c r="T21" s="195">
        <v>0</v>
      </c>
      <c r="U21" s="198">
        <v>8</v>
      </c>
      <c r="V21" s="202">
        <v>8</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9</v>
      </c>
      <c r="I22" s="197">
        <v>11</v>
      </c>
      <c r="J22" s="195">
        <v>5</v>
      </c>
      <c r="K22" s="198">
        <v>26</v>
      </c>
      <c r="L22" s="199">
        <v>26</v>
      </c>
      <c r="M22" s="194">
        <v>0</v>
      </c>
      <c r="N22" s="195">
        <v>0</v>
      </c>
      <c r="O22" s="198">
        <v>0</v>
      </c>
      <c r="P22" s="201">
        <v>1</v>
      </c>
      <c r="Q22" s="197">
        <v>0</v>
      </c>
      <c r="R22" s="197">
        <v>2</v>
      </c>
      <c r="S22" s="197">
        <v>2</v>
      </c>
      <c r="T22" s="195">
        <v>0</v>
      </c>
      <c r="U22" s="198">
        <v>5</v>
      </c>
      <c r="V22" s="202">
        <v>5</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1</v>
      </c>
      <c r="AO22" s="198">
        <v>1</v>
      </c>
      <c r="AP22" s="200">
        <v>1</v>
      </c>
      <c r="AQ22" s="37"/>
    </row>
    <row r="23" spans="2:43" ht="21" customHeight="1" x14ac:dyDescent="0.2">
      <c r="B23" s="62" t="s">
        <v>21</v>
      </c>
      <c r="C23" s="194">
        <v>0</v>
      </c>
      <c r="D23" s="195">
        <v>0</v>
      </c>
      <c r="E23" s="195">
        <v>0</v>
      </c>
      <c r="F23" s="196">
        <v>0</v>
      </c>
      <c r="G23" s="197">
        <v>0</v>
      </c>
      <c r="H23" s="197">
        <v>9</v>
      </c>
      <c r="I23" s="197">
        <v>12</v>
      </c>
      <c r="J23" s="195">
        <v>6</v>
      </c>
      <c r="K23" s="198">
        <v>27</v>
      </c>
      <c r="L23" s="199">
        <v>27</v>
      </c>
      <c r="M23" s="194">
        <v>0</v>
      </c>
      <c r="N23" s="195">
        <v>0</v>
      </c>
      <c r="O23" s="198">
        <v>0</v>
      </c>
      <c r="P23" s="201">
        <v>0</v>
      </c>
      <c r="Q23" s="197">
        <v>1</v>
      </c>
      <c r="R23" s="197">
        <v>1</v>
      </c>
      <c r="S23" s="197">
        <v>1</v>
      </c>
      <c r="T23" s="195">
        <v>2</v>
      </c>
      <c r="U23" s="198">
        <v>5</v>
      </c>
      <c r="V23" s="202">
        <v>5</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0</v>
      </c>
      <c r="AO23" s="198">
        <v>0</v>
      </c>
      <c r="AP23" s="200">
        <v>0</v>
      </c>
      <c r="AQ23" s="37"/>
    </row>
    <row r="24" spans="2:43" ht="21" customHeight="1" x14ac:dyDescent="0.2">
      <c r="B24" s="62" t="s">
        <v>22</v>
      </c>
      <c r="C24" s="194">
        <v>0</v>
      </c>
      <c r="D24" s="195">
        <v>0</v>
      </c>
      <c r="E24" s="195">
        <v>0</v>
      </c>
      <c r="F24" s="196">
        <v>0</v>
      </c>
      <c r="G24" s="197">
        <v>0</v>
      </c>
      <c r="H24" s="197">
        <v>3</v>
      </c>
      <c r="I24" s="197">
        <v>5</v>
      </c>
      <c r="J24" s="195">
        <v>2</v>
      </c>
      <c r="K24" s="198">
        <v>10</v>
      </c>
      <c r="L24" s="199">
        <v>10</v>
      </c>
      <c r="M24" s="194">
        <v>0</v>
      </c>
      <c r="N24" s="195">
        <v>0</v>
      </c>
      <c r="O24" s="198">
        <v>0</v>
      </c>
      <c r="P24" s="201">
        <v>1</v>
      </c>
      <c r="Q24" s="197">
        <v>1</v>
      </c>
      <c r="R24" s="197">
        <v>1</v>
      </c>
      <c r="S24" s="197">
        <v>3</v>
      </c>
      <c r="T24" s="195">
        <v>0</v>
      </c>
      <c r="U24" s="198">
        <v>6</v>
      </c>
      <c r="V24" s="202">
        <v>6</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2</v>
      </c>
      <c r="I25" s="197">
        <v>5</v>
      </c>
      <c r="J25" s="195">
        <v>0</v>
      </c>
      <c r="K25" s="198">
        <v>7</v>
      </c>
      <c r="L25" s="199">
        <v>7</v>
      </c>
      <c r="M25" s="194">
        <v>0</v>
      </c>
      <c r="N25" s="195">
        <v>0</v>
      </c>
      <c r="O25" s="198">
        <v>0</v>
      </c>
      <c r="P25" s="201">
        <v>1</v>
      </c>
      <c r="Q25" s="197">
        <v>2</v>
      </c>
      <c r="R25" s="197">
        <v>1</v>
      </c>
      <c r="S25" s="197">
        <v>2</v>
      </c>
      <c r="T25" s="195">
        <v>1</v>
      </c>
      <c r="U25" s="198">
        <v>7</v>
      </c>
      <c r="V25" s="202">
        <v>7</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1" customHeight="1" x14ac:dyDescent="0.2">
      <c r="B26" s="62" t="s">
        <v>24</v>
      </c>
      <c r="C26" s="194">
        <v>0</v>
      </c>
      <c r="D26" s="195">
        <v>0</v>
      </c>
      <c r="E26" s="195">
        <v>0</v>
      </c>
      <c r="F26" s="196">
        <v>0</v>
      </c>
      <c r="G26" s="197">
        <v>0</v>
      </c>
      <c r="H26" s="197">
        <v>0</v>
      </c>
      <c r="I26" s="197">
        <v>3</v>
      </c>
      <c r="J26" s="195">
        <v>2</v>
      </c>
      <c r="K26" s="198">
        <v>5</v>
      </c>
      <c r="L26" s="199">
        <v>5</v>
      </c>
      <c r="M26" s="194">
        <v>0</v>
      </c>
      <c r="N26" s="195">
        <v>0</v>
      </c>
      <c r="O26" s="198">
        <v>0</v>
      </c>
      <c r="P26" s="201">
        <v>1</v>
      </c>
      <c r="Q26" s="197">
        <v>1</v>
      </c>
      <c r="R26" s="197">
        <v>3</v>
      </c>
      <c r="S26" s="197">
        <v>2</v>
      </c>
      <c r="T26" s="195">
        <v>0</v>
      </c>
      <c r="U26" s="198">
        <v>7</v>
      </c>
      <c r="V26" s="202">
        <v>7</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1</v>
      </c>
      <c r="H27" s="197">
        <v>4</v>
      </c>
      <c r="I27" s="197">
        <v>1</v>
      </c>
      <c r="J27" s="195">
        <v>2</v>
      </c>
      <c r="K27" s="198">
        <v>8</v>
      </c>
      <c r="L27" s="199">
        <v>8</v>
      </c>
      <c r="M27" s="194">
        <v>0</v>
      </c>
      <c r="N27" s="195">
        <v>0</v>
      </c>
      <c r="O27" s="198">
        <v>0</v>
      </c>
      <c r="P27" s="201">
        <v>1</v>
      </c>
      <c r="Q27" s="197">
        <v>0</v>
      </c>
      <c r="R27" s="197">
        <v>1</v>
      </c>
      <c r="S27" s="197">
        <v>1</v>
      </c>
      <c r="T27" s="195">
        <v>4</v>
      </c>
      <c r="U27" s="198">
        <v>7</v>
      </c>
      <c r="V27" s="202">
        <v>7</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3</v>
      </c>
      <c r="I28" s="197">
        <v>3</v>
      </c>
      <c r="J28" s="195">
        <v>2</v>
      </c>
      <c r="K28" s="198">
        <v>8</v>
      </c>
      <c r="L28" s="199">
        <v>8</v>
      </c>
      <c r="M28" s="194">
        <v>0</v>
      </c>
      <c r="N28" s="195">
        <v>0</v>
      </c>
      <c r="O28" s="198">
        <v>0</v>
      </c>
      <c r="P28" s="201">
        <v>0</v>
      </c>
      <c r="Q28" s="197">
        <v>1</v>
      </c>
      <c r="R28" s="197">
        <v>2</v>
      </c>
      <c r="S28" s="197">
        <v>2</v>
      </c>
      <c r="T28" s="195">
        <v>0</v>
      </c>
      <c r="U28" s="198">
        <v>5</v>
      </c>
      <c r="V28" s="202">
        <v>5</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1</v>
      </c>
      <c r="H29" s="197">
        <v>1</v>
      </c>
      <c r="I29" s="197">
        <v>2</v>
      </c>
      <c r="J29" s="195">
        <v>0</v>
      </c>
      <c r="K29" s="198">
        <v>4</v>
      </c>
      <c r="L29" s="199">
        <v>4</v>
      </c>
      <c r="M29" s="194">
        <v>0</v>
      </c>
      <c r="N29" s="195">
        <v>0</v>
      </c>
      <c r="O29" s="198">
        <v>0</v>
      </c>
      <c r="P29" s="201">
        <v>0</v>
      </c>
      <c r="Q29" s="197">
        <v>2</v>
      </c>
      <c r="R29" s="197">
        <v>4</v>
      </c>
      <c r="S29" s="197">
        <v>2</v>
      </c>
      <c r="T29" s="195">
        <v>0</v>
      </c>
      <c r="U29" s="198">
        <v>8</v>
      </c>
      <c r="V29" s="202">
        <v>8</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1"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0</v>
      </c>
      <c r="S30" s="197">
        <v>2</v>
      </c>
      <c r="T30" s="195">
        <v>0</v>
      </c>
      <c r="U30" s="198">
        <v>3</v>
      </c>
      <c r="V30" s="202">
        <v>3</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0</v>
      </c>
      <c r="K31" s="198">
        <v>0</v>
      </c>
      <c r="L31" s="199">
        <v>0</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0</v>
      </c>
      <c r="I32" s="197">
        <v>3</v>
      </c>
      <c r="J32" s="195">
        <v>0</v>
      </c>
      <c r="K32" s="198">
        <v>3</v>
      </c>
      <c r="L32" s="199">
        <v>3</v>
      </c>
      <c r="M32" s="194">
        <v>0</v>
      </c>
      <c r="N32" s="195">
        <v>0</v>
      </c>
      <c r="O32" s="198">
        <v>0</v>
      </c>
      <c r="P32" s="201">
        <v>2</v>
      </c>
      <c r="Q32" s="197">
        <v>0</v>
      </c>
      <c r="R32" s="197">
        <v>1</v>
      </c>
      <c r="S32" s="197">
        <v>2</v>
      </c>
      <c r="T32" s="195">
        <v>1</v>
      </c>
      <c r="U32" s="198">
        <v>6</v>
      </c>
      <c r="V32" s="202">
        <v>6</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1" customHeight="1" x14ac:dyDescent="0.2">
      <c r="B33" s="62" t="s">
        <v>31</v>
      </c>
      <c r="C33" s="194">
        <v>0</v>
      </c>
      <c r="D33" s="195">
        <v>0</v>
      </c>
      <c r="E33" s="195">
        <v>0</v>
      </c>
      <c r="F33" s="196">
        <v>0</v>
      </c>
      <c r="G33" s="197">
        <v>0</v>
      </c>
      <c r="H33" s="197">
        <v>1</v>
      </c>
      <c r="I33" s="197">
        <v>1</v>
      </c>
      <c r="J33" s="195">
        <v>0</v>
      </c>
      <c r="K33" s="198">
        <v>2</v>
      </c>
      <c r="L33" s="199">
        <v>2</v>
      </c>
      <c r="M33" s="194">
        <v>0</v>
      </c>
      <c r="N33" s="195">
        <v>0</v>
      </c>
      <c r="O33" s="198">
        <v>0</v>
      </c>
      <c r="P33" s="201">
        <v>0</v>
      </c>
      <c r="Q33" s="197">
        <v>1</v>
      </c>
      <c r="R33" s="197">
        <v>0</v>
      </c>
      <c r="S33" s="197">
        <v>0</v>
      </c>
      <c r="T33" s="195">
        <v>0</v>
      </c>
      <c r="U33" s="198">
        <v>1</v>
      </c>
      <c r="V33" s="202">
        <v>1</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3</v>
      </c>
      <c r="J34" s="195">
        <v>0</v>
      </c>
      <c r="K34" s="198">
        <v>3</v>
      </c>
      <c r="L34" s="199">
        <v>3</v>
      </c>
      <c r="M34" s="194">
        <v>0</v>
      </c>
      <c r="N34" s="195">
        <v>0</v>
      </c>
      <c r="O34" s="198">
        <v>0</v>
      </c>
      <c r="P34" s="201">
        <v>0</v>
      </c>
      <c r="Q34" s="197">
        <v>0</v>
      </c>
      <c r="R34" s="197">
        <v>0</v>
      </c>
      <c r="S34" s="197">
        <v>3</v>
      </c>
      <c r="T34" s="195">
        <v>0</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1</v>
      </c>
      <c r="AM35" s="197">
        <v>0</v>
      </c>
      <c r="AN35" s="195">
        <v>0</v>
      </c>
      <c r="AO35" s="198">
        <v>2</v>
      </c>
      <c r="AP35" s="200">
        <v>2</v>
      </c>
      <c r="AQ35" s="37"/>
    </row>
    <row r="36" spans="2:43" ht="21"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1</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1</v>
      </c>
      <c r="J37" s="195">
        <v>1</v>
      </c>
      <c r="K37" s="198">
        <v>2</v>
      </c>
      <c r="L37" s="199">
        <v>2</v>
      </c>
      <c r="M37" s="194">
        <v>0</v>
      </c>
      <c r="N37" s="195">
        <v>0</v>
      </c>
      <c r="O37" s="198">
        <v>0</v>
      </c>
      <c r="P37" s="201">
        <v>1</v>
      </c>
      <c r="Q37" s="197">
        <v>2</v>
      </c>
      <c r="R37" s="197">
        <v>2</v>
      </c>
      <c r="S37" s="197">
        <v>1</v>
      </c>
      <c r="T37" s="195">
        <v>0</v>
      </c>
      <c r="U37" s="198">
        <v>6</v>
      </c>
      <c r="V37" s="202">
        <v>6</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0</v>
      </c>
      <c r="I38" s="197">
        <v>2</v>
      </c>
      <c r="J38" s="195">
        <v>2</v>
      </c>
      <c r="K38" s="198">
        <v>4</v>
      </c>
      <c r="L38" s="199">
        <v>4</v>
      </c>
      <c r="M38" s="194">
        <v>0</v>
      </c>
      <c r="N38" s="195">
        <v>0</v>
      </c>
      <c r="O38" s="198">
        <v>0</v>
      </c>
      <c r="P38" s="201">
        <v>0</v>
      </c>
      <c r="Q38" s="197">
        <v>2</v>
      </c>
      <c r="R38" s="197">
        <v>2</v>
      </c>
      <c r="S38" s="197">
        <v>0</v>
      </c>
      <c r="T38" s="195">
        <v>0</v>
      </c>
      <c r="U38" s="198">
        <v>4</v>
      </c>
      <c r="V38" s="202">
        <v>4</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1</v>
      </c>
      <c r="I39" s="206">
        <v>0</v>
      </c>
      <c r="J39" s="204">
        <v>0</v>
      </c>
      <c r="K39" s="207">
        <v>1</v>
      </c>
      <c r="L39" s="208">
        <v>1</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J1:K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496">
        <f>第１表!F2</f>
        <v>5</v>
      </c>
      <c r="I1" s="246">
        <f>第１表!G2</f>
        <v>5</v>
      </c>
      <c r="J1" s="607">
        <f>IF(I1&lt;3,I1-2+12,I1-2)</f>
        <v>3</v>
      </c>
      <c r="K1" s="607"/>
    </row>
    <row r="2" spans="2:43" ht="24" customHeight="1" thickBot="1" x14ac:dyDescent="0.25">
      <c r="B2" s="20" t="s">
        <v>159</v>
      </c>
      <c r="F2" s="20" t="s">
        <v>140</v>
      </c>
    </row>
    <row r="3" spans="2:43" ht="21"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1"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30" customHeight="1" thickBot="1" x14ac:dyDescent="0.25">
      <c r="B5" s="362"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1" customHeight="1" x14ac:dyDescent="0.2">
      <c r="B6" s="361" t="s">
        <v>4</v>
      </c>
      <c r="C6" s="185">
        <v>0</v>
      </c>
      <c r="D6" s="186">
        <v>0</v>
      </c>
      <c r="E6" s="186">
        <v>0</v>
      </c>
      <c r="F6" s="187">
        <v>7</v>
      </c>
      <c r="G6" s="188">
        <v>31</v>
      </c>
      <c r="H6" s="188">
        <v>261</v>
      </c>
      <c r="I6" s="188">
        <v>424</v>
      </c>
      <c r="J6" s="186">
        <v>309</v>
      </c>
      <c r="K6" s="189">
        <v>1032</v>
      </c>
      <c r="L6" s="190">
        <v>1032</v>
      </c>
      <c r="M6" s="185">
        <v>0</v>
      </c>
      <c r="N6" s="186">
        <v>0</v>
      </c>
      <c r="O6" s="189">
        <v>0</v>
      </c>
      <c r="P6" s="192">
        <v>46</v>
      </c>
      <c r="Q6" s="188">
        <v>124</v>
      </c>
      <c r="R6" s="188">
        <v>190</v>
      </c>
      <c r="S6" s="188">
        <v>255</v>
      </c>
      <c r="T6" s="186">
        <v>127</v>
      </c>
      <c r="U6" s="189">
        <v>742</v>
      </c>
      <c r="V6" s="193">
        <v>742</v>
      </c>
      <c r="W6" s="192">
        <v>0</v>
      </c>
      <c r="X6" s="186">
        <v>0</v>
      </c>
      <c r="Y6" s="186">
        <v>0</v>
      </c>
      <c r="Z6" s="187">
        <v>0</v>
      </c>
      <c r="AA6" s="188">
        <v>0</v>
      </c>
      <c r="AB6" s="188">
        <v>0</v>
      </c>
      <c r="AC6" s="188">
        <v>10</v>
      </c>
      <c r="AD6" s="186">
        <v>15</v>
      </c>
      <c r="AE6" s="189">
        <v>25</v>
      </c>
      <c r="AF6" s="190">
        <v>25</v>
      </c>
      <c r="AG6" s="185">
        <v>0</v>
      </c>
      <c r="AH6" s="186">
        <v>0</v>
      </c>
      <c r="AI6" s="186">
        <v>0</v>
      </c>
      <c r="AJ6" s="187">
        <v>0</v>
      </c>
      <c r="AK6" s="188">
        <v>1</v>
      </c>
      <c r="AL6" s="188">
        <v>3</v>
      </c>
      <c r="AM6" s="188">
        <v>13</v>
      </c>
      <c r="AN6" s="186">
        <v>18</v>
      </c>
      <c r="AO6" s="189">
        <v>35</v>
      </c>
      <c r="AP6" s="191">
        <v>35</v>
      </c>
      <c r="AQ6" s="37"/>
    </row>
    <row r="7" spans="2:43" ht="21" customHeight="1" x14ac:dyDescent="0.2">
      <c r="B7" s="62" t="s">
        <v>5</v>
      </c>
      <c r="C7" s="194">
        <v>0</v>
      </c>
      <c r="D7" s="195">
        <v>0</v>
      </c>
      <c r="E7" s="195">
        <v>0</v>
      </c>
      <c r="F7" s="196">
        <v>3</v>
      </c>
      <c r="G7" s="197">
        <v>24</v>
      </c>
      <c r="H7" s="197">
        <v>133</v>
      </c>
      <c r="I7" s="197">
        <v>190</v>
      </c>
      <c r="J7" s="195">
        <v>136</v>
      </c>
      <c r="K7" s="198">
        <v>486</v>
      </c>
      <c r="L7" s="199">
        <v>486</v>
      </c>
      <c r="M7" s="194">
        <v>0</v>
      </c>
      <c r="N7" s="195">
        <v>0</v>
      </c>
      <c r="O7" s="198">
        <v>0</v>
      </c>
      <c r="P7" s="201">
        <v>18</v>
      </c>
      <c r="Q7" s="197">
        <v>61</v>
      </c>
      <c r="R7" s="197">
        <v>90</v>
      </c>
      <c r="S7" s="197">
        <v>116</v>
      </c>
      <c r="T7" s="195">
        <v>70</v>
      </c>
      <c r="U7" s="198">
        <v>355</v>
      </c>
      <c r="V7" s="202">
        <v>355</v>
      </c>
      <c r="W7" s="201">
        <v>0</v>
      </c>
      <c r="X7" s="195">
        <v>0</v>
      </c>
      <c r="Y7" s="195">
        <v>0</v>
      </c>
      <c r="Z7" s="196">
        <v>0</v>
      </c>
      <c r="AA7" s="197">
        <v>0</v>
      </c>
      <c r="AB7" s="197">
        <v>0</v>
      </c>
      <c r="AC7" s="197">
        <v>4</v>
      </c>
      <c r="AD7" s="195">
        <v>5</v>
      </c>
      <c r="AE7" s="198">
        <v>9</v>
      </c>
      <c r="AF7" s="199">
        <v>9</v>
      </c>
      <c r="AG7" s="194">
        <v>0</v>
      </c>
      <c r="AH7" s="195">
        <v>0</v>
      </c>
      <c r="AI7" s="195">
        <v>0</v>
      </c>
      <c r="AJ7" s="196">
        <v>0</v>
      </c>
      <c r="AK7" s="197">
        <v>0</v>
      </c>
      <c r="AL7" s="197">
        <v>1</v>
      </c>
      <c r="AM7" s="197">
        <v>6</v>
      </c>
      <c r="AN7" s="195">
        <v>6</v>
      </c>
      <c r="AO7" s="198">
        <v>13</v>
      </c>
      <c r="AP7" s="200">
        <v>13</v>
      </c>
      <c r="AQ7" s="37"/>
    </row>
    <row r="8" spans="2:43" ht="21" customHeight="1" x14ac:dyDescent="0.2">
      <c r="B8" s="62" t="s">
        <v>6</v>
      </c>
      <c r="C8" s="194">
        <v>0</v>
      </c>
      <c r="D8" s="195">
        <v>0</v>
      </c>
      <c r="E8" s="195">
        <v>0</v>
      </c>
      <c r="F8" s="196">
        <v>1</v>
      </c>
      <c r="G8" s="197">
        <v>2</v>
      </c>
      <c r="H8" s="197">
        <v>31</v>
      </c>
      <c r="I8" s="197">
        <v>55</v>
      </c>
      <c r="J8" s="195">
        <v>37</v>
      </c>
      <c r="K8" s="198">
        <v>126</v>
      </c>
      <c r="L8" s="199">
        <v>126</v>
      </c>
      <c r="M8" s="194">
        <v>0</v>
      </c>
      <c r="N8" s="195">
        <v>0</v>
      </c>
      <c r="O8" s="198">
        <v>0</v>
      </c>
      <c r="P8" s="201">
        <v>6</v>
      </c>
      <c r="Q8" s="197">
        <v>12</v>
      </c>
      <c r="R8" s="197">
        <v>21</v>
      </c>
      <c r="S8" s="197">
        <v>41</v>
      </c>
      <c r="T8" s="195">
        <v>20</v>
      </c>
      <c r="U8" s="198">
        <v>100</v>
      </c>
      <c r="V8" s="202">
        <v>100</v>
      </c>
      <c r="W8" s="201">
        <v>0</v>
      </c>
      <c r="X8" s="195">
        <v>0</v>
      </c>
      <c r="Y8" s="195">
        <v>0</v>
      </c>
      <c r="Z8" s="196">
        <v>0</v>
      </c>
      <c r="AA8" s="197">
        <v>0</v>
      </c>
      <c r="AB8" s="197">
        <v>0</v>
      </c>
      <c r="AC8" s="197">
        <v>5</v>
      </c>
      <c r="AD8" s="195">
        <v>6</v>
      </c>
      <c r="AE8" s="198">
        <v>11</v>
      </c>
      <c r="AF8" s="199">
        <v>11</v>
      </c>
      <c r="AG8" s="194">
        <v>0</v>
      </c>
      <c r="AH8" s="195">
        <v>0</v>
      </c>
      <c r="AI8" s="195">
        <v>0</v>
      </c>
      <c r="AJ8" s="196">
        <v>0</v>
      </c>
      <c r="AK8" s="197">
        <v>0</v>
      </c>
      <c r="AL8" s="197">
        <v>0</v>
      </c>
      <c r="AM8" s="197">
        <v>2</v>
      </c>
      <c r="AN8" s="195">
        <v>3</v>
      </c>
      <c r="AO8" s="198">
        <v>5</v>
      </c>
      <c r="AP8" s="200">
        <v>5</v>
      </c>
      <c r="AQ8" s="37"/>
    </row>
    <row r="9" spans="2:43" ht="21" customHeight="1" x14ac:dyDescent="0.2">
      <c r="B9" s="62" t="s">
        <v>14</v>
      </c>
      <c r="C9" s="194">
        <v>0</v>
      </c>
      <c r="D9" s="195">
        <v>0</v>
      </c>
      <c r="E9" s="195">
        <v>0</v>
      </c>
      <c r="F9" s="196">
        <v>0</v>
      </c>
      <c r="G9" s="197">
        <v>0</v>
      </c>
      <c r="H9" s="197">
        <v>15</v>
      </c>
      <c r="I9" s="197">
        <v>34</v>
      </c>
      <c r="J9" s="195">
        <v>22</v>
      </c>
      <c r="K9" s="198">
        <v>71</v>
      </c>
      <c r="L9" s="199">
        <v>71</v>
      </c>
      <c r="M9" s="194">
        <v>0</v>
      </c>
      <c r="N9" s="195">
        <v>0</v>
      </c>
      <c r="O9" s="198">
        <v>0</v>
      </c>
      <c r="P9" s="201">
        <v>2</v>
      </c>
      <c r="Q9" s="197">
        <v>9</v>
      </c>
      <c r="R9" s="197">
        <v>9</v>
      </c>
      <c r="S9" s="197">
        <v>15</v>
      </c>
      <c r="T9" s="195">
        <v>5</v>
      </c>
      <c r="U9" s="198">
        <v>40</v>
      </c>
      <c r="V9" s="202">
        <v>40</v>
      </c>
      <c r="W9" s="201">
        <v>0</v>
      </c>
      <c r="X9" s="195">
        <v>0</v>
      </c>
      <c r="Y9" s="195">
        <v>0</v>
      </c>
      <c r="Z9" s="196">
        <v>0</v>
      </c>
      <c r="AA9" s="197">
        <v>0</v>
      </c>
      <c r="AB9" s="197">
        <v>0</v>
      </c>
      <c r="AC9" s="197">
        <v>0</v>
      </c>
      <c r="AD9" s="195">
        <v>2</v>
      </c>
      <c r="AE9" s="198">
        <v>2</v>
      </c>
      <c r="AF9" s="199">
        <v>2</v>
      </c>
      <c r="AG9" s="194">
        <v>0</v>
      </c>
      <c r="AH9" s="195">
        <v>0</v>
      </c>
      <c r="AI9" s="195">
        <v>0</v>
      </c>
      <c r="AJ9" s="196">
        <v>0</v>
      </c>
      <c r="AK9" s="197">
        <v>0</v>
      </c>
      <c r="AL9" s="197">
        <v>1</v>
      </c>
      <c r="AM9" s="197">
        <v>2</v>
      </c>
      <c r="AN9" s="195">
        <v>1</v>
      </c>
      <c r="AO9" s="198">
        <v>4</v>
      </c>
      <c r="AP9" s="200">
        <v>4</v>
      </c>
      <c r="AQ9" s="37"/>
    </row>
    <row r="10" spans="2:43" ht="21" customHeight="1" x14ac:dyDescent="0.2">
      <c r="B10" s="62" t="s">
        <v>7</v>
      </c>
      <c r="C10" s="194">
        <v>0</v>
      </c>
      <c r="D10" s="195">
        <v>0</v>
      </c>
      <c r="E10" s="195">
        <v>0</v>
      </c>
      <c r="F10" s="196">
        <v>1</v>
      </c>
      <c r="G10" s="197">
        <v>0</v>
      </c>
      <c r="H10" s="197">
        <v>2</v>
      </c>
      <c r="I10" s="197">
        <v>21</v>
      </c>
      <c r="J10" s="195">
        <v>13</v>
      </c>
      <c r="K10" s="198">
        <v>37</v>
      </c>
      <c r="L10" s="199">
        <v>37</v>
      </c>
      <c r="M10" s="194">
        <v>0</v>
      </c>
      <c r="N10" s="195">
        <v>0</v>
      </c>
      <c r="O10" s="198">
        <v>0</v>
      </c>
      <c r="P10" s="201">
        <v>1</v>
      </c>
      <c r="Q10" s="197">
        <v>2</v>
      </c>
      <c r="R10" s="197">
        <v>5</v>
      </c>
      <c r="S10" s="197">
        <v>7</v>
      </c>
      <c r="T10" s="195">
        <v>0</v>
      </c>
      <c r="U10" s="198">
        <v>15</v>
      </c>
      <c r="V10" s="202">
        <v>15</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1</v>
      </c>
      <c r="G11" s="197">
        <v>1</v>
      </c>
      <c r="H11" s="197">
        <v>7</v>
      </c>
      <c r="I11" s="197">
        <v>12</v>
      </c>
      <c r="J11" s="195">
        <v>4</v>
      </c>
      <c r="K11" s="198">
        <v>25</v>
      </c>
      <c r="L11" s="199">
        <v>25</v>
      </c>
      <c r="M11" s="194">
        <v>0</v>
      </c>
      <c r="N11" s="195">
        <v>0</v>
      </c>
      <c r="O11" s="198">
        <v>0</v>
      </c>
      <c r="P11" s="201">
        <v>1</v>
      </c>
      <c r="Q11" s="197">
        <v>4</v>
      </c>
      <c r="R11" s="197">
        <v>7</v>
      </c>
      <c r="S11" s="197">
        <v>5</v>
      </c>
      <c r="T11" s="195">
        <v>4</v>
      </c>
      <c r="U11" s="198">
        <v>21</v>
      </c>
      <c r="V11" s="202">
        <v>21</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1</v>
      </c>
      <c r="AL11" s="197">
        <v>0</v>
      </c>
      <c r="AM11" s="197">
        <v>0</v>
      </c>
      <c r="AN11" s="195">
        <v>0</v>
      </c>
      <c r="AO11" s="198">
        <v>1</v>
      </c>
      <c r="AP11" s="200">
        <v>1</v>
      </c>
      <c r="AQ11" s="37"/>
    </row>
    <row r="12" spans="2:43" ht="21" customHeight="1" x14ac:dyDescent="0.2">
      <c r="B12" s="62" t="s">
        <v>9</v>
      </c>
      <c r="C12" s="194">
        <v>0</v>
      </c>
      <c r="D12" s="195">
        <v>0</v>
      </c>
      <c r="E12" s="195">
        <v>0</v>
      </c>
      <c r="F12" s="196">
        <v>1</v>
      </c>
      <c r="G12" s="197">
        <v>0</v>
      </c>
      <c r="H12" s="197">
        <v>3</v>
      </c>
      <c r="I12" s="197">
        <v>19</v>
      </c>
      <c r="J12" s="195">
        <v>13</v>
      </c>
      <c r="K12" s="198">
        <v>36</v>
      </c>
      <c r="L12" s="199">
        <v>36</v>
      </c>
      <c r="M12" s="194">
        <v>0</v>
      </c>
      <c r="N12" s="195">
        <v>0</v>
      </c>
      <c r="O12" s="198">
        <v>0</v>
      </c>
      <c r="P12" s="201">
        <v>2</v>
      </c>
      <c r="Q12" s="197">
        <v>5</v>
      </c>
      <c r="R12" s="197">
        <v>9</v>
      </c>
      <c r="S12" s="197">
        <v>7</v>
      </c>
      <c r="T12" s="195">
        <v>4</v>
      </c>
      <c r="U12" s="198">
        <v>27</v>
      </c>
      <c r="V12" s="202">
        <v>27</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1</v>
      </c>
      <c r="AO12" s="198">
        <v>1</v>
      </c>
      <c r="AP12" s="200">
        <v>1</v>
      </c>
      <c r="AQ12" s="37"/>
    </row>
    <row r="13" spans="2:43" ht="21" customHeight="1" x14ac:dyDescent="0.2">
      <c r="B13" s="62" t="s">
        <v>10</v>
      </c>
      <c r="C13" s="194">
        <v>0</v>
      </c>
      <c r="D13" s="195">
        <v>0</v>
      </c>
      <c r="E13" s="195">
        <v>0</v>
      </c>
      <c r="F13" s="196">
        <v>0</v>
      </c>
      <c r="G13" s="197">
        <v>0</v>
      </c>
      <c r="H13" s="197">
        <v>15</v>
      </c>
      <c r="I13" s="197">
        <v>13</v>
      </c>
      <c r="J13" s="195">
        <v>20</v>
      </c>
      <c r="K13" s="198">
        <v>48</v>
      </c>
      <c r="L13" s="199">
        <v>48</v>
      </c>
      <c r="M13" s="194">
        <v>0</v>
      </c>
      <c r="N13" s="195">
        <v>0</v>
      </c>
      <c r="O13" s="198">
        <v>0</v>
      </c>
      <c r="P13" s="201">
        <v>2</v>
      </c>
      <c r="Q13" s="197">
        <v>3</v>
      </c>
      <c r="R13" s="197">
        <v>9</v>
      </c>
      <c r="S13" s="197">
        <v>5</v>
      </c>
      <c r="T13" s="195">
        <v>1</v>
      </c>
      <c r="U13" s="198">
        <v>20</v>
      </c>
      <c r="V13" s="202">
        <v>20</v>
      </c>
      <c r="W13" s="201">
        <v>0</v>
      </c>
      <c r="X13" s="195">
        <v>0</v>
      </c>
      <c r="Y13" s="195">
        <v>0</v>
      </c>
      <c r="Z13" s="196">
        <v>0</v>
      </c>
      <c r="AA13" s="197">
        <v>0</v>
      </c>
      <c r="AB13" s="197">
        <v>0</v>
      </c>
      <c r="AC13" s="197">
        <v>0</v>
      </c>
      <c r="AD13" s="195">
        <v>1</v>
      </c>
      <c r="AE13" s="198">
        <v>1</v>
      </c>
      <c r="AF13" s="199">
        <v>1</v>
      </c>
      <c r="AG13" s="194">
        <v>0</v>
      </c>
      <c r="AH13" s="195">
        <v>0</v>
      </c>
      <c r="AI13" s="195">
        <v>0</v>
      </c>
      <c r="AJ13" s="196">
        <v>0</v>
      </c>
      <c r="AK13" s="197">
        <v>0</v>
      </c>
      <c r="AL13" s="197">
        <v>0</v>
      </c>
      <c r="AM13" s="197">
        <v>0</v>
      </c>
      <c r="AN13" s="195">
        <v>1</v>
      </c>
      <c r="AO13" s="198">
        <v>1</v>
      </c>
      <c r="AP13" s="200">
        <v>1</v>
      </c>
      <c r="AQ13" s="37"/>
    </row>
    <row r="14" spans="2:43" ht="21" customHeight="1" x14ac:dyDescent="0.2">
      <c r="B14" s="62" t="s">
        <v>11</v>
      </c>
      <c r="C14" s="194">
        <v>0</v>
      </c>
      <c r="D14" s="195">
        <v>0</v>
      </c>
      <c r="E14" s="195">
        <v>0</v>
      </c>
      <c r="F14" s="196">
        <v>0</v>
      </c>
      <c r="G14" s="197">
        <v>0</v>
      </c>
      <c r="H14" s="197">
        <v>2</v>
      </c>
      <c r="I14" s="197">
        <v>5</v>
      </c>
      <c r="J14" s="195">
        <v>9</v>
      </c>
      <c r="K14" s="198">
        <v>16</v>
      </c>
      <c r="L14" s="199">
        <v>16</v>
      </c>
      <c r="M14" s="194">
        <v>0</v>
      </c>
      <c r="N14" s="195">
        <v>0</v>
      </c>
      <c r="O14" s="198">
        <v>0</v>
      </c>
      <c r="P14" s="201">
        <v>2</v>
      </c>
      <c r="Q14" s="197">
        <v>1</v>
      </c>
      <c r="R14" s="197">
        <v>3</v>
      </c>
      <c r="S14" s="197">
        <v>7</v>
      </c>
      <c r="T14" s="195">
        <v>1</v>
      </c>
      <c r="U14" s="198">
        <v>14</v>
      </c>
      <c r="V14" s="202">
        <v>14</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1" customHeight="1" x14ac:dyDescent="0.2">
      <c r="B15" s="62" t="s">
        <v>12</v>
      </c>
      <c r="C15" s="194">
        <v>0</v>
      </c>
      <c r="D15" s="195">
        <v>0</v>
      </c>
      <c r="E15" s="195">
        <v>0</v>
      </c>
      <c r="F15" s="196">
        <v>0</v>
      </c>
      <c r="G15" s="197">
        <v>1</v>
      </c>
      <c r="H15" s="197">
        <v>2</v>
      </c>
      <c r="I15" s="197">
        <v>9</v>
      </c>
      <c r="J15" s="195">
        <v>8</v>
      </c>
      <c r="K15" s="198">
        <v>20</v>
      </c>
      <c r="L15" s="199">
        <v>20</v>
      </c>
      <c r="M15" s="194">
        <v>0</v>
      </c>
      <c r="N15" s="195">
        <v>0</v>
      </c>
      <c r="O15" s="198">
        <v>0</v>
      </c>
      <c r="P15" s="201">
        <v>0</v>
      </c>
      <c r="Q15" s="197">
        <v>3</v>
      </c>
      <c r="R15" s="197">
        <v>5</v>
      </c>
      <c r="S15" s="197">
        <v>6</v>
      </c>
      <c r="T15" s="195">
        <v>1</v>
      </c>
      <c r="U15" s="198">
        <v>15</v>
      </c>
      <c r="V15" s="202">
        <v>15</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4</v>
      </c>
      <c r="I16" s="197">
        <v>5</v>
      </c>
      <c r="J16" s="195">
        <v>5</v>
      </c>
      <c r="K16" s="198">
        <v>14</v>
      </c>
      <c r="L16" s="199">
        <v>14</v>
      </c>
      <c r="M16" s="194">
        <v>0</v>
      </c>
      <c r="N16" s="195">
        <v>0</v>
      </c>
      <c r="O16" s="198">
        <v>0</v>
      </c>
      <c r="P16" s="201">
        <v>0</v>
      </c>
      <c r="Q16" s="197">
        <v>1</v>
      </c>
      <c r="R16" s="197">
        <v>1</v>
      </c>
      <c r="S16" s="197">
        <v>4</v>
      </c>
      <c r="T16" s="195">
        <v>3</v>
      </c>
      <c r="U16" s="198">
        <v>9</v>
      </c>
      <c r="V16" s="202">
        <v>9</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2</v>
      </c>
      <c r="J17" s="195">
        <v>1</v>
      </c>
      <c r="K17" s="198">
        <v>4</v>
      </c>
      <c r="L17" s="199">
        <v>4</v>
      </c>
      <c r="M17" s="194">
        <v>0</v>
      </c>
      <c r="N17" s="195">
        <v>0</v>
      </c>
      <c r="O17" s="198">
        <v>0</v>
      </c>
      <c r="P17" s="201">
        <v>0</v>
      </c>
      <c r="Q17" s="197">
        <v>0</v>
      </c>
      <c r="R17" s="197">
        <v>2</v>
      </c>
      <c r="S17" s="197">
        <v>1</v>
      </c>
      <c r="T17" s="195">
        <v>1</v>
      </c>
      <c r="U17" s="198">
        <v>4</v>
      </c>
      <c r="V17" s="202">
        <v>4</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0</v>
      </c>
      <c r="H18" s="197">
        <v>5</v>
      </c>
      <c r="I18" s="197">
        <v>8</v>
      </c>
      <c r="J18" s="195">
        <v>4</v>
      </c>
      <c r="K18" s="198">
        <v>17</v>
      </c>
      <c r="L18" s="199">
        <v>17</v>
      </c>
      <c r="M18" s="194">
        <v>0</v>
      </c>
      <c r="N18" s="195">
        <v>0</v>
      </c>
      <c r="O18" s="198">
        <v>0</v>
      </c>
      <c r="P18" s="201">
        <v>1</v>
      </c>
      <c r="Q18" s="197">
        <v>1</v>
      </c>
      <c r="R18" s="197">
        <v>3</v>
      </c>
      <c r="S18" s="197">
        <v>6</v>
      </c>
      <c r="T18" s="195">
        <v>3</v>
      </c>
      <c r="U18" s="198">
        <v>14</v>
      </c>
      <c r="V18" s="202">
        <v>14</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1</v>
      </c>
      <c r="AM18" s="197">
        <v>0</v>
      </c>
      <c r="AN18" s="195">
        <v>0</v>
      </c>
      <c r="AO18" s="198">
        <v>1</v>
      </c>
      <c r="AP18" s="200">
        <v>1</v>
      </c>
      <c r="AQ18" s="37"/>
    </row>
    <row r="19" spans="2:43" ht="21" customHeight="1" x14ac:dyDescent="0.2">
      <c r="B19" s="62" t="s">
        <v>17</v>
      </c>
      <c r="C19" s="194">
        <v>0</v>
      </c>
      <c r="D19" s="195">
        <v>0</v>
      </c>
      <c r="E19" s="195">
        <v>0</v>
      </c>
      <c r="F19" s="196">
        <v>0</v>
      </c>
      <c r="G19" s="197">
        <v>1</v>
      </c>
      <c r="H19" s="197">
        <v>11</v>
      </c>
      <c r="I19" s="197">
        <v>6</v>
      </c>
      <c r="J19" s="195">
        <v>5</v>
      </c>
      <c r="K19" s="198">
        <v>23</v>
      </c>
      <c r="L19" s="199">
        <v>23</v>
      </c>
      <c r="M19" s="194">
        <v>0</v>
      </c>
      <c r="N19" s="195">
        <v>0</v>
      </c>
      <c r="O19" s="198">
        <v>0</v>
      </c>
      <c r="P19" s="201">
        <v>0</v>
      </c>
      <c r="Q19" s="197">
        <v>6</v>
      </c>
      <c r="R19" s="197">
        <v>10</v>
      </c>
      <c r="S19" s="197">
        <v>7</v>
      </c>
      <c r="T19" s="195">
        <v>4</v>
      </c>
      <c r="U19" s="198">
        <v>27</v>
      </c>
      <c r="V19" s="202">
        <v>27</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1</v>
      </c>
      <c r="H20" s="197">
        <v>7</v>
      </c>
      <c r="I20" s="197">
        <v>14</v>
      </c>
      <c r="J20" s="195">
        <v>9</v>
      </c>
      <c r="K20" s="198">
        <v>31</v>
      </c>
      <c r="L20" s="199">
        <v>31</v>
      </c>
      <c r="M20" s="194">
        <v>0</v>
      </c>
      <c r="N20" s="195">
        <v>0</v>
      </c>
      <c r="O20" s="198">
        <v>0</v>
      </c>
      <c r="P20" s="201">
        <v>3</v>
      </c>
      <c r="Q20" s="197">
        <v>2</v>
      </c>
      <c r="R20" s="197">
        <v>4</v>
      </c>
      <c r="S20" s="197">
        <v>8</v>
      </c>
      <c r="T20" s="195">
        <v>2</v>
      </c>
      <c r="U20" s="198">
        <v>19</v>
      </c>
      <c r="V20" s="202">
        <v>19</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4</v>
      </c>
      <c r="I21" s="197">
        <v>2</v>
      </c>
      <c r="J21" s="195">
        <v>2</v>
      </c>
      <c r="K21" s="198">
        <v>8</v>
      </c>
      <c r="L21" s="199">
        <v>8</v>
      </c>
      <c r="M21" s="194">
        <v>0</v>
      </c>
      <c r="N21" s="195">
        <v>0</v>
      </c>
      <c r="O21" s="198">
        <v>0</v>
      </c>
      <c r="P21" s="201">
        <v>0</v>
      </c>
      <c r="Q21" s="197">
        <v>3</v>
      </c>
      <c r="R21" s="197">
        <v>3</v>
      </c>
      <c r="S21" s="197">
        <v>2</v>
      </c>
      <c r="T21" s="195">
        <v>1</v>
      </c>
      <c r="U21" s="198">
        <v>9</v>
      </c>
      <c r="V21" s="202">
        <v>9</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0</v>
      </c>
      <c r="I22" s="197">
        <v>8</v>
      </c>
      <c r="J22" s="195">
        <v>5</v>
      </c>
      <c r="K22" s="198">
        <v>14</v>
      </c>
      <c r="L22" s="199">
        <v>14</v>
      </c>
      <c r="M22" s="194">
        <v>0</v>
      </c>
      <c r="N22" s="195">
        <v>0</v>
      </c>
      <c r="O22" s="198">
        <v>0</v>
      </c>
      <c r="P22" s="201">
        <v>2</v>
      </c>
      <c r="Q22" s="197">
        <v>2</v>
      </c>
      <c r="R22" s="197">
        <v>1</v>
      </c>
      <c r="S22" s="197">
        <v>3</v>
      </c>
      <c r="T22" s="195">
        <v>0</v>
      </c>
      <c r="U22" s="198">
        <v>8</v>
      </c>
      <c r="V22" s="202">
        <v>8</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1" customHeight="1" x14ac:dyDescent="0.2">
      <c r="B23" s="62" t="s">
        <v>21</v>
      </c>
      <c r="C23" s="194">
        <v>0</v>
      </c>
      <c r="D23" s="195">
        <v>0</v>
      </c>
      <c r="E23" s="195">
        <v>0</v>
      </c>
      <c r="F23" s="196">
        <v>0</v>
      </c>
      <c r="G23" s="197">
        <v>0</v>
      </c>
      <c r="H23" s="197">
        <v>4</v>
      </c>
      <c r="I23" s="197">
        <v>5</v>
      </c>
      <c r="J23" s="195">
        <v>4</v>
      </c>
      <c r="K23" s="198">
        <v>13</v>
      </c>
      <c r="L23" s="199">
        <v>13</v>
      </c>
      <c r="M23" s="194">
        <v>0</v>
      </c>
      <c r="N23" s="195">
        <v>0</v>
      </c>
      <c r="O23" s="198">
        <v>0</v>
      </c>
      <c r="P23" s="201">
        <v>0</v>
      </c>
      <c r="Q23" s="197">
        <v>4</v>
      </c>
      <c r="R23" s="197">
        <v>1</v>
      </c>
      <c r="S23" s="197">
        <v>2</v>
      </c>
      <c r="T23" s="195">
        <v>1</v>
      </c>
      <c r="U23" s="198">
        <v>8</v>
      </c>
      <c r="V23" s="202">
        <v>8</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2</v>
      </c>
      <c r="AO23" s="198">
        <v>2</v>
      </c>
      <c r="AP23" s="200">
        <v>2</v>
      </c>
      <c r="AQ23" s="37"/>
    </row>
    <row r="24" spans="2:43" ht="21" customHeight="1" x14ac:dyDescent="0.2">
      <c r="B24" s="62" t="s">
        <v>22</v>
      </c>
      <c r="C24" s="194">
        <v>0</v>
      </c>
      <c r="D24" s="195">
        <v>0</v>
      </c>
      <c r="E24" s="195">
        <v>0</v>
      </c>
      <c r="F24" s="196">
        <v>0</v>
      </c>
      <c r="G24" s="197">
        <v>0</v>
      </c>
      <c r="H24" s="197">
        <v>1</v>
      </c>
      <c r="I24" s="197">
        <v>2</v>
      </c>
      <c r="J24" s="195">
        <v>1</v>
      </c>
      <c r="K24" s="198">
        <v>4</v>
      </c>
      <c r="L24" s="199">
        <v>4</v>
      </c>
      <c r="M24" s="194">
        <v>0</v>
      </c>
      <c r="N24" s="195">
        <v>0</v>
      </c>
      <c r="O24" s="198">
        <v>0</v>
      </c>
      <c r="P24" s="201">
        <v>1</v>
      </c>
      <c r="Q24" s="197">
        <v>0</v>
      </c>
      <c r="R24" s="197">
        <v>2</v>
      </c>
      <c r="S24" s="197">
        <v>0</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1</v>
      </c>
      <c r="I25" s="197">
        <v>3</v>
      </c>
      <c r="J25" s="195">
        <v>2</v>
      </c>
      <c r="K25" s="198">
        <v>6</v>
      </c>
      <c r="L25" s="199">
        <v>6</v>
      </c>
      <c r="M25" s="194">
        <v>0</v>
      </c>
      <c r="N25" s="195">
        <v>0</v>
      </c>
      <c r="O25" s="198">
        <v>0</v>
      </c>
      <c r="P25" s="201">
        <v>0</v>
      </c>
      <c r="Q25" s="197">
        <v>0</v>
      </c>
      <c r="R25" s="197">
        <v>1</v>
      </c>
      <c r="S25" s="197">
        <v>3</v>
      </c>
      <c r="T25" s="195">
        <v>2</v>
      </c>
      <c r="U25" s="198">
        <v>6</v>
      </c>
      <c r="V25" s="202">
        <v>6</v>
      </c>
      <c r="W25" s="201">
        <v>0</v>
      </c>
      <c r="X25" s="195">
        <v>0</v>
      </c>
      <c r="Y25" s="195">
        <v>0</v>
      </c>
      <c r="Z25" s="196">
        <v>0</v>
      </c>
      <c r="AA25" s="197">
        <v>0</v>
      </c>
      <c r="AB25" s="197">
        <v>0</v>
      </c>
      <c r="AC25" s="197">
        <v>1</v>
      </c>
      <c r="AD25" s="195">
        <v>0</v>
      </c>
      <c r="AE25" s="198">
        <v>1</v>
      </c>
      <c r="AF25" s="199">
        <v>1</v>
      </c>
      <c r="AG25" s="194">
        <v>0</v>
      </c>
      <c r="AH25" s="195">
        <v>0</v>
      </c>
      <c r="AI25" s="195">
        <v>0</v>
      </c>
      <c r="AJ25" s="196">
        <v>0</v>
      </c>
      <c r="AK25" s="197">
        <v>0</v>
      </c>
      <c r="AL25" s="197">
        <v>0</v>
      </c>
      <c r="AM25" s="197">
        <v>0</v>
      </c>
      <c r="AN25" s="195">
        <v>1</v>
      </c>
      <c r="AO25" s="198">
        <v>1</v>
      </c>
      <c r="AP25" s="200">
        <v>1</v>
      </c>
      <c r="AQ25" s="37"/>
    </row>
    <row r="26" spans="2:43" ht="21" customHeight="1" x14ac:dyDescent="0.2">
      <c r="B26" s="62" t="s">
        <v>24</v>
      </c>
      <c r="C26" s="194">
        <v>0</v>
      </c>
      <c r="D26" s="195">
        <v>0</v>
      </c>
      <c r="E26" s="195">
        <v>0</v>
      </c>
      <c r="F26" s="196">
        <v>0</v>
      </c>
      <c r="G26" s="197">
        <v>0</v>
      </c>
      <c r="H26" s="197">
        <v>3</v>
      </c>
      <c r="I26" s="197">
        <v>3</v>
      </c>
      <c r="J26" s="195">
        <v>2</v>
      </c>
      <c r="K26" s="198">
        <v>8</v>
      </c>
      <c r="L26" s="199">
        <v>8</v>
      </c>
      <c r="M26" s="194">
        <v>0</v>
      </c>
      <c r="N26" s="195">
        <v>0</v>
      </c>
      <c r="O26" s="198">
        <v>0</v>
      </c>
      <c r="P26" s="201">
        <v>0</v>
      </c>
      <c r="Q26" s="197">
        <v>0</v>
      </c>
      <c r="R26" s="197">
        <v>0</v>
      </c>
      <c r="S26" s="197">
        <v>2</v>
      </c>
      <c r="T26" s="195">
        <v>0</v>
      </c>
      <c r="U26" s="198">
        <v>2</v>
      </c>
      <c r="V26" s="202">
        <v>2</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0</v>
      </c>
      <c r="H27" s="197">
        <v>3</v>
      </c>
      <c r="I27" s="197">
        <v>1</v>
      </c>
      <c r="J27" s="195">
        <v>1</v>
      </c>
      <c r="K27" s="198">
        <v>5</v>
      </c>
      <c r="L27" s="199">
        <v>5</v>
      </c>
      <c r="M27" s="194">
        <v>0</v>
      </c>
      <c r="N27" s="195">
        <v>0</v>
      </c>
      <c r="O27" s="198">
        <v>0</v>
      </c>
      <c r="P27" s="201">
        <v>0</v>
      </c>
      <c r="Q27" s="197">
        <v>0</v>
      </c>
      <c r="R27" s="197">
        <v>0</v>
      </c>
      <c r="S27" s="197">
        <v>0</v>
      </c>
      <c r="T27" s="195">
        <v>0</v>
      </c>
      <c r="U27" s="198">
        <v>0</v>
      </c>
      <c r="V27" s="202">
        <v>0</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1</v>
      </c>
      <c r="AN27" s="195">
        <v>0</v>
      </c>
      <c r="AO27" s="198">
        <v>1</v>
      </c>
      <c r="AP27" s="200">
        <v>1</v>
      </c>
      <c r="AQ27" s="37"/>
    </row>
    <row r="28" spans="2:43" ht="21" customHeight="1" x14ac:dyDescent="0.2">
      <c r="B28" s="62" t="s">
        <v>26</v>
      </c>
      <c r="C28" s="194">
        <v>0</v>
      </c>
      <c r="D28" s="195">
        <v>0</v>
      </c>
      <c r="E28" s="195">
        <v>0</v>
      </c>
      <c r="F28" s="196">
        <v>0</v>
      </c>
      <c r="G28" s="197">
        <v>0</v>
      </c>
      <c r="H28" s="197">
        <v>1</v>
      </c>
      <c r="I28" s="197">
        <v>1</v>
      </c>
      <c r="J28" s="195">
        <v>1</v>
      </c>
      <c r="K28" s="198">
        <v>3</v>
      </c>
      <c r="L28" s="199">
        <v>3</v>
      </c>
      <c r="M28" s="194">
        <v>0</v>
      </c>
      <c r="N28" s="195">
        <v>0</v>
      </c>
      <c r="O28" s="198">
        <v>0</v>
      </c>
      <c r="P28" s="201">
        <v>2</v>
      </c>
      <c r="Q28" s="197">
        <v>2</v>
      </c>
      <c r="R28" s="197">
        <v>0</v>
      </c>
      <c r="S28" s="197">
        <v>1</v>
      </c>
      <c r="T28" s="195">
        <v>0</v>
      </c>
      <c r="U28" s="198">
        <v>5</v>
      </c>
      <c r="V28" s="202">
        <v>5</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0</v>
      </c>
      <c r="H29" s="197">
        <v>2</v>
      </c>
      <c r="I29" s="197">
        <v>2</v>
      </c>
      <c r="J29" s="195">
        <v>1</v>
      </c>
      <c r="K29" s="198">
        <v>5</v>
      </c>
      <c r="L29" s="199">
        <v>5</v>
      </c>
      <c r="M29" s="194">
        <v>0</v>
      </c>
      <c r="N29" s="195">
        <v>0</v>
      </c>
      <c r="O29" s="198">
        <v>0</v>
      </c>
      <c r="P29" s="201">
        <v>1</v>
      </c>
      <c r="Q29" s="197">
        <v>0</v>
      </c>
      <c r="R29" s="197">
        <v>0</v>
      </c>
      <c r="S29" s="197">
        <v>0</v>
      </c>
      <c r="T29" s="195">
        <v>0</v>
      </c>
      <c r="U29" s="198">
        <v>1</v>
      </c>
      <c r="V29" s="202">
        <v>1</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1" customHeight="1" x14ac:dyDescent="0.2">
      <c r="B30" s="62" t="s">
        <v>28</v>
      </c>
      <c r="C30" s="194">
        <v>0</v>
      </c>
      <c r="D30" s="195">
        <v>0</v>
      </c>
      <c r="E30" s="195">
        <v>0</v>
      </c>
      <c r="F30" s="196">
        <v>0</v>
      </c>
      <c r="G30" s="197">
        <v>0</v>
      </c>
      <c r="H30" s="197">
        <v>0</v>
      </c>
      <c r="I30" s="197">
        <v>0</v>
      </c>
      <c r="J30" s="195">
        <v>0</v>
      </c>
      <c r="K30" s="198">
        <v>0</v>
      </c>
      <c r="L30" s="199">
        <v>0</v>
      </c>
      <c r="M30" s="194">
        <v>0</v>
      </c>
      <c r="N30" s="195">
        <v>0</v>
      </c>
      <c r="O30" s="198">
        <v>0</v>
      </c>
      <c r="P30" s="201">
        <v>0</v>
      </c>
      <c r="Q30" s="197">
        <v>0</v>
      </c>
      <c r="R30" s="197">
        <v>1</v>
      </c>
      <c r="S30" s="197">
        <v>0</v>
      </c>
      <c r="T30" s="195">
        <v>1</v>
      </c>
      <c r="U30" s="198">
        <v>2</v>
      </c>
      <c r="V30" s="202">
        <v>2</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0</v>
      </c>
      <c r="K31" s="198">
        <v>0</v>
      </c>
      <c r="L31" s="199">
        <v>0</v>
      </c>
      <c r="M31" s="194">
        <v>0</v>
      </c>
      <c r="N31" s="195">
        <v>0</v>
      </c>
      <c r="O31" s="198">
        <v>0</v>
      </c>
      <c r="P31" s="201">
        <v>0</v>
      </c>
      <c r="Q31" s="197">
        <v>0</v>
      </c>
      <c r="R31" s="197">
        <v>0</v>
      </c>
      <c r="S31" s="197">
        <v>1</v>
      </c>
      <c r="T31" s="195">
        <v>0</v>
      </c>
      <c r="U31" s="198">
        <v>1</v>
      </c>
      <c r="V31" s="202">
        <v>1</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1</v>
      </c>
      <c r="I32" s="197">
        <v>2</v>
      </c>
      <c r="J32" s="195">
        <v>0</v>
      </c>
      <c r="K32" s="198">
        <v>3</v>
      </c>
      <c r="L32" s="199">
        <v>3</v>
      </c>
      <c r="M32" s="194">
        <v>0</v>
      </c>
      <c r="N32" s="195">
        <v>0</v>
      </c>
      <c r="O32" s="198">
        <v>0</v>
      </c>
      <c r="P32" s="201">
        <v>1</v>
      </c>
      <c r="Q32" s="197">
        <v>0</v>
      </c>
      <c r="R32" s="197">
        <v>0</v>
      </c>
      <c r="S32" s="197">
        <v>0</v>
      </c>
      <c r="T32" s="195">
        <v>1</v>
      </c>
      <c r="U32" s="198">
        <v>2</v>
      </c>
      <c r="V32" s="202">
        <v>2</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1" customHeight="1" x14ac:dyDescent="0.2">
      <c r="B33" s="62" t="s">
        <v>31</v>
      </c>
      <c r="C33" s="194">
        <v>0</v>
      </c>
      <c r="D33" s="195">
        <v>0</v>
      </c>
      <c r="E33" s="195">
        <v>0</v>
      </c>
      <c r="F33" s="196">
        <v>0</v>
      </c>
      <c r="G33" s="197">
        <v>0</v>
      </c>
      <c r="H33" s="197">
        <v>1</v>
      </c>
      <c r="I33" s="197">
        <v>0</v>
      </c>
      <c r="J33" s="195">
        <v>1</v>
      </c>
      <c r="K33" s="198">
        <v>2</v>
      </c>
      <c r="L33" s="199">
        <v>2</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1</v>
      </c>
      <c r="J34" s="195">
        <v>1</v>
      </c>
      <c r="K34" s="198">
        <v>2</v>
      </c>
      <c r="L34" s="199">
        <v>2</v>
      </c>
      <c r="M34" s="194">
        <v>0</v>
      </c>
      <c r="N34" s="195">
        <v>0</v>
      </c>
      <c r="O34" s="198">
        <v>0</v>
      </c>
      <c r="P34" s="201">
        <v>0</v>
      </c>
      <c r="Q34" s="197">
        <v>0</v>
      </c>
      <c r="R34" s="197">
        <v>0</v>
      </c>
      <c r="S34" s="197">
        <v>1</v>
      </c>
      <c r="T34" s="195">
        <v>1</v>
      </c>
      <c r="U34" s="198">
        <v>2</v>
      </c>
      <c r="V34" s="202">
        <v>2</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1</v>
      </c>
      <c r="S35" s="197">
        <v>1</v>
      </c>
      <c r="T35" s="195">
        <v>0</v>
      </c>
      <c r="U35" s="198">
        <v>2</v>
      </c>
      <c r="V35" s="202">
        <v>2</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0</v>
      </c>
      <c r="AM35" s="197">
        <v>1</v>
      </c>
      <c r="AN35" s="195">
        <v>2</v>
      </c>
      <c r="AO35" s="198">
        <v>3</v>
      </c>
      <c r="AP35" s="200">
        <v>3</v>
      </c>
      <c r="AQ35" s="37"/>
    </row>
    <row r="36" spans="2:43" ht="21"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2</v>
      </c>
      <c r="R36" s="197">
        <v>1</v>
      </c>
      <c r="S36" s="197">
        <v>0</v>
      </c>
      <c r="T36" s="195">
        <v>0</v>
      </c>
      <c r="U36" s="198">
        <v>3</v>
      </c>
      <c r="V36" s="202">
        <v>3</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1</v>
      </c>
      <c r="J37" s="195">
        <v>0</v>
      </c>
      <c r="K37" s="198">
        <v>1</v>
      </c>
      <c r="L37" s="199">
        <v>1</v>
      </c>
      <c r="M37" s="194">
        <v>0</v>
      </c>
      <c r="N37" s="195">
        <v>0</v>
      </c>
      <c r="O37" s="198">
        <v>0</v>
      </c>
      <c r="P37" s="201">
        <v>0</v>
      </c>
      <c r="Q37" s="197">
        <v>0</v>
      </c>
      <c r="R37" s="197">
        <v>0</v>
      </c>
      <c r="S37" s="197">
        <v>0</v>
      </c>
      <c r="T37" s="195">
        <v>0</v>
      </c>
      <c r="U37" s="198">
        <v>0</v>
      </c>
      <c r="V37" s="202">
        <v>0</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2</v>
      </c>
      <c r="I38" s="197">
        <v>0</v>
      </c>
      <c r="J38" s="195">
        <v>2</v>
      </c>
      <c r="K38" s="198">
        <v>4</v>
      </c>
      <c r="L38" s="199">
        <v>4</v>
      </c>
      <c r="M38" s="194">
        <v>0</v>
      </c>
      <c r="N38" s="195">
        <v>0</v>
      </c>
      <c r="O38" s="198">
        <v>0</v>
      </c>
      <c r="P38" s="201">
        <v>1</v>
      </c>
      <c r="Q38" s="197">
        <v>0</v>
      </c>
      <c r="R38" s="197">
        <v>1</v>
      </c>
      <c r="S38" s="197">
        <v>4</v>
      </c>
      <c r="T38" s="195">
        <v>0</v>
      </c>
      <c r="U38" s="198">
        <v>6</v>
      </c>
      <c r="V38" s="202">
        <v>6</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J1:K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E1" s="496">
        <f>第１表!F2</f>
        <v>5</v>
      </c>
      <c r="F1" s="246">
        <f>第１表!G2</f>
        <v>5</v>
      </c>
      <c r="G1" s="608">
        <f>IF(F1&lt;3,F1-2+12,F1-2)</f>
        <v>3</v>
      </c>
      <c r="H1" s="608"/>
      <c r="IB1" s="365"/>
      <c r="IC1" s="252"/>
      <c r="ID1" s="649"/>
      <c r="IE1" s="649"/>
    </row>
    <row r="2" spans="1:409" s="44" customFormat="1" ht="24" customHeight="1" x14ac:dyDescent="0.2">
      <c r="B2" s="20" t="s">
        <v>147</v>
      </c>
      <c r="E2" s="249"/>
      <c r="F2" s="250"/>
      <c r="G2" s="623"/>
      <c r="H2" s="623"/>
      <c r="CB2" s="322"/>
      <c r="CC2" s="322"/>
      <c r="CD2" s="322"/>
      <c r="CE2" s="322"/>
      <c r="CF2" s="322"/>
      <c r="CG2" s="322"/>
      <c r="CH2" s="322"/>
      <c r="CI2" s="322"/>
      <c r="CJ2" s="322"/>
      <c r="CK2" s="322"/>
      <c r="CL2" s="322"/>
      <c r="DI2" s="322"/>
      <c r="DJ2" s="322"/>
      <c r="DK2" s="322"/>
      <c r="DL2" s="322"/>
      <c r="DM2" s="322"/>
      <c r="DN2" s="322"/>
      <c r="DO2" s="322"/>
      <c r="DP2" s="322"/>
      <c r="DQ2" s="322"/>
      <c r="DR2" s="322"/>
      <c r="DS2" s="322"/>
      <c r="FL2" s="322"/>
      <c r="FM2" s="322"/>
      <c r="FN2" s="322"/>
      <c r="FO2" s="322"/>
      <c r="FP2" s="322"/>
      <c r="FQ2" s="322"/>
      <c r="FR2" s="322"/>
      <c r="FS2" s="322"/>
      <c r="FT2" s="322"/>
      <c r="FU2" s="322"/>
      <c r="FV2" s="322"/>
      <c r="HZ2" s="39"/>
      <c r="IA2" s="39"/>
      <c r="IB2" s="251"/>
      <c r="IC2" s="252"/>
      <c r="ID2" s="368"/>
      <c r="IE2" s="368"/>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2"/>
      <c r="CC3" s="322"/>
      <c r="CD3" s="322"/>
      <c r="CE3" s="322"/>
      <c r="CF3" s="322"/>
      <c r="CG3" s="322"/>
      <c r="CH3" s="322"/>
      <c r="CI3" s="322"/>
      <c r="CJ3" s="322"/>
      <c r="CK3" s="322"/>
      <c r="CL3" s="322"/>
      <c r="DI3" s="322"/>
      <c r="DJ3" s="322"/>
      <c r="DK3" s="322"/>
      <c r="DL3" s="322"/>
      <c r="DM3" s="322"/>
      <c r="DN3" s="322"/>
      <c r="DO3" s="322"/>
      <c r="DP3" s="322"/>
      <c r="DQ3" s="322"/>
      <c r="DR3" s="322"/>
      <c r="DS3" s="322"/>
      <c r="FL3" s="322"/>
      <c r="FM3" s="322"/>
      <c r="FN3" s="322"/>
      <c r="FO3" s="322"/>
      <c r="FP3" s="322"/>
      <c r="FQ3" s="322"/>
      <c r="FR3" s="322"/>
      <c r="FS3" s="322"/>
      <c r="FT3" s="322"/>
      <c r="FU3" s="322"/>
      <c r="FV3" s="322"/>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28" t="s">
        <v>42</v>
      </c>
      <c r="C4" s="631" t="s">
        <v>63</v>
      </c>
      <c r="D4" s="631"/>
      <c r="E4" s="631"/>
      <c r="F4" s="631"/>
      <c r="G4" s="631"/>
      <c r="H4" s="631"/>
      <c r="I4" s="631"/>
      <c r="J4" s="631"/>
      <c r="K4" s="631"/>
      <c r="L4" s="631"/>
      <c r="M4" s="631"/>
      <c r="N4" s="577"/>
      <c r="O4" s="577"/>
      <c r="P4" s="577"/>
      <c r="Q4" s="577"/>
      <c r="R4" s="577"/>
      <c r="S4" s="577"/>
      <c r="T4" s="577"/>
      <c r="U4" s="577"/>
      <c r="V4" s="577"/>
      <c r="W4" s="577"/>
      <c r="X4" s="577"/>
      <c r="Y4" s="577"/>
      <c r="Z4" s="577"/>
      <c r="AA4" s="577"/>
      <c r="AB4" s="577"/>
      <c r="AC4" s="577"/>
      <c r="AD4" s="577"/>
      <c r="AE4" s="577"/>
      <c r="AF4" s="577"/>
      <c r="AG4" s="577"/>
      <c r="AH4" s="577"/>
      <c r="AI4" s="577"/>
      <c r="AJ4" s="577"/>
      <c r="AK4" s="577"/>
      <c r="AL4" s="577"/>
      <c r="AM4" s="577"/>
      <c r="AN4" s="577"/>
      <c r="AO4" s="577"/>
      <c r="AP4" s="577"/>
      <c r="AQ4" s="577"/>
      <c r="AR4" s="577"/>
      <c r="AS4" s="577"/>
      <c r="AT4" s="577"/>
      <c r="AU4" s="577"/>
      <c r="AV4" s="577"/>
      <c r="AW4" s="577"/>
      <c r="AX4" s="577"/>
      <c r="AY4" s="577"/>
      <c r="AZ4" s="577"/>
      <c r="BA4" s="577"/>
      <c r="BB4" s="577"/>
      <c r="BC4" s="577"/>
      <c r="BD4" s="577"/>
      <c r="BE4" s="577"/>
      <c r="BF4" s="577"/>
      <c r="BG4" s="577"/>
      <c r="BH4" s="577"/>
      <c r="BI4" s="577"/>
      <c r="BJ4" s="577"/>
      <c r="BK4" s="577"/>
      <c r="BL4" s="577"/>
      <c r="BM4" s="577"/>
      <c r="BN4" s="577"/>
      <c r="BO4" s="577"/>
      <c r="BP4" s="577"/>
      <c r="BQ4" s="577"/>
      <c r="BR4" s="577"/>
      <c r="BS4" s="577"/>
      <c r="BT4" s="577"/>
      <c r="BU4" s="577"/>
      <c r="BV4" s="577"/>
      <c r="BW4" s="577"/>
      <c r="BX4" s="577"/>
      <c r="BY4" s="577"/>
      <c r="BZ4" s="577"/>
      <c r="CA4" s="577"/>
      <c r="CB4" s="577"/>
      <c r="CC4" s="577"/>
      <c r="CD4" s="577"/>
      <c r="CE4" s="577"/>
      <c r="CF4" s="577"/>
      <c r="CG4" s="577"/>
      <c r="CH4" s="577"/>
      <c r="CI4" s="577"/>
      <c r="CJ4" s="577"/>
      <c r="CK4" s="577"/>
      <c r="CL4" s="577"/>
      <c r="CM4" s="577"/>
      <c r="CN4" s="577"/>
      <c r="CO4" s="577"/>
      <c r="CP4" s="577"/>
      <c r="CQ4" s="577"/>
      <c r="CR4" s="577"/>
      <c r="CS4" s="577"/>
      <c r="CT4" s="577"/>
      <c r="CU4" s="577"/>
      <c r="CV4" s="577"/>
      <c r="CW4" s="577"/>
      <c r="CX4" s="577"/>
      <c r="CY4" s="577"/>
      <c r="CZ4" s="577"/>
      <c r="DA4" s="577"/>
      <c r="DB4" s="577"/>
      <c r="DC4" s="577"/>
      <c r="DD4" s="577"/>
      <c r="DE4" s="577"/>
      <c r="DF4" s="577"/>
      <c r="DG4" s="577"/>
      <c r="DH4" s="577"/>
      <c r="DI4" s="577"/>
      <c r="DJ4" s="577"/>
      <c r="DK4" s="577"/>
      <c r="DL4" s="577"/>
      <c r="DM4" s="577"/>
      <c r="DN4" s="577"/>
      <c r="DO4" s="577"/>
      <c r="DP4" s="577"/>
      <c r="DQ4" s="577"/>
      <c r="DR4" s="577"/>
      <c r="DS4" s="577"/>
      <c r="DT4" s="577"/>
      <c r="DU4" s="577"/>
      <c r="DV4" s="577"/>
      <c r="DW4" s="577"/>
      <c r="DX4" s="577"/>
      <c r="DY4" s="577"/>
      <c r="DZ4" s="577"/>
      <c r="EA4" s="577"/>
      <c r="EB4" s="577"/>
      <c r="EC4" s="577"/>
      <c r="ED4" s="577"/>
      <c r="EE4" s="577"/>
      <c r="EF4" s="577"/>
      <c r="EG4" s="577"/>
      <c r="EH4" s="577"/>
      <c r="EI4" s="577"/>
      <c r="EJ4" s="577"/>
      <c r="EK4" s="577"/>
      <c r="EL4" s="577"/>
      <c r="EM4" s="577"/>
      <c r="EN4" s="577"/>
      <c r="EO4" s="577"/>
      <c r="EP4" s="577"/>
      <c r="EQ4" s="577"/>
      <c r="ER4" s="577"/>
      <c r="ES4" s="577"/>
      <c r="ET4" s="577"/>
      <c r="EU4" s="577"/>
      <c r="EV4" s="577"/>
      <c r="EW4" s="577"/>
      <c r="EX4" s="577"/>
      <c r="EY4" s="577"/>
      <c r="EZ4" s="577"/>
      <c r="FA4" s="577"/>
      <c r="FB4" s="577"/>
      <c r="FC4" s="577"/>
      <c r="FD4" s="577"/>
      <c r="FE4" s="577"/>
      <c r="FF4" s="577"/>
      <c r="FG4" s="577"/>
      <c r="FH4" s="577"/>
      <c r="FI4" s="577"/>
      <c r="FJ4" s="577"/>
      <c r="FK4" s="577"/>
      <c r="FL4" s="577"/>
      <c r="FM4" s="577"/>
      <c r="FN4" s="577"/>
      <c r="FO4" s="577"/>
      <c r="FP4" s="577"/>
      <c r="FQ4" s="577"/>
      <c r="FR4" s="577"/>
      <c r="FS4" s="577"/>
      <c r="FT4" s="577"/>
      <c r="FU4" s="577"/>
      <c r="FV4" s="577"/>
      <c r="FW4" s="577"/>
      <c r="FX4" s="577"/>
      <c r="FY4" s="577"/>
      <c r="FZ4" s="577"/>
      <c r="GA4" s="577"/>
      <c r="GB4" s="577"/>
      <c r="GC4" s="577"/>
      <c r="GD4" s="577"/>
      <c r="GE4" s="577"/>
      <c r="GF4" s="577"/>
      <c r="GG4" s="577"/>
      <c r="GH4" s="577"/>
      <c r="GI4" s="577"/>
      <c r="GJ4" s="577"/>
      <c r="GK4" s="577"/>
      <c r="GL4" s="577"/>
      <c r="GM4" s="577"/>
      <c r="GN4" s="577"/>
      <c r="GO4" s="577"/>
      <c r="GP4" s="577"/>
      <c r="GQ4" s="577"/>
      <c r="GR4" s="577"/>
      <c r="GS4" s="577"/>
      <c r="GT4" s="577"/>
      <c r="GU4" s="577"/>
      <c r="GV4" s="577"/>
      <c r="GW4" s="577"/>
      <c r="GX4" s="577"/>
      <c r="GY4" s="577"/>
      <c r="GZ4" s="577"/>
      <c r="HA4" s="577"/>
      <c r="HB4" s="577"/>
      <c r="HC4" s="577"/>
      <c r="HD4" s="577"/>
      <c r="HE4" s="577"/>
      <c r="HF4" s="577"/>
      <c r="HG4" s="577"/>
      <c r="HH4" s="577"/>
      <c r="HI4" s="577"/>
      <c r="HJ4" s="577"/>
      <c r="HK4" s="577"/>
      <c r="HL4" s="577"/>
      <c r="HM4" s="577"/>
      <c r="HN4" s="577"/>
      <c r="HO4" s="577"/>
      <c r="HP4" s="577"/>
      <c r="HQ4" s="577"/>
      <c r="HR4" s="577"/>
      <c r="HS4" s="577"/>
      <c r="HT4" s="577"/>
      <c r="HU4" s="577"/>
      <c r="HV4" s="577"/>
      <c r="HW4" s="577"/>
      <c r="HX4" s="577"/>
      <c r="HY4" s="578"/>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629"/>
      <c r="C5" s="632"/>
      <c r="D5" s="632"/>
      <c r="E5" s="632"/>
      <c r="F5" s="632"/>
      <c r="G5" s="632"/>
      <c r="H5" s="632"/>
      <c r="I5" s="632"/>
      <c r="J5" s="632"/>
      <c r="K5" s="632"/>
      <c r="L5" s="632"/>
      <c r="M5" s="632"/>
      <c r="N5" s="634" t="s">
        <v>64</v>
      </c>
      <c r="O5" s="635"/>
      <c r="P5" s="635"/>
      <c r="Q5" s="635"/>
      <c r="R5" s="635"/>
      <c r="S5" s="635"/>
      <c r="T5" s="635"/>
      <c r="U5" s="635"/>
      <c r="V5" s="635"/>
      <c r="W5" s="635"/>
      <c r="X5" s="635"/>
      <c r="Y5" s="635"/>
      <c r="Z5" s="635"/>
      <c r="AA5" s="635"/>
      <c r="AB5" s="635"/>
      <c r="AC5" s="635"/>
      <c r="AD5" s="635"/>
      <c r="AE5" s="635"/>
      <c r="AF5" s="635"/>
      <c r="AG5" s="635"/>
      <c r="AH5" s="635"/>
      <c r="AI5" s="635"/>
      <c r="AJ5" s="635"/>
      <c r="AK5" s="635"/>
      <c r="AL5" s="635"/>
      <c r="AM5" s="635"/>
      <c r="AN5" s="635"/>
      <c r="AO5" s="635"/>
      <c r="AP5" s="635"/>
      <c r="AQ5" s="635"/>
      <c r="AR5" s="635"/>
      <c r="AS5" s="635"/>
      <c r="AT5" s="635"/>
      <c r="AU5" s="635"/>
      <c r="AV5" s="635"/>
      <c r="AW5" s="635"/>
      <c r="AX5" s="635"/>
      <c r="AY5" s="635"/>
      <c r="AZ5" s="635"/>
      <c r="BA5" s="635"/>
      <c r="BB5" s="635"/>
      <c r="BC5" s="635"/>
      <c r="BD5" s="635"/>
      <c r="BE5" s="635"/>
      <c r="BF5" s="635"/>
      <c r="BG5" s="635"/>
      <c r="BH5" s="635"/>
      <c r="BI5" s="635"/>
      <c r="BJ5" s="635"/>
      <c r="BK5" s="635"/>
      <c r="BL5" s="635"/>
      <c r="BM5" s="635"/>
      <c r="BN5" s="635"/>
      <c r="BO5" s="635"/>
      <c r="BP5" s="635"/>
      <c r="BQ5" s="635"/>
      <c r="BR5" s="635"/>
      <c r="BS5" s="635"/>
      <c r="BT5" s="635"/>
      <c r="BU5" s="635"/>
      <c r="BV5" s="635"/>
      <c r="BW5" s="635"/>
      <c r="BX5" s="635"/>
      <c r="BY5" s="635"/>
      <c r="BZ5" s="635"/>
      <c r="CA5" s="636"/>
      <c r="CB5" s="634" t="s">
        <v>65</v>
      </c>
      <c r="CC5" s="635"/>
      <c r="CD5" s="635"/>
      <c r="CE5" s="635"/>
      <c r="CF5" s="635"/>
      <c r="CG5" s="635"/>
      <c r="CH5" s="635"/>
      <c r="CI5" s="635"/>
      <c r="CJ5" s="635"/>
      <c r="CK5" s="635"/>
      <c r="CL5" s="635"/>
      <c r="CM5" s="635"/>
      <c r="CN5" s="635"/>
      <c r="CO5" s="635"/>
      <c r="CP5" s="635"/>
      <c r="CQ5" s="635"/>
      <c r="CR5" s="635"/>
      <c r="CS5" s="635"/>
      <c r="CT5" s="635"/>
      <c r="CU5" s="635"/>
      <c r="CV5" s="635"/>
      <c r="CW5" s="635"/>
      <c r="CX5" s="635"/>
      <c r="CY5" s="635"/>
      <c r="CZ5" s="635"/>
      <c r="DA5" s="635"/>
      <c r="DB5" s="635"/>
      <c r="DC5" s="635"/>
      <c r="DD5" s="635"/>
      <c r="DE5" s="635"/>
      <c r="DF5" s="635"/>
      <c r="DG5" s="635"/>
      <c r="DH5" s="636"/>
      <c r="DI5" s="610" t="s">
        <v>66</v>
      </c>
      <c r="DJ5" s="611"/>
      <c r="DK5" s="611"/>
      <c r="DL5" s="611"/>
      <c r="DM5" s="611"/>
      <c r="DN5" s="611"/>
      <c r="DO5" s="611"/>
      <c r="DP5" s="611"/>
      <c r="DQ5" s="611"/>
      <c r="DR5" s="611"/>
      <c r="DS5" s="611"/>
      <c r="DT5" s="611"/>
      <c r="DU5" s="611"/>
      <c r="DV5" s="611"/>
      <c r="DW5" s="611"/>
      <c r="DX5" s="611"/>
      <c r="DY5" s="611"/>
      <c r="DZ5" s="611"/>
      <c r="EA5" s="611"/>
      <c r="EB5" s="611"/>
      <c r="EC5" s="611"/>
      <c r="ED5" s="611"/>
      <c r="EE5" s="611"/>
      <c r="EF5" s="611"/>
      <c r="EG5" s="611"/>
      <c r="EH5" s="611"/>
      <c r="EI5" s="611"/>
      <c r="EJ5" s="611"/>
      <c r="EK5" s="611"/>
      <c r="EL5" s="611"/>
      <c r="EM5" s="611"/>
      <c r="EN5" s="611"/>
      <c r="EO5" s="611"/>
      <c r="EP5" s="611"/>
      <c r="EQ5" s="611"/>
      <c r="ER5" s="611"/>
      <c r="ES5" s="611"/>
      <c r="ET5" s="611"/>
      <c r="EU5" s="611"/>
      <c r="EV5" s="611"/>
      <c r="EW5" s="611"/>
      <c r="EX5" s="611"/>
      <c r="EY5" s="611"/>
      <c r="EZ5" s="611"/>
      <c r="FA5" s="611"/>
      <c r="FB5" s="611"/>
      <c r="FC5" s="611"/>
      <c r="FD5" s="611"/>
      <c r="FE5" s="611"/>
      <c r="FF5" s="611"/>
      <c r="FG5" s="611"/>
      <c r="FH5" s="611"/>
      <c r="FI5" s="611"/>
      <c r="FJ5" s="611"/>
      <c r="FK5" s="612"/>
      <c r="FL5" s="634" t="s">
        <v>67</v>
      </c>
      <c r="FM5" s="635"/>
      <c r="FN5" s="635"/>
      <c r="FO5" s="635"/>
      <c r="FP5" s="635"/>
      <c r="FQ5" s="635"/>
      <c r="FR5" s="635"/>
      <c r="FS5" s="635"/>
      <c r="FT5" s="635"/>
      <c r="FU5" s="635"/>
      <c r="FV5" s="635"/>
      <c r="FW5" s="635"/>
      <c r="FX5" s="635"/>
      <c r="FY5" s="635"/>
      <c r="FZ5" s="635"/>
      <c r="GA5" s="635"/>
      <c r="GB5" s="635"/>
      <c r="GC5" s="635"/>
      <c r="GD5" s="635"/>
      <c r="GE5" s="635"/>
      <c r="GF5" s="635"/>
      <c r="GG5" s="635"/>
      <c r="GH5" s="635"/>
      <c r="GI5" s="635"/>
      <c r="GJ5" s="635"/>
      <c r="GK5" s="635"/>
      <c r="GL5" s="635"/>
      <c r="GM5" s="635"/>
      <c r="GN5" s="635"/>
      <c r="GO5" s="635"/>
      <c r="GP5" s="635"/>
      <c r="GQ5" s="635"/>
      <c r="GR5" s="635"/>
      <c r="GS5" s="635"/>
      <c r="GT5" s="635"/>
      <c r="GU5" s="635"/>
      <c r="GV5" s="635"/>
      <c r="GW5" s="635"/>
      <c r="GX5" s="635"/>
      <c r="GY5" s="635"/>
      <c r="GZ5" s="635"/>
      <c r="HA5" s="635"/>
      <c r="HB5" s="635"/>
      <c r="HC5" s="636"/>
      <c r="HD5" s="620" t="s">
        <v>68</v>
      </c>
      <c r="HE5" s="621"/>
      <c r="HF5" s="621"/>
      <c r="HG5" s="621"/>
      <c r="HH5" s="621"/>
      <c r="HI5" s="621"/>
      <c r="HJ5" s="621"/>
      <c r="HK5" s="621"/>
      <c r="HL5" s="621"/>
      <c r="HM5" s="621"/>
      <c r="HN5" s="622"/>
      <c r="HO5" s="620" t="s">
        <v>69</v>
      </c>
      <c r="HP5" s="621"/>
      <c r="HQ5" s="621"/>
      <c r="HR5" s="621"/>
      <c r="HS5" s="621"/>
      <c r="HT5" s="621"/>
      <c r="HU5" s="621"/>
      <c r="HV5" s="621"/>
      <c r="HW5" s="621"/>
      <c r="HX5" s="621"/>
      <c r="HY5" s="6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629"/>
      <c r="C6" s="633"/>
      <c r="D6" s="633"/>
      <c r="E6" s="633"/>
      <c r="F6" s="633"/>
      <c r="G6" s="633"/>
      <c r="H6" s="633"/>
      <c r="I6" s="633"/>
      <c r="J6" s="633"/>
      <c r="K6" s="633"/>
      <c r="L6" s="633"/>
      <c r="M6" s="633"/>
      <c r="N6" s="600"/>
      <c r="O6" s="593"/>
      <c r="P6" s="593"/>
      <c r="Q6" s="593"/>
      <c r="R6" s="593"/>
      <c r="S6" s="593"/>
      <c r="T6" s="593"/>
      <c r="U6" s="593"/>
      <c r="V6" s="593"/>
      <c r="W6" s="593"/>
      <c r="X6" s="601"/>
      <c r="Y6" s="602" t="s">
        <v>70</v>
      </c>
      <c r="Z6" s="603"/>
      <c r="AA6" s="603"/>
      <c r="AB6" s="603"/>
      <c r="AC6" s="603"/>
      <c r="AD6" s="603"/>
      <c r="AE6" s="603"/>
      <c r="AF6" s="603"/>
      <c r="AG6" s="603"/>
      <c r="AH6" s="603"/>
      <c r="AI6" s="604"/>
      <c r="AJ6" s="620" t="s">
        <v>71</v>
      </c>
      <c r="AK6" s="621"/>
      <c r="AL6" s="621"/>
      <c r="AM6" s="621"/>
      <c r="AN6" s="621"/>
      <c r="AO6" s="621"/>
      <c r="AP6" s="621"/>
      <c r="AQ6" s="621"/>
      <c r="AR6" s="621"/>
      <c r="AS6" s="621"/>
      <c r="AT6" s="622"/>
      <c r="AU6" s="616" t="s">
        <v>72</v>
      </c>
      <c r="AV6" s="617"/>
      <c r="AW6" s="617"/>
      <c r="AX6" s="617"/>
      <c r="AY6" s="617"/>
      <c r="AZ6" s="617"/>
      <c r="BA6" s="617"/>
      <c r="BB6" s="617"/>
      <c r="BC6" s="617"/>
      <c r="BD6" s="617"/>
      <c r="BE6" s="618"/>
      <c r="BF6" s="616" t="s">
        <v>73</v>
      </c>
      <c r="BG6" s="617"/>
      <c r="BH6" s="617"/>
      <c r="BI6" s="617"/>
      <c r="BJ6" s="617"/>
      <c r="BK6" s="617"/>
      <c r="BL6" s="617"/>
      <c r="BM6" s="617"/>
      <c r="BN6" s="617"/>
      <c r="BO6" s="617"/>
      <c r="BP6" s="618"/>
      <c r="BQ6" s="616" t="s">
        <v>74</v>
      </c>
      <c r="BR6" s="617"/>
      <c r="BS6" s="617"/>
      <c r="BT6" s="617"/>
      <c r="BU6" s="617"/>
      <c r="BV6" s="617"/>
      <c r="BW6" s="617"/>
      <c r="BX6" s="617"/>
      <c r="BY6" s="617"/>
      <c r="BZ6" s="617"/>
      <c r="CA6" s="618"/>
      <c r="CB6" s="613"/>
      <c r="CC6" s="614"/>
      <c r="CD6" s="614"/>
      <c r="CE6" s="614"/>
      <c r="CF6" s="614"/>
      <c r="CG6" s="614"/>
      <c r="CH6" s="614"/>
      <c r="CI6" s="614"/>
      <c r="CJ6" s="614"/>
      <c r="CK6" s="614"/>
      <c r="CL6" s="615"/>
      <c r="CM6" s="616" t="s">
        <v>75</v>
      </c>
      <c r="CN6" s="617"/>
      <c r="CO6" s="617"/>
      <c r="CP6" s="617"/>
      <c r="CQ6" s="617"/>
      <c r="CR6" s="617"/>
      <c r="CS6" s="617"/>
      <c r="CT6" s="617"/>
      <c r="CU6" s="617"/>
      <c r="CV6" s="617"/>
      <c r="CW6" s="618"/>
      <c r="CX6" s="616" t="s">
        <v>76</v>
      </c>
      <c r="CY6" s="617"/>
      <c r="CZ6" s="617"/>
      <c r="DA6" s="617"/>
      <c r="DB6" s="617"/>
      <c r="DC6" s="617"/>
      <c r="DD6" s="617"/>
      <c r="DE6" s="617"/>
      <c r="DF6" s="617"/>
      <c r="DG6" s="617"/>
      <c r="DH6" s="618"/>
      <c r="DI6" s="613"/>
      <c r="DJ6" s="614"/>
      <c r="DK6" s="614"/>
      <c r="DL6" s="614"/>
      <c r="DM6" s="614"/>
      <c r="DN6" s="614"/>
      <c r="DO6" s="614"/>
      <c r="DP6" s="614"/>
      <c r="DQ6" s="614"/>
      <c r="DR6" s="614"/>
      <c r="DS6" s="614"/>
      <c r="DT6" s="616" t="s">
        <v>77</v>
      </c>
      <c r="DU6" s="617"/>
      <c r="DV6" s="617"/>
      <c r="DW6" s="617"/>
      <c r="DX6" s="617"/>
      <c r="DY6" s="617"/>
      <c r="DZ6" s="617"/>
      <c r="EA6" s="617"/>
      <c r="EB6" s="617"/>
      <c r="EC6" s="617"/>
      <c r="ED6" s="618"/>
      <c r="EE6" s="616" t="s">
        <v>78</v>
      </c>
      <c r="EF6" s="617"/>
      <c r="EG6" s="617"/>
      <c r="EH6" s="617"/>
      <c r="EI6" s="617"/>
      <c r="EJ6" s="617"/>
      <c r="EK6" s="617"/>
      <c r="EL6" s="617"/>
      <c r="EM6" s="617"/>
      <c r="EN6" s="617"/>
      <c r="EO6" s="618"/>
      <c r="EP6" s="616" t="s">
        <v>79</v>
      </c>
      <c r="EQ6" s="617"/>
      <c r="ER6" s="617"/>
      <c r="ES6" s="617"/>
      <c r="ET6" s="617"/>
      <c r="EU6" s="617"/>
      <c r="EV6" s="617"/>
      <c r="EW6" s="617"/>
      <c r="EX6" s="617"/>
      <c r="EY6" s="617"/>
      <c r="EZ6" s="618"/>
      <c r="FA6" s="619" t="s">
        <v>152</v>
      </c>
      <c r="FB6" s="617"/>
      <c r="FC6" s="617"/>
      <c r="FD6" s="617"/>
      <c r="FE6" s="617"/>
      <c r="FF6" s="617"/>
      <c r="FG6" s="617"/>
      <c r="FH6" s="617"/>
      <c r="FI6" s="617"/>
      <c r="FJ6" s="617"/>
      <c r="FK6" s="618"/>
      <c r="FL6" s="613"/>
      <c r="FM6" s="614"/>
      <c r="FN6" s="614"/>
      <c r="FO6" s="614"/>
      <c r="FP6" s="614"/>
      <c r="FQ6" s="614"/>
      <c r="FR6" s="614"/>
      <c r="FS6" s="614"/>
      <c r="FT6" s="614"/>
      <c r="FU6" s="614"/>
      <c r="FV6" s="614"/>
      <c r="FW6" s="616" t="s">
        <v>80</v>
      </c>
      <c r="FX6" s="617"/>
      <c r="FY6" s="617"/>
      <c r="FZ6" s="617"/>
      <c r="GA6" s="617"/>
      <c r="GB6" s="617"/>
      <c r="GC6" s="617"/>
      <c r="GD6" s="617"/>
      <c r="GE6" s="617"/>
      <c r="GF6" s="617"/>
      <c r="GG6" s="618"/>
      <c r="GH6" s="602" t="s">
        <v>81</v>
      </c>
      <c r="GI6" s="603"/>
      <c r="GJ6" s="603"/>
      <c r="GK6" s="603"/>
      <c r="GL6" s="603"/>
      <c r="GM6" s="603"/>
      <c r="GN6" s="603"/>
      <c r="GO6" s="603"/>
      <c r="GP6" s="603"/>
      <c r="GQ6" s="603"/>
      <c r="GR6" s="604"/>
      <c r="GS6" s="602" t="s">
        <v>82</v>
      </c>
      <c r="GT6" s="603"/>
      <c r="GU6" s="603"/>
      <c r="GV6" s="603"/>
      <c r="GW6" s="603"/>
      <c r="GX6" s="603"/>
      <c r="GY6" s="603"/>
      <c r="GZ6" s="603"/>
      <c r="HA6" s="603"/>
      <c r="HB6" s="603"/>
      <c r="HC6" s="604"/>
      <c r="HD6" s="637"/>
      <c r="HE6" s="638"/>
      <c r="HF6" s="638"/>
      <c r="HG6" s="638"/>
      <c r="HH6" s="638"/>
      <c r="HI6" s="638"/>
      <c r="HJ6" s="638"/>
      <c r="HK6" s="638"/>
      <c r="HL6" s="638"/>
      <c r="HM6" s="638"/>
      <c r="HN6" s="639"/>
      <c r="HO6" s="637"/>
      <c r="HP6" s="638"/>
      <c r="HQ6" s="638"/>
      <c r="HR6" s="638"/>
      <c r="HS6" s="638"/>
      <c r="HT6" s="638"/>
      <c r="HU6" s="638"/>
      <c r="HV6" s="638"/>
      <c r="HW6" s="638"/>
      <c r="HX6" s="638"/>
      <c r="HY6" s="639"/>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629"/>
      <c r="C7" s="585" t="s">
        <v>61</v>
      </c>
      <c r="D7" s="585"/>
      <c r="E7" s="585"/>
      <c r="F7" s="584" t="s">
        <v>62</v>
      </c>
      <c r="G7" s="585"/>
      <c r="H7" s="585"/>
      <c r="I7" s="585"/>
      <c r="J7" s="585"/>
      <c r="K7" s="585"/>
      <c r="L7" s="585"/>
      <c r="M7" s="584" t="s">
        <v>52</v>
      </c>
      <c r="N7" s="641" t="s">
        <v>61</v>
      </c>
      <c r="O7" s="585"/>
      <c r="P7" s="585"/>
      <c r="Q7" s="584" t="s">
        <v>62</v>
      </c>
      <c r="R7" s="585"/>
      <c r="S7" s="585"/>
      <c r="T7" s="585"/>
      <c r="U7" s="585"/>
      <c r="V7" s="585"/>
      <c r="W7" s="586"/>
      <c r="X7" s="626" t="s">
        <v>52</v>
      </c>
      <c r="Y7" s="600" t="s">
        <v>61</v>
      </c>
      <c r="Z7" s="593"/>
      <c r="AA7" s="594"/>
      <c r="AB7" s="592" t="s">
        <v>62</v>
      </c>
      <c r="AC7" s="593"/>
      <c r="AD7" s="593"/>
      <c r="AE7" s="593"/>
      <c r="AF7" s="593"/>
      <c r="AG7" s="593"/>
      <c r="AH7" s="594"/>
      <c r="AI7" s="601" t="s">
        <v>52</v>
      </c>
      <c r="AJ7" s="581" t="s">
        <v>61</v>
      </c>
      <c r="AK7" s="582"/>
      <c r="AL7" s="583"/>
      <c r="AM7" s="642" t="s">
        <v>62</v>
      </c>
      <c r="AN7" s="582"/>
      <c r="AO7" s="582"/>
      <c r="AP7" s="582"/>
      <c r="AQ7" s="582"/>
      <c r="AR7" s="582"/>
      <c r="AS7" s="643"/>
      <c r="AT7" s="644" t="s">
        <v>52</v>
      </c>
      <c r="AU7" s="589" t="s">
        <v>61</v>
      </c>
      <c r="AV7" s="590"/>
      <c r="AW7" s="591"/>
      <c r="AX7" s="624" t="s">
        <v>62</v>
      </c>
      <c r="AY7" s="590"/>
      <c r="AZ7" s="590"/>
      <c r="BA7" s="590"/>
      <c r="BB7" s="590"/>
      <c r="BC7" s="590"/>
      <c r="BD7" s="625"/>
      <c r="BE7" s="601" t="s">
        <v>52</v>
      </c>
      <c r="BF7" s="589" t="s">
        <v>61</v>
      </c>
      <c r="BG7" s="590"/>
      <c r="BH7" s="591"/>
      <c r="BI7" s="624" t="s">
        <v>62</v>
      </c>
      <c r="BJ7" s="590"/>
      <c r="BK7" s="590"/>
      <c r="BL7" s="590"/>
      <c r="BM7" s="590"/>
      <c r="BN7" s="590"/>
      <c r="BO7" s="625"/>
      <c r="BP7" s="601" t="s">
        <v>52</v>
      </c>
      <c r="BQ7" s="589" t="s">
        <v>61</v>
      </c>
      <c r="BR7" s="590"/>
      <c r="BS7" s="591"/>
      <c r="BT7" s="624" t="s">
        <v>62</v>
      </c>
      <c r="BU7" s="590"/>
      <c r="BV7" s="590"/>
      <c r="BW7" s="590"/>
      <c r="BX7" s="590"/>
      <c r="BY7" s="590"/>
      <c r="BZ7" s="625"/>
      <c r="CA7" s="601" t="s">
        <v>52</v>
      </c>
      <c r="CB7" s="581" t="s">
        <v>61</v>
      </c>
      <c r="CC7" s="582"/>
      <c r="CD7" s="583"/>
      <c r="CE7" s="642" t="s">
        <v>62</v>
      </c>
      <c r="CF7" s="582"/>
      <c r="CG7" s="582"/>
      <c r="CH7" s="582"/>
      <c r="CI7" s="582"/>
      <c r="CJ7" s="582"/>
      <c r="CK7" s="643"/>
      <c r="CL7" s="626" t="s">
        <v>52</v>
      </c>
      <c r="CM7" s="589" t="s">
        <v>61</v>
      </c>
      <c r="CN7" s="590"/>
      <c r="CO7" s="625"/>
      <c r="CP7" s="624" t="s">
        <v>62</v>
      </c>
      <c r="CQ7" s="590"/>
      <c r="CR7" s="590"/>
      <c r="CS7" s="590"/>
      <c r="CT7" s="590"/>
      <c r="CU7" s="590"/>
      <c r="CV7" s="625"/>
      <c r="CW7" s="648" t="s">
        <v>52</v>
      </c>
      <c r="CX7" s="589" t="s">
        <v>61</v>
      </c>
      <c r="CY7" s="590"/>
      <c r="CZ7" s="625"/>
      <c r="DA7" s="624" t="s">
        <v>62</v>
      </c>
      <c r="DB7" s="590"/>
      <c r="DC7" s="590"/>
      <c r="DD7" s="590"/>
      <c r="DE7" s="590"/>
      <c r="DF7" s="590"/>
      <c r="DG7" s="625"/>
      <c r="DH7" s="648" t="s">
        <v>52</v>
      </c>
      <c r="DI7" s="581" t="s">
        <v>61</v>
      </c>
      <c r="DJ7" s="582"/>
      <c r="DK7" s="643"/>
      <c r="DL7" s="642" t="s">
        <v>62</v>
      </c>
      <c r="DM7" s="582"/>
      <c r="DN7" s="582"/>
      <c r="DO7" s="582"/>
      <c r="DP7" s="582"/>
      <c r="DQ7" s="582"/>
      <c r="DR7" s="643"/>
      <c r="DS7" s="626" t="s">
        <v>52</v>
      </c>
      <c r="DT7" s="589" t="s">
        <v>61</v>
      </c>
      <c r="DU7" s="590"/>
      <c r="DV7" s="591"/>
      <c r="DW7" s="624" t="s">
        <v>62</v>
      </c>
      <c r="DX7" s="590"/>
      <c r="DY7" s="590"/>
      <c r="DZ7" s="590"/>
      <c r="EA7" s="590"/>
      <c r="EB7" s="590"/>
      <c r="EC7" s="625"/>
      <c r="ED7" s="601" t="s">
        <v>52</v>
      </c>
      <c r="EE7" s="589" t="s">
        <v>61</v>
      </c>
      <c r="EF7" s="590"/>
      <c r="EG7" s="591"/>
      <c r="EH7" s="624" t="s">
        <v>62</v>
      </c>
      <c r="EI7" s="590"/>
      <c r="EJ7" s="590"/>
      <c r="EK7" s="590"/>
      <c r="EL7" s="590"/>
      <c r="EM7" s="590"/>
      <c r="EN7" s="625"/>
      <c r="EO7" s="601" t="s">
        <v>52</v>
      </c>
      <c r="EP7" s="589" t="s">
        <v>61</v>
      </c>
      <c r="EQ7" s="590"/>
      <c r="ER7" s="591"/>
      <c r="ES7" s="624" t="s">
        <v>62</v>
      </c>
      <c r="ET7" s="590"/>
      <c r="EU7" s="590"/>
      <c r="EV7" s="590"/>
      <c r="EW7" s="590"/>
      <c r="EX7" s="590"/>
      <c r="EY7" s="625"/>
      <c r="EZ7" s="601" t="s">
        <v>52</v>
      </c>
      <c r="FA7" s="589" t="s">
        <v>61</v>
      </c>
      <c r="FB7" s="590"/>
      <c r="FC7" s="591"/>
      <c r="FD7" s="624" t="s">
        <v>62</v>
      </c>
      <c r="FE7" s="590"/>
      <c r="FF7" s="590"/>
      <c r="FG7" s="590"/>
      <c r="FH7" s="590"/>
      <c r="FI7" s="590"/>
      <c r="FJ7" s="625"/>
      <c r="FK7" s="601" t="s">
        <v>52</v>
      </c>
      <c r="FL7" s="581" t="s">
        <v>61</v>
      </c>
      <c r="FM7" s="582"/>
      <c r="FN7" s="583"/>
      <c r="FO7" s="642" t="s">
        <v>62</v>
      </c>
      <c r="FP7" s="582"/>
      <c r="FQ7" s="582"/>
      <c r="FR7" s="582"/>
      <c r="FS7" s="582"/>
      <c r="FT7" s="582"/>
      <c r="FU7" s="643"/>
      <c r="FV7" s="585" t="s">
        <v>52</v>
      </c>
      <c r="FW7" s="589" t="s">
        <v>61</v>
      </c>
      <c r="FX7" s="590"/>
      <c r="FY7" s="591"/>
      <c r="FZ7" s="624" t="s">
        <v>62</v>
      </c>
      <c r="GA7" s="590"/>
      <c r="GB7" s="590"/>
      <c r="GC7" s="590"/>
      <c r="GD7" s="590"/>
      <c r="GE7" s="590"/>
      <c r="GF7" s="625"/>
      <c r="GG7" s="601" t="s">
        <v>52</v>
      </c>
      <c r="GH7" s="600" t="s">
        <v>61</v>
      </c>
      <c r="GI7" s="593"/>
      <c r="GJ7" s="593"/>
      <c r="GK7" s="592" t="s">
        <v>62</v>
      </c>
      <c r="GL7" s="593"/>
      <c r="GM7" s="593"/>
      <c r="GN7" s="593"/>
      <c r="GO7" s="593"/>
      <c r="GP7" s="593"/>
      <c r="GQ7" s="594"/>
      <c r="GR7" s="645" t="s">
        <v>52</v>
      </c>
      <c r="GS7" s="600" t="s">
        <v>61</v>
      </c>
      <c r="GT7" s="593"/>
      <c r="GU7" s="594"/>
      <c r="GV7" s="592" t="s">
        <v>62</v>
      </c>
      <c r="GW7" s="593"/>
      <c r="GX7" s="593"/>
      <c r="GY7" s="593"/>
      <c r="GZ7" s="593"/>
      <c r="HA7" s="593"/>
      <c r="HB7" s="594"/>
      <c r="HC7" s="645" t="s">
        <v>52</v>
      </c>
      <c r="HD7" s="589" t="s">
        <v>61</v>
      </c>
      <c r="HE7" s="590"/>
      <c r="HF7" s="591"/>
      <c r="HG7" s="624" t="s">
        <v>62</v>
      </c>
      <c r="HH7" s="590"/>
      <c r="HI7" s="590"/>
      <c r="HJ7" s="590"/>
      <c r="HK7" s="590"/>
      <c r="HL7" s="590"/>
      <c r="HM7" s="625"/>
      <c r="HN7" s="601" t="s">
        <v>52</v>
      </c>
      <c r="HO7" s="589" t="s">
        <v>61</v>
      </c>
      <c r="HP7" s="590"/>
      <c r="HQ7" s="591"/>
      <c r="HR7" s="624" t="s">
        <v>62</v>
      </c>
      <c r="HS7" s="590"/>
      <c r="HT7" s="590"/>
      <c r="HU7" s="590"/>
      <c r="HV7" s="590"/>
      <c r="HW7" s="590"/>
      <c r="HX7" s="625"/>
      <c r="HY7" s="601"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630"/>
      <c r="C8" s="65" t="s">
        <v>43</v>
      </c>
      <c r="D8" s="16" t="s">
        <v>44</v>
      </c>
      <c r="E8" s="41" t="s">
        <v>45</v>
      </c>
      <c r="F8" s="42" t="s">
        <v>83</v>
      </c>
      <c r="G8" s="16" t="s">
        <v>47</v>
      </c>
      <c r="H8" s="16" t="s">
        <v>48</v>
      </c>
      <c r="I8" s="16" t="s">
        <v>49</v>
      </c>
      <c r="J8" s="16" t="s">
        <v>50</v>
      </c>
      <c r="K8" s="16" t="s">
        <v>51</v>
      </c>
      <c r="L8" s="17" t="s">
        <v>45</v>
      </c>
      <c r="M8" s="640"/>
      <c r="N8" s="40" t="s">
        <v>43</v>
      </c>
      <c r="O8" s="16" t="s">
        <v>44</v>
      </c>
      <c r="P8" s="17" t="s">
        <v>45</v>
      </c>
      <c r="Q8" s="42" t="s">
        <v>83</v>
      </c>
      <c r="R8" s="16" t="s">
        <v>47</v>
      </c>
      <c r="S8" s="16" t="s">
        <v>48</v>
      </c>
      <c r="T8" s="16" t="s">
        <v>49</v>
      </c>
      <c r="U8" s="16" t="s">
        <v>50</v>
      </c>
      <c r="V8" s="16" t="s">
        <v>51</v>
      </c>
      <c r="W8" s="17" t="s">
        <v>45</v>
      </c>
      <c r="X8" s="627"/>
      <c r="Y8" s="40" t="s">
        <v>43</v>
      </c>
      <c r="Z8" s="16" t="s">
        <v>44</v>
      </c>
      <c r="AA8" s="17" t="s">
        <v>45</v>
      </c>
      <c r="AB8" s="42" t="s">
        <v>83</v>
      </c>
      <c r="AC8" s="16" t="s">
        <v>47</v>
      </c>
      <c r="AD8" s="16" t="s">
        <v>48</v>
      </c>
      <c r="AE8" s="16" t="s">
        <v>49</v>
      </c>
      <c r="AF8" s="16" t="s">
        <v>50</v>
      </c>
      <c r="AG8" s="16" t="s">
        <v>51</v>
      </c>
      <c r="AH8" s="17" t="s">
        <v>45</v>
      </c>
      <c r="AI8" s="609"/>
      <c r="AJ8" s="40" t="s">
        <v>43</v>
      </c>
      <c r="AK8" s="16" t="s">
        <v>44</v>
      </c>
      <c r="AL8" s="41" t="s">
        <v>45</v>
      </c>
      <c r="AM8" s="42" t="s">
        <v>83</v>
      </c>
      <c r="AN8" s="16" t="s">
        <v>47</v>
      </c>
      <c r="AO8" s="16" t="s">
        <v>48</v>
      </c>
      <c r="AP8" s="16" t="s">
        <v>49</v>
      </c>
      <c r="AQ8" s="16" t="s">
        <v>50</v>
      </c>
      <c r="AR8" s="16" t="s">
        <v>51</v>
      </c>
      <c r="AS8" s="17" t="s">
        <v>45</v>
      </c>
      <c r="AT8" s="609"/>
      <c r="AU8" s="40" t="s">
        <v>43</v>
      </c>
      <c r="AV8" s="16" t="s">
        <v>44</v>
      </c>
      <c r="AW8" s="41" t="s">
        <v>45</v>
      </c>
      <c r="AX8" s="42" t="s">
        <v>83</v>
      </c>
      <c r="AY8" s="16" t="s">
        <v>47</v>
      </c>
      <c r="AZ8" s="16" t="s">
        <v>48</v>
      </c>
      <c r="BA8" s="16" t="s">
        <v>49</v>
      </c>
      <c r="BB8" s="16" t="s">
        <v>50</v>
      </c>
      <c r="BC8" s="16" t="s">
        <v>51</v>
      </c>
      <c r="BD8" s="17" t="s">
        <v>45</v>
      </c>
      <c r="BE8" s="609"/>
      <c r="BF8" s="61" t="s">
        <v>43</v>
      </c>
      <c r="BG8" s="16" t="s">
        <v>44</v>
      </c>
      <c r="BH8" s="41" t="s">
        <v>45</v>
      </c>
      <c r="BI8" s="42" t="s">
        <v>83</v>
      </c>
      <c r="BJ8" s="16" t="s">
        <v>47</v>
      </c>
      <c r="BK8" s="16" t="s">
        <v>48</v>
      </c>
      <c r="BL8" s="16" t="s">
        <v>49</v>
      </c>
      <c r="BM8" s="16" t="s">
        <v>50</v>
      </c>
      <c r="BN8" s="16" t="s">
        <v>51</v>
      </c>
      <c r="BO8" s="17" t="s">
        <v>45</v>
      </c>
      <c r="BP8" s="609"/>
      <c r="BQ8" s="40" t="s">
        <v>43</v>
      </c>
      <c r="BR8" s="16" t="s">
        <v>44</v>
      </c>
      <c r="BS8" s="41" t="s">
        <v>45</v>
      </c>
      <c r="BT8" s="42" t="s">
        <v>83</v>
      </c>
      <c r="BU8" s="16" t="s">
        <v>47</v>
      </c>
      <c r="BV8" s="16" t="s">
        <v>48</v>
      </c>
      <c r="BW8" s="16" t="s">
        <v>49</v>
      </c>
      <c r="BX8" s="16" t="s">
        <v>50</v>
      </c>
      <c r="BY8" s="16" t="s">
        <v>51</v>
      </c>
      <c r="BZ8" s="17" t="s">
        <v>45</v>
      </c>
      <c r="CA8" s="609"/>
      <c r="CB8" s="40" t="s">
        <v>43</v>
      </c>
      <c r="CC8" s="16" t="s">
        <v>44</v>
      </c>
      <c r="CD8" s="41" t="s">
        <v>45</v>
      </c>
      <c r="CE8" s="42" t="s">
        <v>83</v>
      </c>
      <c r="CF8" s="16" t="s">
        <v>47</v>
      </c>
      <c r="CG8" s="16" t="s">
        <v>48</v>
      </c>
      <c r="CH8" s="16" t="s">
        <v>49</v>
      </c>
      <c r="CI8" s="16" t="s">
        <v>50</v>
      </c>
      <c r="CJ8" s="16" t="s">
        <v>51</v>
      </c>
      <c r="CK8" s="17" t="s">
        <v>45</v>
      </c>
      <c r="CL8" s="627"/>
      <c r="CM8" s="40" t="s">
        <v>43</v>
      </c>
      <c r="CN8" s="16" t="s">
        <v>44</v>
      </c>
      <c r="CO8" s="17" t="s">
        <v>45</v>
      </c>
      <c r="CP8" s="42" t="s">
        <v>83</v>
      </c>
      <c r="CQ8" s="16" t="s">
        <v>47</v>
      </c>
      <c r="CR8" s="16" t="s">
        <v>48</v>
      </c>
      <c r="CS8" s="16" t="s">
        <v>49</v>
      </c>
      <c r="CT8" s="16" t="s">
        <v>50</v>
      </c>
      <c r="CU8" s="16" t="s">
        <v>51</v>
      </c>
      <c r="CV8" s="17" t="s">
        <v>45</v>
      </c>
      <c r="CW8" s="627"/>
      <c r="CX8" s="40" t="s">
        <v>43</v>
      </c>
      <c r="CY8" s="16" t="s">
        <v>44</v>
      </c>
      <c r="CZ8" s="17" t="s">
        <v>45</v>
      </c>
      <c r="DA8" s="42" t="s">
        <v>83</v>
      </c>
      <c r="DB8" s="16" t="s">
        <v>47</v>
      </c>
      <c r="DC8" s="16" t="s">
        <v>48</v>
      </c>
      <c r="DD8" s="16" t="s">
        <v>49</v>
      </c>
      <c r="DE8" s="16" t="s">
        <v>50</v>
      </c>
      <c r="DF8" s="16" t="s">
        <v>51</v>
      </c>
      <c r="DG8" s="17" t="s">
        <v>45</v>
      </c>
      <c r="DH8" s="627"/>
      <c r="DI8" s="40" t="s">
        <v>43</v>
      </c>
      <c r="DJ8" s="16" t="s">
        <v>44</v>
      </c>
      <c r="DK8" s="17" t="s">
        <v>45</v>
      </c>
      <c r="DL8" s="42" t="s">
        <v>83</v>
      </c>
      <c r="DM8" s="16" t="s">
        <v>47</v>
      </c>
      <c r="DN8" s="16" t="s">
        <v>48</v>
      </c>
      <c r="DO8" s="16" t="s">
        <v>49</v>
      </c>
      <c r="DP8" s="16" t="s">
        <v>50</v>
      </c>
      <c r="DQ8" s="16" t="s">
        <v>51</v>
      </c>
      <c r="DR8" s="17" t="s">
        <v>45</v>
      </c>
      <c r="DS8" s="627"/>
      <c r="DT8" s="40" t="s">
        <v>43</v>
      </c>
      <c r="DU8" s="16" t="s">
        <v>44</v>
      </c>
      <c r="DV8" s="41" t="s">
        <v>45</v>
      </c>
      <c r="DW8" s="42" t="s">
        <v>83</v>
      </c>
      <c r="DX8" s="16" t="s">
        <v>47</v>
      </c>
      <c r="DY8" s="16" t="s">
        <v>48</v>
      </c>
      <c r="DZ8" s="16" t="s">
        <v>49</v>
      </c>
      <c r="EA8" s="16" t="s">
        <v>50</v>
      </c>
      <c r="EB8" s="16" t="s">
        <v>51</v>
      </c>
      <c r="EC8" s="17" t="s">
        <v>45</v>
      </c>
      <c r="ED8" s="609"/>
      <c r="EE8" s="40" t="s">
        <v>43</v>
      </c>
      <c r="EF8" s="16" t="s">
        <v>44</v>
      </c>
      <c r="EG8" s="41" t="s">
        <v>45</v>
      </c>
      <c r="EH8" s="42" t="s">
        <v>83</v>
      </c>
      <c r="EI8" s="16" t="s">
        <v>47</v>
      </c>
      <c r="EJ8" s="16" t="s">
        <v>48</v>
      </c>
      <c r="EK8" s="16" t="s">
        <v>49</v>
      </c>
      <c r="EL8" s="16" t="s">
        <v>50</v>
      </c>
      <c r="EM8" s="16" t="s">
        <v>51</v>
      </c>
      <c r="EN8" s="17" t="s">
        <v>45</v>
      </c>
      <c r="EO8" s="609"/>
      <c r="EP8" s="40" t="s">
        <v>43</v>
      </c>
      <c r="EQ8" s="16" t="s">
        <v>44</v>
      </c>
      <c r="ER8" s="41" t="s">
        <v>45</v>
      </c>
      <c r="ES8" s="42" t="s">
        <v>83</v>
      </c>
      <c r="ET8" s="16" t="s">
        <v>47</v>
      </c>
      <c r="EU8" s="16" t="s">
        <v>48</v>
      </c>
      <c r="EV8" s="16" t="s">
        <v>49</v>
      </c>
      <c r="EW8" s="16" t="s">
        <v>50</v>
      </c>
      <c r="EX8" s="16" t="s">
        <v>51</v>
      </c>
      <c r="EY8" s="17" t="s">
        <v>45</v>
      </c>
      <c r="EZ8" s="609"/>
      <c r="FA8" s="40" t="s">
        <v>43</v>
      </c>
      <c r="FB8" s="16" t="s">
        <v>44</v>
      </c>
      <c r="FC8" s="41" t="s">
        <v>45</v>
      </c>
      <c r="FD8" s="42" t="s">
        <v>83</v>
      </c>
      <c r="FE8" s="16" t="s">
        <v>47</v>
      </c>
      <c r="FF8" s="16" t="s">
        <v>48</v>
      </c>
      <c r="FG8" s="16" t="s">
        <v>49</v>
      </c>
      <c r="FH8" s="16" t="s">
        <v>50</v>
      </c>
      <c r="FI8" s="16" t="s">
        <v>51</v>
      </c>
      <c r="FJ8" s="17" t="s">
        <v>45</v>
      </c>
      <c r="FK8" s="609"/>
      <c r="FL8" s="40" t="s">
        <v>43</v>
      </c>
      <c r="FM8" s="16" t="s">
        <v>44</v>
      </c>
      <c r="FN8" s="41" t="s">
        <v>45</v>
      </c>
      <c r="FO8" s="42" t="s">
        <v>83</v>
      </c>
      <c r="FP8" s="16" t="s">
        <v>47</v>
      </c>
      <c r="FQ8" s="16" t="s">
        <v>48</v>
      </c>
      <c r="FR8" s="16" t="s">
        <v>49</v>
      </c>
      <c r="FS8" s="16" t="s">
        <v>50</v>
      </c>
      <c r="FT8" s="16" t="s">
        <v>51</v>
      </c>
      <c r="FU8" s="17" t="s">
        <v>45</v>
      </c>
      <c r="FV8" s="647"/>
      <c r="FW8" s="40" t="s">
        <v>43</v>
      </c>
      <c r="FX8" s="16" t="s">
        <v>44</v>
      </c>
      <c r="FY8" s="41" t="s">
        <v>45</v>
      </c>
      <c r="FZ8" s="42" t="s">
        <v>83</v>
      </c>
      <c r="GA8" s="16" t="s">
        <v>47</v>
      </c>
      <c r="GB8" s="16" t="s">
        <v>48</v>
      </c>
      <c r="GC8" s="16" t="s">
        <v>49</v>
      </c>
      <c r="GD8" s="16" t="s">
        <v>50</v>
      </c>
      <c r="GE8" s="16" t="s">
        <v>51</v>
      </c>
      <c r="GF8" s="17" t="s">
        <v>45</v>
      </c>
      <c r="GG8" s="609"/>
      <c r="GH8" s="40" t="s">
        <v>43</v>
      </c>
      <c r="GI8" s="16" t="s">
        <v>44</v>
      </c>
      <c r="GJ8" s="41" t="s">
        <v>45</v>
      </c>
      <c r="GK8" s="42" t="s">
        <v>83</v>
      </c>
      <c r="GL8" s="16" t="s">
        <v>47</v>
      </c>
      <c r="GM8" s="16" t="s">
        <v>48</v>
      </c>
      <c r="GN8" s="16" t="s">
        <v>49</v>
      </c>
      <c r="GO8" s="16" t="s">
        <v>50</v>
      </c>
      <c r="GP8" s="16" t="s">
        <v>51</v>
      </c>
      <c r="GQ8" s="17" t="s">
        <v>45</v>
      </c>
      <c r="GR8" s="646"/>
      <c r="GS8" s="40" t="s">
        <v>43</v>
      </c>
      <c r="GT8" s="16" t="s">
        <v>44</v>
      </c>
      <c r="GU8" s="41" t="s">
        <v>45</v>
      </c>
      <c r="GV8" s="42" t="s">
        <v>83</v>
      </c>
      <c r="GW8" s="16" t="s">
        <v>47</v>
      </c>
      <c r="GX8" s="16" t="s">
        <v>48</v>
      </c>
      <c r="GY8" s="16" t="s">
        <v>49</v>
      </c>
      <c r="GZ8" s="16" t="s">
        <v>50</v>
      </c>
      <c r="HA8" s="16" t="s">
        <v>51</v>
      </c>
      <c r="HB8" s="17" t="s">
        <v>45</v>
      </c>
      <c r="HC8" s="646"/>
      <c r="HD8" s="40" t="s">
        <v>43</v>
      </c>
      <c r="HE8" s="16" t="s">
        <v>44</v>
      </c>
      <c r="HF8" s="41" t="s">
        <v>45</v>
      </c>
      <c r="HG8" s="42" t="s">
        <v>83</v>
      </c>
      <c r="HH8" s="16" t="s">
        <v>47</v>
      </c>
      <c r="HI8" s="16" t="s">
        <v>48</v>
      </c>
      <c r="HJ8" s="16" t="s">
        <v>49</v>
      </c>
      <c r="HK8" s="16" t="s">
        <v>50</v>
      </c>
      <c r="HL8" s="16" t="s">
        <v>51</v>
      </c>
      <c r="HM8" s="17" t="s">
        <v>45</v>
      </c>
      <c r="HN8" s="609"/>
      <c r="HO8" s="40" t="s">
        <v>43</v>
      </c>
      <c r="HP8" s="16" t="s">
        <v>44</v>
      </c>
      <c r="HQ8" s="41" t="s">
        <v>45</v>
      </c>
      <c r="HR8" s="42" t="s">
        <v>83</v>
      </c>
      <c r="HS8" s="16" t="s">
        <v>47</v>
      </c>
      <c r="HT8" s="16" t="s">
        <v>48</v>
      </c>
      <c r="HU8" s="16" t="s">
        <v>49</v>
      </c>
      <c r="HV8" s="16" t="s">
        <v>50</v>
      </c>
      <c r="HW8" s="16" t="s">
        <v>51</v>
      </c>
      <c r="HX8" s="17" t="s">
        <v>45</v>
      </c>
      <c r="HY8" s="609"/>
      <c r="HZ8" s="366" t="s">
        <v>43</v>
      </c>
      <c r="IA8" s="367" t="s">
        <v>44</v>
      </c>
      <c r="IB8" s="41" t="s">
        <v>45</v>
      </c>
      <c r="IC8" s="42" t="s">
        <v>83</v>
      </c>
      <c r="ID8" s="367" t="s">
        <v>47</v>
      </c>
      <c r="IE8" s="367" t="s">
        <v>48</v>
      </c>
      <c r="IF8" s="367" t="s">
        <v>49</v>
      </c>
      <c r="IG8" s="367" t="s">
        <v>50</v>
      </c>
      <c r="IH8" s="367" t="s">
        <v>51</v>
      </c>
      <c r="II8" s="17" t="s">
        <v>45</v>
      </c>
      <c r="IJ8" s="647"/>
      <c r="IK8" s="366" t="s">
        <v>43</v>
      </c>
      <c r="IL8" s="367"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28" customFormat="1" ht="21" customHeight="1" x14ac:dyDescent="0.2">
      <c r="A9" s="44"/>
      <c r="B9" s="384" t="s">
        <v>4</v>
      </c>
      <c r="C9" s="385">
        <v>412399216</v>
      </c>
      <c r="D9" s="386">
        <v>841721237</v>
      </c>
      <c r="E9" s="387">
        <v>1254120453</v>
      </c>
      <c r="F9" s="388">
        <v>0</v>
      </c>
      <c r="G9" s="386">
        <v>5306034830</v>
      </c>
      <c r="H9" s="386">
        <v>7201585099</v>
      </c>
      <c r="I9" s="386">
        <v>6103335698</v>
      </c>
      <c r="J9" s="386">
        <v>5800816259</v>
      </c>
      <c r="K9" s="386">
        <v>4369409907</v>
      </c>
      <c r="L9" s="389">
        <v>28781181793</v>
      </c>
      <c r="M9" s="390">
        <v>30035302246</v>
      </c>
      <c r="N9" s="385">
        <v>98220195</v>
      </c>
      <c r="O9" s="386">
        <v>251899192</v>
      </c>
      <c r="P9" s="391">
        <v>350119387</v>
      </c>
      <c r="Q9" s="385">
        <v>0</v>
      </c>
      <c r="R9" s="386">
        <v>1531467426</v>
      </c>
      <c r="S9" s="386">
        <v>2351471134</v>
      </c>
      <c r="T9" s="386">
        <v>2038377638</v>
      </c>
      <c r="U9" s="386">
        <v>2235393458</v>
      </c>
      <c r="V9" s="386">
        <v>2258914258</v>
      </c>
      <c r="W9" s="391">
        <v>10415623914</v>
      </c>
      <c r="X9" s="390">
        <v>10765743301</v>
      </c>
      <c r="Y9" s="385">
        <v>5145</v>
      </c>
      <c r="Z9" s="386">
        <v>57284</v>
      </c>
      <c r="AA9" s="391">
        <v>62429</v>
      </c>
      <c r="AB9" s="392">
        <v>0</v>
      </c>
      <c r="AC9" s="393">
        <v>732071999</v>
      </c>
      <c r="AD9" s="393">
        <v>1169412124</v>
      </c>
      <c r="AE9" s="393">
        <v>1137565618</v>
      </c>
      <c r="AF9" s="393">
        <v>1296974404</v>
      </c>
      <c r="AG9" s="393">
        <v>1320739080</v>
      </c>
      <c r="AH9" s="391">
        <v>5656763225</v>
      </c>
      <c r="AI9" s="390">
        <v>5656825654</v>
      </c>
      <c r="AJ9" s="394">
        <v>54968</v>
      </c>
      <c r="AK9" s="393">
        <v>647313</v>
      </c>
      <c r="AL9" s="391">
        <v>702281</v>
      </c>
      <c r="AM9" s="392">
        <v>0</v>
      </c>
      <c r="AN9" s="393">
        <v>6895681</v>
      </c>
      <c r="AO9" s="389">
        <v>28660565</v>
      </c>
      <c r="AP9" s="393">
        <v>52097394</v>
      </c>
      <c r="AQ9" s="393">
        <v>128269917</v>
      </c>
      <c r="AR9" s="393">
        <v>247566650</v>
      </c>
      <c r="AS9" s="391">
        <v>463490207</v>
      </c>
      <c r="AT9" s="390">
        <v>464192488</v>
      </c>
      <c r="AU9" s="394">
        <v>55729222</v>
      </c>
      <c r="AV9" s="393">
        <v>178965714</v>
      </c>
      <c r="AW9" s="391">
        <v>234694936</v>
      </c>
      <c r="AX9" s="392">
        <v>0</v>
      </c>
      <c r="AY9" s="393">
        <v>496573071</v>
      </c>
      <c r="AZ9" s="393">
        <v>774944796</v>
      </c>
      <c r="BA9" s="393">
        <v>515173605</v>
      </c>
      <c r="BB9" s="393">
        <v>483144974</v>
      </c>
      <c r="BC9" s="393">
        <v>444124042</v>
      </c>
      <c r="BD9" s="391">
        <v>2713960488</v>
      </c>
      <c r="BE9" s="395">
        <v>2948655424</v>
      </c>
      <c r="BF9" s="394">
        <v>6791107</v>
      </c>
      <c r="BG9" s="389">
        <v>27859016</v>
      </c>
      <c r="BH9" s="396">
        <v>34650123</v>
      </c>
      <c r="BI9" s="392">
        <v>0</v>
      </c>
      <c r="BJ9" s="393">
        <v>42030932</v>
      </c>
      <c r="BK9" s="393">
        <v>70234128</v>
      </c>
      <c r="BL9" s="393">
        <v>48195768</v>
      </c>
      <c r="BM9" s="393">
        <v>41858922</v>
      </c>
      <c r="BN9" s="393">
        <v>25137398</v>
      </c>
      <c r="BO9" s="391">
        <v>227457148</v>
      </c>
      <c r="BP9" s="390">
        <v>262107271</v>
      </c>
      <c r="BQ9" s="394">
        <v>35639753</v>
      </c>
      <c r="BR9" s="393">
        <v>44369865</v>
      </c>
      <c r="BS9" s="391">
        <v>80009618</v>
      </c>
      <c r="BT9" s="392">
        <v>0</v>
      </c>
      <c r="BU9" s="393">
        <v>253895743</v>
      </c>
      <c r="BV9" s="393">
        <v>308219521</v>
      </c>
      <c r="BW9" s="393">
        <v>285345253</v>
      </c>
      <c r="BX9" s="393">
        <v>285145241</v>
      </c>
      <c r="BY9" s="393">
        <v>221347088</v>
      </c>
      <c r="BZ9" s="391">
        <v>1353952846</v>
      </c>
      <c r="CA9" s="390">
        <v>1433962464</v>
      </c>
      <c r="CB9" s="394">
        <v>37729092</v>
      </c>
      <c r="CC9" s="393">
        <v>110802667</v>
      </c>
      <c r="CD9" s="391">
        <v>148531759</v>
      </c>
      <c r="CE9" s="392">
        <v>0</v>
      </c>
      <c r="CF9" s="393">
        <v>1489434822</v>
      </c>
      <c r="CG9" s="393">
        <v>1965474706</v>
      </c>
      <c r="CH9" s="397">
        <v>1400417408</v>
      </c>
      <c r="CI9" s="393">
        <v>953483531</v>
      </c>
      <c r="CJ9" s="393">
        <v>473799305</v>
      </c>
      <c r="CK9" s="391">
        <v>6282609772</v>
      </c>
      <c r="CL9" s="390">
        <v>6431141531</v>
      </c>
      <c r="CM9" s="385">
        <v>0</v>
      </c>
      <c r="CN9" s="386">
        <v>0</v>
      </c>
      <c r="CO9" s="391">
        <v>0</v>
      </c>
      <c r="CP9" s="392">
        <v>0</v>
      </c>
      <c r="CQ9" s="393">
        <v>1253953708</v>
      </c>
      <c r="CR9" s="393">
        <v>1527464638</v>
      </c>
      <c r="CS9" s="393">
        <v>1085594980</v>
      </c>
      <c r="CT9" s="393">
        <v>723733772</v>
      </c>
      <c r="CU9" s="393">
        <v>380917041</v>
      </c>
      <c r="CV9" s="398">
        <v>4971664139</v>
      </c>
      <c r="CW9" s="390">
        <v>4971664139</v>
      </c>
      <c r="CX9" s="394">
        <v>37729092</v>
      </c>
      <c r="CY9" s="393">
        <v>110802667</v>
      </c>
      <c r="CZ9" s="391">
        <v>148531759</v>
      </c>
      <c r="DA9" s="392">
        <v>0</v>
      </c>
      <c r="DB9" s="393">
        <v>235481114</v>
      </c>
      <c r="DC9" s="393">
        <v>438010068</v>
      </c>
      <c r="DD9" s="393">
        <v>314822428</v>
      </c>
      <c r="DE9" s="393">
        <v>229749759</v>
      </c>
      <c r="DF9" s="393">
        <v>92882264</v>
      </c>
      <c r="DG9" s="391">
        <v>1310945633</v>
      </c>
      <c r="DH9" s="390">
        <v>1459477392</v>
      </c>
      <c r="DI9" s="394">
        <v>2228994</v>
      </c>
      <c r="DJ9" s="393">
        <v>8515179</v>
      </c>
      <c r="DK9" s="396">
        <v>10744173</v>
      </c>
      <c r="DL9" s="392">
        <v>0</v>
      </c>
      <c r="DM9" s="393">
        <v>137392973</v>
      </c>
      <c r="DN9" s="393">
        <v>306883523</v>
      </c>
      <c r="DO9" s="393">
        <v>569095891</v>
      </c>
      <c r="DP9" s="393">
        <v>470880279</v>
      </c>
      <c r="DQ9" s="393">
        <v>261391328</v>
      </c>
      <c r="DR9" s="399">
        <v>1745643994</v>
      </c>
      <c r="DS9" s="390">
        <v>1756388167</v>
      </c>
      <c r="DT9" s="394">
        <v>2173791</v>
      </c>
      <c r="DU9" s="393">
        <v>7622924</v>
      </c>
      <c r="DV9" s="391">
        <v>9796715</v>
      </c>
      <c r="DW9" s="392">
        <v>0</v>
      </c>
      <c r="DX9" s="393">
        <v>125115767</v>
      </c>
      <c r="DY9" s="393">
        <v>270073419</v>
      </c>
      <c r="DZ9" s="393">
        <v>519887969</v>
      </c>
      <c r="EA9" s="393">
        <v>421615099</v>
      </c>
      <c r="EB9" s="393">
        <v>228097417</v>
      </c>
      <c r="EC9" s="391">
        <v>1564789671</v>
      </c>
      <c r="ED9" s="390">
        <v>1574586386</v>
      </c>
      <c r="EE9" s="394">
        <v>55203</v>
      </c>
      <c r="EF9" s="389">
        <v>892255</v>
      </c>
      <c r="EG9" s="391">
        <v>947458</v>
      </c>
      <c r="EH9" s="395">
        <v>0</v>
      </c>
      <c r="EI9" s="393">
        <v>12277206</v>
      </c>
      <c r="EJ9" s="393">
        <v>36810104</v>
      </c>
      <c r="EK9" s="393">
        <v>49207922</v>
      </c>
      <c r="EL9" s="393">
        <v>49265180</v>
      </c>
      <c r="EM9" s="397">
        <v>33293911</v>
      </c>
      <c r="EN9" s="389">
        <v>180854323</v>
      </c>
      <c r="EO9" s="390">
        <v>181801781</v>
      </c>
      <c r="EP9" s="394">
        <v>0</v>
      </c>
      <c r="EQ9" s="393">
        <v>0</v>
      </c>
      <c r="ER9" s="389">
        <v>0</v>
      </c>
      <c r="ES9" s="392">
        <v>0</v>
      </c>
      <c r="ET9" s="393">
        <v>0</v>
      </c>
      <c r="EU9" s="393">
        <v>0</v>
      </c>
      <c r="EV9" s="393">
        <v>0</v>
      </c>
      <c r="EW9" s="393">
        <v>0</v>
      </c>
      <c r="EX9" s="393">
        <v>0</v>
      </c>
      <c r="EY9" s="398">
        <v>0</v>
      </c>
      <c r="EZ9" s="390">
        <v>0</v>
      </c>
      <c r="FA9" s="394">
        <v>0</v>
      </c>
      <c r="FB9" s="393">
        <v>0</v>
      </c>
      <c r="FC9" s="389">
        <v>0</v>
      </c>
      <c r="FD9" s="400"/>
      <c r="FE9" s="393">
        <v>0</v>
      </c>
      <c r="FF9" s="393">
        <v>0</v>
      </c>
      <c r="FG9" s="393">
        <v>0</v>
      </c>
      <c r="FH9" s="393">
        <v>0</v>
      </c>
      <c r="FI9" s="393">
        <v>0</v>
      </c>
      <c r="FJ9" s="398">
        <v>0</v>
      </c>
      <c r="FK9" s="390">
        <v>0</v>
      </c>
      <c r="FL9" s="394">
        <v>103962016</v>
      </c>
      <c r="FM9" s="393">
        <v>208127342</v>
      </c>
      <c r="FN9" s="391">
        <v>312089358</v>
      </c>
      <c r="FO9" s="392">
        <v>0</v>
      </c>
      <c r="FP9" s="393">
        <v>267900489</v>
      </c>
      <c r="FQ9" s="393">
        <v>658562359</v>
      </c>
      <c r="FR9" s="393">
        <v>470796408</v>
      </c>
      <c r="FS9" s="393">
        <v>422629191</v>
      </c>
      <c r="FT9" s="393">
        <v>314325289</v>
      </c>
      <c r="FU9" s="391">
        <v>2134213736</v>
      </c>
      <c r="FV9" s="390">
        <v>2446303094</v>
      </c>
      <c r="FW9" s="394">
        <v>52140674</v>
      </c>
      <c r="FX9" s="393">
        <v>143015332</v>
      </c>
      <c r="FY9" s="389">
        <v>195156006</v>
      </c>
      <c r="FZ9" s="395">
        <v>0</v>
      </c>
      <c r="GA9" s="393">
        <v>198932431</v>
      </c>
      <c r="GB9" s="401">
        <v>585990358</v>
      </c>
      <c r="GC9" s="393">
        <v>425177868</v>
      </c>
      <c r="GD9" s="401">
        <v>389008418</v>
      </c>
      <c r="GE9" s="393">
        <v>298017993</v>
      </c>
      <c r="GF9" s="398">
        <v>1897127068</v>
      </c>
      <c r="GG9" s="402">
        <v>2092283074</v>
      </c>
      <c r="GH9" s="403">
        <v>7124474</v>
      </c>
      <c r="GI9" s="393">
        <v>14155095</v>
      </c>
      <c r="GJ9" s="401">
        <v>21279569</v>
      </c>
      <c r="GK9" s="388">
        <v>0</v>
      </c>
      <c r="GL9" s="393">
        <v>17232112</v>
      </c>
      <c r="GM9" s="389">
        <v>25644738</v>
      </c>
      <c r="GN9" s="393">
        <v>17745531</v>
      </c>
      <c r="GO9" s="389">
        <v>15438896</v>
      </c>
      <c r="GP9" s="393">
        <v>7272467</v>
      </c>
      <c r="GQ9" s="399">
        <v>83333744</v>
      </c>
      <c r="GR9" s="390">
        <v>104613313</v>
      </c>
      <c r="GS9" s="389">
        <v>44696868</v>
      </c>
      <c r="GT9" s="393">
        <v>50956915</v>
      </c>
      <c r="GU9" s="391">
        <v>95653783</v>
      </c>
      <c r="GV9" s="389">
        <v>0</v>
      </c>
      <c r="GW9" s="393">
        <v>51735946</v>
      </c>
      <c r="GX9" s="389">
        <v>46927263</v>
      </c>
      <c r="GY9" s="393">
        <v>27873009</v>
      </c>
      <c r="GZ9" s="389">
        <v>18181877</v>
      </c>
      <c r="HA9" s="393">
        <v>9034829</v>
      </c>
      <c r="HB9" s="389">
        <v>153752924</v>
      </c>
      <c r="HC9" s="390">
        <v>249406707</v>
      </c>
      <c r="HD9" s="389">
        <v>100578339</v>
      </c>
      <c r="HE9" s="393">
        <v>124842782</v>
      </c>
      <c r="HF9" s="389">
        <v>225421121</v>
      </c>
      <c r="HG9" s="395">
        <v>0</v>
      </c>
      <c r="HH9" s="393">
        <v>1034360797</v>
      </c>
      <c r="HI9" s="401">
        <v>1018331676</v>
      </c>
      <c r="HJ9" s="393">
        <v>1025755496</v>
      </c>
      <c r="HK9" s="401">
        <v>1296710562</v>
      </c>
      <c r="HL9" s="393">
        <v>804369024</v>
      </c>
      <c r="HM9" s="398">
        <v>5179527555</v>
      </c>
      <c r="HN9" s="389">
        <v>5404948676</v>
      </c>
      <c r="HO9" s="403">
        <v>69680580</v>
      </c>
      <c r="HP9" s="393">
        <v>137534075</v>
      </c>
      <c r="HQ9" s="398">
        <v>207214655</v>
      </c>
      <c r="HR9" s="389">
        <v>0</v>
      </c>
      <c r="HS9" s="393">
        <v>845478323</v>
      </c>
      <c r="HT9" s="389">
        <v>900861701</v>
      </c>
      <c r="HU9" s="393">
        <v>598892857</v>
      </c>
      <c r="HV9" s="389">
        <v>421719238</v>
      </c>
      <c r="HW9" s="393">
        <v>256610703</v>
      </c>
      <c r="HX9" s="389">
        <v>3023562822</v>
      </c>
      <c r="HY9" s="390">
        <v>3230777477</v>
      </c>
      <c r="HZ9" s="404">
        <v>8761466</v>
      </c>
      <c r="IA9" s="405">
        <v>32956571</v>
      </c>
      <c r="IB9" s="406">
        <v>41718037</v>
      </c>
      <c r="IC9" s="407">
        <v>0</v>
      </c>
      <c r="ID9" s="405">
        <v>1649240988</v>
      </c>
      <c r="IE9" s="408">
        <v>2179332784</v>
      </c>
      <c r="IF9" s="409">
        <v>2357011818</v>
      </c>
      <c r="IG9" s="405">
        <v>1731587816</v>
      </c>
      <c r="IH9" s="409">
        <v>1287395271</v>
      </c>
      <c r="II9" s="410">
        <v>9204568677</v>
      </c>
      <c r="IJ9" s="411">
        <v>9246286714</v>
      </c>
      <c r="IK9" s="412">
        <v>0</v>
      </c>
      <c r="IL9" s="413">
        <v>0</v>
      </c>
      <c r="IM9" s="414">
        <v>0</v>
      </c>
      <c r="IN9" s="415"/>
      <c r="IO9" s="416">
        <v>25400609</v>
      </c>
      <c r="IP9" s="416">
        <v>46723485</v>
      </c>
      <c r="IQ9" s="416">
        <v>73494885</v>
      </c>
      <c r="IR9" s="416">
        <v>93740118</v>
      </c>
      <c r="IS9" s="416">
        <v>108920047</v>
      </c>
      <c r="IT9" s="417">
        <v>348279144</v>
      </c>
      <c r="IU9" s="418">
        <v>348279144</v>
      </c>
      <c r="IV9" s="419">
        <v>0</v>
      </c>
      <c r="IW9" s="416">
        <v>0</v>
      </c>
      <c r="IX9" s="420">
        <v>0</v>
      </c>
      <c r="IY9" s="421"/>
      <c r="IZ9" s="416">
        <v>3952242</v>
      </c>
      <c r="JA9" s="416">
        <v>10710891</v>
      </c>
      <c r="JB9" s="416">
        <v>12653032</v>
      </c>
      <c r="JC9" s="416">
        <v>14228355</v>
      </c>
      <c r="JD9" s="416">
        <v>18206048</v>
      </c>
      <c r="JE9" s="420">
        <v>59750568</v>
      </c>
      <c r="JF9" s="422">
        <v>59750568</v>
      </c>
      <c r="JG9" s="419">
        <v>0</v>
      </c>
      <c r="JH9" s="416">
        <v>0</v>
      </c>
      <c r="JI9" s="417">
        <v>0</v>
      </c>
      <c r="JJ9" s="423">
        <v>0</v>
      </c>
      <c r="JK9" s="416">
        <v>657244384</v>
      </c>
      <c r="JL9" s="416">
        <v>772522451</v>
      </c>
      <c r="JM9" s="416">
        <v>592425902</v>
      </c>
      <c r="JN9" s="416">
        <v>352487900</v>
      </c>
      <c r="JO9" s="416">
        <v>180306932</v>
      </c>
      <c r="JP9" s="420">
        <v>2554987569</v>
      </c>
      <c r="JQ9" s="418">
        <v>2554987569</v>
      </c>
      <c r="JR9" s="419">
        <v>265519</v>
      </c>
      <c r="JS9" s="416">
        <v>411007</v>
      </c>
      <c r="JT9" s="417">
        <v>676526</v>
      </c>
      <c r="JU9" s="423">
        <v>0</v>
      </c>
      <c r="JV9" s="416">
        <v>74475564</v>
      </c>
      <c r="JW9" s="416">
        <v>108922636</v>
      </c>
      <c r="JX9" s="416">
        <v>159137907</v>
      </c>
      <c r="JY9" s="416">
        <v>95187902</v>
      </c>
      <c r="JZ9" s="416">
        <v>77193905</v>
      </c>
      <c r="KA9" s="420">
        <v>514917914</v>
      </c>
      <c r="KB9" s="418">
        <v>515594440</v>
      </c>
      <c r="KC9" s="424">
        <v>8495947</v>
      </c>
      <c r="KD9" s="425">
        <v>23334787</v>
      </c>
      <c r="KE9" s="420">
        <v>31830734</v>
      </c>
      <c r="KF9" s="423">
        <v>0</v>
      </c>
      <c r="KG9" s="416">
        <v>182318749</v>
      </c>
      <c r="KH9" s="416">
        <v>292076222</v>
      </c>
      <c r="KI9" s="416">
        <v>359198274</v>
      </c>
      <c r="KJ9" s="416">
        <v>276639509</v>
      </c>
      <c r="KK9" s="416">
        <v>163447448</v>
      </c>
      <c r="KL9" s="420">
        <v>1273680202</v>
      </c>
      <c r="KM9" s="426">
        <v>1305510936</v>
      </c>
      <c r="KN9" s="412">
        <v>0</v>
      </c>
      <c r="KO9" s="413">
        <v>9210777</v>
      </c>
      <c r="KP9" s="414">
        <v>9210777</v>
      </c>
      <c r="KQ9" s="415"/>
      <c r="KR9" s="416">
        <v>667489089</v>
      </c>
      <c r="KS9" s="416">
        <v>868656797</v>
      </c>
      <c r="KT9" s="416">
        <v>991614029</v>
      </c>
      <c r="KU9" s="416">
        <v>672013875</v>
      </c>
      <c r="KV9" s="416">
        <v>496770466</v>
      </c>
      <c r="KW9" s="420">
        <v>3696544256</v>
      </c>
      <c r="KX9" s="418">
        <v>3705755033</v>
      </c>
      <c r="KY9" s="419">
        <v>0</v>
      </c>
      <c r="KZ9" s="416">
        <v>0</v>
      </c>
      <c r="LA9" s="420">
        <v>0</v>
      </c>
      <c r="LB9" s="427"/>
      <c r="LC9" s="416">
        <v>6049262</v>
      </c>
      <c r="LD9" s="416">
        <v>8065535</v>
      </c>
      <c r="LE9" s="416">
        <v>15006442</v>
      </c>
      <c r="LF9" s="416">
        <v>14560241</v>
      </c>
      <c r="LG9" s="416">
        <v>12607674</v>
      </c>
      <c r="LH9" s="420">
        <v>56289154</v>
      </c>
      <c r="LI9" s="422">
        <v>56289154</v>
      </c>
      <c r="LJ9" s="419">
        <v>0</v>
      </c>
      <c r="LK9" s="416">
        <v>0</v>
      </c>
      <c r="LL9" s="420">
        <v>0</v>
      </c>
      <c r="LM9" s="427"/>
      <c r="LN9" s="416">
        <v>3224210</v>
      </c>
      <c r="LO9" s="416">
        <v>7869024</v>
      </c>
      <c r="LP9" s="416">
        <v>67016254</v>
      </c>
      <c r="LQ9" s="416">
        <v>101698943</v>
      </c>
      <c r="LR9" s="416">
        <v>73062026</v>
      </c>
      <c r="LS9" s="420">
        <v>252870457</v>
      </c>
      <c r="LT9" s="418">
        <v>252870457</v>
      </c>
      <c r="LU9" s="419">
        <v>0</v>
      </c>
      <c r="LV9" s="416">
        <v>0</v>
      </c>
      <c r="LW9" s="420">
        <v>0</v>
      </c>
      <c r="LX9" s="427"/>
      <c r="LY9" s="416">
        <v>29086879</v>
      </c>
      <c r="LZ9" s="416">
        <v>63785743</v>
      </c>
      <c r="MA9" s="416">
        <v>86465093</v>
      </c>
      <c r="MB9" s="416">
        <v>111030973</v>
      </c>
      <c r="MC9" s="416">
        <v>156880725</v>
      </c>
      <c r="MD9" s="420">
        <v>447249413</v>
      </c>
      <c r="ME9" s="422">
        <v>447249413</v>
      </c>
      <c r="MF9" s="419">
        <v>0</v>
      </c>
      <c r="MG9" s="416">
        <v>0</v>
      </c>
      <c r="MH9" s="420">
        <v>0</v>
      </c>
      <c r="MI9" s="427"/>
      <c r="MJ9" s="416">
        <v>545667383</v>
      </c>
      <c r="MK9" s="416">
        <v>1351597019</v>
      </c>
      <c r="ML9" s="416">
        <v>4064059199</v>
      </c>
      <c r="MM9" s="416">
        <v>6173149469</v>
      </c>
      <c r="MN9" s="416">
        <v>4393703110</v>
      </c>
      <c r="MO9" s="420">
        <v>16528176180</v>
      </c>
      <c r="MP9" s="426">
        <v>16528176180</v>
      </c>
      <c r="MQ9" s="419">
        <v>0</v>
      </c>
      <c r="MR9" s="416">
        <v>0</v>
      </c>
      <c r="MS9" s="420">
        <v>0</v>
      </c>
      <c r="MT9" s="427"/>
      <c r="MU9" s="416">
        <v>99762983</v>
      </c>
      <c r="MV9" s="416">
        <v>362503306</v>
      </c>
      <c r="MW9" s="416">
        <v>2590834372</v>
      </c>
      <c r="MX9" s="416">
        <v>4182207273</v>
      </c>
      <c r="MY9" s="416">
        <v>3137422546</v>
      </c>
      <c r="MZ9" s="420">
        <v>10372730480</v>
      </c>
      <c r="NA9" s="426">
        <v>10372730480</v>
      </c>
      <c r="NB9" s="419">
        <v>0</v>
      </c>
      <c r="NC9" s="416">
        <v>0</v>
      </c>
      <c r="ND9" s="420">
        <v>0</v>
      </c>
      <c r="NE9" s="427"/>
      <c r="NF9" s="416">
        <v>442865491</v>
      </c>
      <c r="NG9" s="416">
        <v>982205043</v>
      </c>
      <c r="NH9" s="416">
        <v>1446460429</v>
      </c>
      <c r="NI9" s="416">
        <v>1828431555</v>
      </c>
      <c r="NJ9" s="416">
        <v>1006878380</v>
      </c>
      <c r="NK9" s="420">
        <v>5706840898</v>
      </c>
      <c r="NL9" s="418">
        <v>5706840898</v>
      </c>
      <c r="NM9" s="419">
        <v>0</v>
      </c>
      <c r="NN9" s="416">
        <v>0</v>
      </c>
      <c r="NO9" s="420">
        <v>0</v>
      </c>
      <c r="NP9" s="427"/>
      <c r="NQ9" s="416">
        <v>0</v>
      </c>
      <c r="NR9" s="416">
        <v>61599</v>
      </c>
      <c r="NS9" s="416">
        <v>4387534</v>
      </c>
      <c r="NT9" s="416">
        <v>45901628</v>
      </c>
      <c r="NU9" s="416">
        <v>68003692</v>
      </c>
      <c r="NV9" s="420">
        <v>118354453</v>
      </c>
      <c r="NW9" s="422">
        <v>118354453</v>
      </c>
      <c r="NX9" s="419">
        <v>0</v>
      </c>
      <c r="NY9" s="416">
        <v>0</v>
      </c>
      <c r="NZ9" s="420">
        <v>0</v>
      </c>
      <c r="OA9" s="427"/>
      <c r="OB9" s="416">
        <v>3038909</v>
      </c>
      <c r="OC9" s="416">
        <v>6827071</v>
      </c>
      <c r="OD9" s="416">
        <v>22376864</v>
      </c>
      <c r="OE9" s="416">
        <v>116609013</v>
      </c>
      <c r="OF9" s="416">
        <v>181398492</v>
      </c>
      <c r="OG9" s="420">
        <v>330250349</v>
      </c>
      <c r="OH9" s="422">
        <v>330250349</v>
      </c>
      <c r="OI9" s="419">
        <v>421160682</v>
      </c>
      <c r="OJ9" s="416">
        <v>874677808</v>
      </c>
      <c r="OK9" s="417">
        <v>1295838490</v>
      </c>
      <c r="OL9" s="423">
        <v>0</v>
      </c>
      <c r="OM9" s="416">
        <v>7500943201</v>
      </c>
      <c r="ON9" s="416">
        <v>10732514902</v>
      </c>
      <c r="OO9" s="416">
        <v>12524406715</v>
      </c>
      <c r="OP9" s="416">
        <v>13705553544</v>
      </c>
      <c r="OQ9" s="416">
        <v>10050508288</v>
      </c>
      <c r="OR9" s="420">
        <v>54513926650</v>
      </c>
      <c r="OS9" s="426">
        <v>55809765140</v>
      </c>
    </row>
    <row r="10" spans="1:409" s="428" customFormat="1" ht="21" customHeight="1" x14ac:dyDescent="0.2">
      <c r="A10" s="44"/>
      <c r="B10" s="429" t="s">
        <v>5</v>
      </c>
      <c r="C10" s="430">
        <v>174116576</v>
      </c>
      <c r="D10" s="431">
        <v>400820237</v>
      </c>
      <c r="E10" s="432">
        <v>574936813</v>
      </c>
      <c r="F10" s="433">
        <v>0</v>
      </c>
      <c r="G10" s="431">
        <v>1861377598</v>
      </c>
      <c r="H10" s="431">
        <v>3259137480</v>
      </c>
      <c r="I10" s="431">
        <v>2522228533</v>
      </c>
      <c r="J10" s="431">
        <v>2365621447</v>
      </c>
      <c r="K10" s="431">
        <v>1793307746</v>
      </c>
      <c r="L10" s="433">
        <v>11801672804</v>
      </c>
      <c r="M10" s="434">
        <v>12376609617</v>
      </c>
      <c r="N10" s="430">
        <v>43353697</v>
      </c>
      <c r="O10" s="431">
        <v>131863888</v>
      </c>
      <c r="P10" s="432">
        <v>175217585</v>
      </c>
      <c r="Q10" s="430">
        <v>0</v>
      </c>
      <c r="R10" s="431">
        <v>555556499</v>
      </c>
      <c r="S10" s="431">
        <v>1109721842</v>
      </c>
      <c r="T10" s="431">
        <v>849165392</v>
      </c>
      <c r="U10" s="431">
        <v>907494480</v>
      </c>
      <c r="V10" s="431">
        <v>927109830</v>
      </c>
      <c r="W10" s="432">
        <v>4349048043</v>
      </c>
      <c r="X10" s="434">
        <v>4524265628</v>
      </c>
      <c r="Y10" s="430">
        <v>5145</v>
      </c>
      <c r="Z10" s="431">
        <v>51210</v>
      </c>
      <c r="AA10" s="432">
        <v>56355</v>
      </c>
      <c r="AB10" s="430">
        <v>0</v>
      </c>
      <c r="AC10" s="431">
        <v>259341779</v>
      </c>
      <c r="AD10" s="431">
        <v>527923936</v>
      </c>
      <c r="AE10" s="431">
        <v>437637401</v>
      </c>
      <c r="AF10" s="431">
        <v>491150289</v>
      </c>
      <c r="AG10" s="431">
        <v>512229123</v>
      </c>
      <c r="AH10" s="432">
        <v>2228282528</v>
      </c>
      <c r="AI10" s="434">
        <v>2228338883</v>
      </c>
      <c r="AJ10" s="430">
        <v>43954</v>
      </c>
      <c r="AK10" s="431">
        <v>121185</v>
      </c>
      <c r="AL10" s="432">
        <v>165139</v>
      </c>
      <c r="AM10" s="430">
        <v>0</v>
      </c>
      <c r="AN10" s="431">
        <v>1512476</v>
      </c>
      <c r="AO10" s="431">
        <v>9941827</v>
      </c>
      <c r="AP10" s="431">
        <v>19146366</v>
      </c>
      <c r="AQ10" s="431">
        <v>52317263</v>
      </c>
      <c r="AR10" s="431">
        <v>110593776</v>
      </c>
      <c r="AS10" s="432">
        <v>193511708</v>
      </c>
      <c r="AT10" s="434">
        <v>193676847</v>
      </c>
      <c r="AU10" s="430">
        <v>24969571</v>
      </c>
      <c r="AV10" s="431">
        <v>95420381</v>
      </c>
      <c r="AW10" s="432">
        <v>120389952</v>
      </c>
      <c r="AX10" s="430">
        <v>0</v>
      </c>
      <c r="AY10" s="431">
        <v>187081203</v>
      </c>
      <c r="AZ10" s="431">
        <v>406901082</v>
      </c>
      <c r="BA10" s="431">
        <v>254990216</v>
      </c>
      <c r="BB10" s="431">
        <v>226942517</v>
      </c>
      <c r="BC10" s="431">
        <v>202062989</v>
      </c>
      <c r="BD10" s="432">
        <v>1277978007</v>
      </c>
      <c r="BE10" s="434">
        <v>1398367959</v>
      </c>
      <c r="BF10" s="430">
        <v>2970701</v>
      </c>
      <c r="BG10" s="431">
        <v>14756967</v>
      </c>
      <c r="BH10" s="435">
        <v>17727668</v>
      </c>
      <c r="BI10" s="436">
        <v>0</v>
      </c>
      <c r="BJ10" s="431">
        <v>10106669</v>
      </c>
      <c r="BK10" s="431">
        <v>27776718</v>
      </c>
      <c r="BL10" s="431">
        <v>19944331</v>
      </c>
      <c r="BM10" s="431">
        <v>18002135</v>
      </c>
      <c r="BN10" s="431">
        <v>9206683</v>
      </c>
      <c r="BO10" s="432">
        <v>85036536</v>
      </c>
      <c r="BP10" s="434">
        <v>102764204</v>
      </c>
      <c r="BQ10" s="430">
        <v>15364326</v>
      </c>
      <c r="BR10" s="431">
        <v>21514145</v>
      </c>
      <c r="BS10" s="432">
        <v>36878471</v>
      </c>
      <c r="BT10" s="430">
        <v>0</v>
      </c>
      <c r="BU10" s="431">
        <v>97514372</v>
      </c>
      <c r="BV10" s="431">
        <v>137178279</v>
      </c>
      <c r="BW10" s="431">
        <v>117447078</v>
      </c>
      <c r="BX10" s="431">
        <v>119082276</v>
      </c>
      <c r="BY10" s="431">
        <v>93017259</v>
      </c>
      <c r="BZ10" s="432">
        <v>564239264</v>
      </c>
      <c r="CA10" s="434">
        <v>601117735</v>
      </c>
      <c r="CB10" s="430">
        <v>16317378</v>
      </c>
      <c r="CC10" s="431">
        <v>50279374</v>
      </c>
      <c r="CD10" s="432">
        <v>66596752</v>
      </c>
      <c r="CE10" s="430">
        <v>0</v>
      </c>
      <c r="CF10" s="431">
        <v>472728557</v>
      </c>
      <c r="CG10" s="431">
        <v>811852744</v>
      </c>
      <c r="CH10" s="431">
        <v>531358713</v>
      </c>
      <c r="CI10" s="431">
        <v>344456773</v>
      </c>
      <c r="CJ10" s="431">
        <v>174054546</v>
      </c>
      <c r="CK10" s="432">
        <v>2334451333</v>
      </c>
      <c r="CL10" s="434">
        <v>2401048085</v>
      </c>
      <c r="CM10" s="430">
        <v>0</v>
      </c>
      <c r="CN10" s="431">
        <v>0</v>
      </c>
      <c r="CO10" s="432">
        <v>0</v>
      </c>
      <c r="CP10" s="436">
        <v>0</v>
      </c>
      <c r="CQ10" s="431">
        <v>400870601</v>
      </c>
      <c r="CR10" s="431">
        <v>614587174</v>
      </c>
      <c r="CS10" s="431">
        <v>389953287</v>
      </c>
      <c r="CT10" s="431">
        <v>245329715</v>
      </c>
      <c r="CU10" s="431">
        <v>132016019</v>
      </c>
      <c r="CV10" s="432">
        <v>1782756796</v>
      </c>
      <c r="CW10" s="434">
        <v>1782756796</v>
      </c>
      <c r="CX10" s="430">
        <v>16317378</v>
      </c>
      <c r="CY10" s="431">
        <v>50279374</v>
      </c>
      <c r="CZ10" s="432">
        <v>66596752</v>
      </c>
      <c r="DA10" s="430">
        <v>0</v>
      </c>
      <c r="DB10" s="431">
        <v>71857956</v>
      </c>
      <c r="DC10" s="431">
        <v>197265570</v>
      </c>
      <c r="DD10" s="431">
        <v>141405426</v>
      </c>
      <c r="DE10" s="431">
        <v>99127058</v>
      </c>
      <c r="DF10" s="431">
        <v>42038527</v>
      </c>
      <c r="DG10" s="432">
        <v>551694537</v>
      </c>
      <c r="DH10" s="434">
        <v>618291289</v>
      </c>
      <c r="DI10" s="430">
        <v>947207</v>
      </c>
      <c r="DJ10" s="431">
        <v>3534269</v>
      </c>
      <c r="DK10" s="435">
        <v>4481476</v>
      </c>
      <c r="DL10" s="436">
        <v>0</v>
      </c>
      <c r="DM10" s="431">
        <v>42591298</v>
      </c>
      <c r="DN10" s="431">
        <v>131576508</v>
      </c>
      <c r="DO10" s="431">
        <v>234398272</v>
      </c>
      <c r="DP10" s="431">
        <v>189580756</v>
      </c>
      <c r="DQ10" s="431">
        <v>108514173</v>
      </c>
      <c r="DR10" s="432">
        <v>706661007</v>
      </c>
      <c r="DS10" s="434">
        <v>711142483</v>
      </c>
      <c r="DT10" s="430">
        <v>892004</v>
      </c>
      <c r="DU10" s="431">
        <v>2944622</v>
      </c>
      <c r="DV10" s="432">
        <v>3836626</v>
      </c>
      <c r="DW10" s="430">
        <v>0</v>
      </c>
      <c r="DX10" s="431">
        <v>37111256</v>
      </c>
      <c r="DY10" s="431">
        <v>108669678</v>
      </c>
      <c r="DZ10" s="431">
        <v>205558844</v>
      </c>
      <c r="EA10" s="431">
        <v>162343707</v>
      </c>
      <c r="EB10" s="431">
        <v>88270643</v>
      </c>
      <c r="EC10" s="432">
        <v>601954128</v>
      </c>
      <c r="ED10" s="434">
        <v>605790754</v>
      </c>
      <c r="EE10" s="430">
        <v>55203</v>
      </c>
      <c r="EF10" s="435">
        <v>589647</v>
      </c>
      <c r="EG10" s="432">
        <v>644850</v>
      </c>
      <c r="EH10" s="430">
        <v>0</v>
      </c>
      <c r="EI10" s="431">
        <v>5480042</v>
      </c>
      <c r="EJ10" s="431">
        <v>22906830</v>
      </c>
      <c r="EK10" s="431">
        <v>28839428</v>
      </c>
      <c r="EL10" s="431">
        <v>27237049</v>
      </c>
      <c r="EM10" s="431">
        <v>20243530</v>
      </c>
      <c r="EN10" s="435">
        <v>104706879</v>
      </c>
      <c r="EO10" s="434">
        <v>105351729</v>
      </c>
      <c r="EP10" s="430">
        <v>0</v>
      </c>
      <c r="EQ10" s="431">
        <v>0</v>
      </c>
      <c r="ER10" s="435">
        <v>0</v>
      </c>
      <c r="ES10" s="436">
        <v>0</v>
      </c>
      <c r="ET10" s="431">
        <v>0</v>
      </c>
      <c r="EU10" s="431">
        <v>0</v>
      </c>
      <c r="EV10" s="431">
        <v>0</v>
      </c>
      <c r="EW10" s="431">
        <v>0</v>
      </c>
      <c r="EX10" s="431">
        <v>0</v>
      </c>
      <c r="EY10" s="432">
        <v>0</v>
      </c>
      <c r="EZ10" s="434">
        <v>0</v>
      </c>
      <c r="FA10" s="430">
        <v>0</v>
      </c>
      <c r="FB10" s="431">
        <v>0</v>
      </c>
      <c r="FC10" s="435">
        <v>0</v>
      </c>
      <c r="FD10" s="437"/>
      <c r="FE10" s="431">
        <v>0</v>
      </c>
      <c r="FF10" s="431">
        <v>0</v>
      </c>
      <c r="FG10" s="431">
        <v>0</v>
      </c>
      <c r="FH10" s="431">
        <v>0</v>
      </c>
      <c r="FI10" s="431">
        <v>0</v>
      </c>
      <c r="FJ10" s="432">
        <v>0</v>
      </c>
      <c r="FK10" s="434">
        <v>0</v>
      </c>
      <c r="FL10" s="430">
        <v>45103205</v>
      </c>
      <c r="FM10" s="431">
        <v>100351907</v>
      </c>
      <c r="FN10" s="432">
        <v>145455112</v>
      </c>
      <c r="FO10" s="430">
        <v>0</v>
      </c>
      <c r="FP10" s="431">
        <v>86191583</v>
      </c>
      <c r="FQ10" s="431">
        <v>297485963</v>
      </c>
      <c r="FR10" s="431">
        <v>198427334</v>
      </c>
      <c r="FS10" s="431">
        <v>169586320</v>
      </c>
      <c r="FT10" s="431">
        <v>130924251</v>
      </c>
      <c r="FU10" s="432">
        <v>882615451</v>
      </c>
      <c r="FV10" s="434">
        <v>1028070563</v>
      </c>
      <c r="FW10" s="438">
        <v>16564895</v>
      </c>
      <c r="FX10" s="431">
        <v>59231059</v>
      </c>
      <c r="FY10" s="435">
        <v>75795954</v>
      </c>
      <c r="FZ10" s="436">
        <v>0</v>
      </c>
      <c r="GA10" s="431">
        <v>53308454</v>
      </c>
      <c r="GB10" s="431">
        <v>254059562</v>
      </c>
      <c r="GC10" s="431">
        <v>171490103</v>
      </c>
      <c r="GD10" s="431">
        <v>150918067</v>
      </c>
      <c r="GE10" s="431">
        <v>120238944</v>
      </c>
      <c r="GF10" s="432">
        <v>750015130</v>
      </c>
      <c r="GG10" s="439">
        <v>825811084</v>
      </c>
      <c r="GH10" s="438">
        <v>3083131</v>
      </c>
      <c r="GI10" s="431">
        <v>8582800</v>
      </c>
      <c r="GJ10" s="435">
        <v>11665931</v>
      </c>
      <c r="GK10" s="436">
        <v>0</v>
      </c>
      <c r="GL10" s="431">
        <v>7887769</v>
      </c>
      <c r="GM10" s="431">
        <v>14487137</v>
      </c>
      <c r="GN10" s="431">
        <v>9913323</v>
      </c>
      <c r="GO10" s="431">
        <v>7746400</v>
      </c>
      <c r="GP10" s="431">
        <v>4262796</v>
      </c>
      <c r="GQ10" s="432">
        <v>44297425</v>
      </c>
      <c r="GR10" s="434">
        <v>55963356</v>
      </c>
      <c r="GS10" s="430">
        <v>25455179</v>
      </c>
      <c r="GT10" s="431">
        <v>32538048</v>
      </c>
      <c r="GU10" s="432">
        <v>57993227</v>
      </c>
      <c r="GV10" s="430">
        <v>0</v>
      </c>
      <c r="GW10" s="431">
        <v>24995360</v>
      </c>
      <c r="GX10" s="431">
        <v>28939264</v>
      </c>
      <c r="GY10" s="431">
        <v>17023908</v>
      </c>
      <c r="GZ10" s="431">
        <v>10921853</v>
      </c>
      <c r="HA10" s="431">
        <v>6422511</v>
      </c>
      <c r="HB10" s="435">
        <v>88302896</v>
      </c>
      <c r="HC10" s="434">
        <v>146296123</v>
      </c>
      <c r="HD10" s="430">
        <v>42285910</v>
      </c>
      <c r="HE10" s="431">
        <v>52852184</v>
      </c>
      <c r="HF10" s="435">
        <v>95138094</v>
      </c>
      <c r="HG10" s="436">
        <v>0</v>
      </c>
      <c r="HH10" s="431">
        <v>418477947</v>
      </c>
      <c r="HI10" s="431">
        <v>490176297</v>
      </c>
      <c r="HJ10" s="431">
        <v>453570102</v>
      </c>
      <c r="HK10" s="431">
        <v>577748264</v>
      </c>
      <c r="HL10" s="431">
        <v>344567289</v>
      </c>
      <c r="HM10" s="432">
        <v>2284539899</v>
      </c>
      <c r="HN10" s="433">
        <v>2379677993</v>
      </c>
      <c r="HO10" s="438">
        <v>26109179</v>
      </c>
      <c r="HP10" s="431">
        <v>61938615</v>
      </c>
      <c r="HQ10" s="432">
        <v>88047794</v>
      </c>
      <c r="HR10" s="430">
        <v>0</v>
      </c>
      <c r="HS10" s="431">
        <v>285831714</v>
      </c>
      <c r="HT10" s="431">
        <v>418324126</v>
      </c>
      <c r="HU10" s="431">
        <v>255308720</v>
      </c>
      <c r="HV10" s="431">
        <v>176754854</v>
      </c>
      <c r="HW10" s="431">
        <v>108137657</v>
      </c>
      <c r="HX10" s="435">
        <v>1244357071</v>
      </c>
      <c r="HY10" s="434">
        <v>1332404865</v>
      </c>
      <c r="HZ10" s="440">
        <v>3721835</v>
      </c>
      <c r="IA10" s="441">
        <v>11825487</v>
      </c>
      <c r="IB10" s="442">
        <v>15547322</v>
      </c>
      <c r="IC10" s="443">
        <v>0</v>
      </c>
      <c r="ID10" s="444">
        <v>643609273</v>
      </c>
      <c r="IE10" s="445">
        <v>986199345</v>
      </c>
      <c r="IF10" s="446">
        <v>1012666227</v>
      </c>
      <c r="IG10" s="444">
        <v>732721053</v>
      </c>
      <c r="IH10" s="446">
        <v>577377594</v>
      </c>
      <c r="II10" s="447">
        <v>3952573492</v>
      </c>
      <c r="IJ10" s="448">
        <v>3968120814</v>
      </c>
      <c r="IK10" s="449">
        <v>0</v>
      </c>
      <c r="IL10" s="450">
        <v>0</v>
      </c>
      <c r="IM10" s="451">
        <v>0</v>
      </c>
      <c r="IN10" s="452"/>
      <c r="IO10" s="453">
        <v>9520688</v>
      </c>
      <c r="IP10" s="453">
        <v>21344555</v>
      </c>
      <c r="IQ10" s="453">
        <v>36977168</v>
      </c>
      <c r="IR10" s="453">
        <v>45220665</v>
      </c>
      <c r="IS10" s="453">
        <v>54902315</v>
      </c>
      <c r="IT10" s="454">
        <v>167965391</v>
      </c>
      <c r="IU10" s="455">
        <v>167965391</v>
      </c>
      <c r="IV10" s="456">
        <v>0</v>
      </c>
      <c r="IW10" s="453">
        <v>0</v>
      </c>
      <c r="IX10" s="457">
        <v>0</v>
      </c>
      <c r="IY10" s="458"/>
      <c r="IZ10" s="453">
        <v>1958130</v>
      </c>
      <c r="JA10" s="453">
        <v>7917111</v>
      </c>
      <c r="JB10" s="453">
        <v>9241317</v>
      </c>
      <c r="JC10" s="453">
        <v>10781380</v>
      </c>
      <c r="JD10" s="453">
        <v>13747642</v>
      </c>
      <c r="JE10" s="457">
        <v>43645580</v>
      </c>
      <c r="JF10" s="459">
        <v>43645580</v>
      </c>
      <c r="JG10" s="456">
        <v>0</v>
      </c>
      <c r="JH10" s="453">
        <v>0</v>
      </c>
      <c r="JI10" s="454">
        <v>0</v>
      </c>
      <c r="JJ10" s="460">
        <v>0</v>
      </c>
      <c r="JK10" s="453">
        <v>226788882</v>
      </c>
      <c r="JL10" s="453">
        <v>362608955</v>
      </c>
      <c r="JM10" s="453">
        <v>267068895</v>
      </c>
      <c r="JN10" s="453">
        <v>159936615</v>
      </c>
      <c r="JO10" s="453">
        <v>81115918</v>
      </c>
      <c r="JP10" s="457">
        <v>1097519265</v>
      </c>
      <c r="JQ10" s="455">
        <v>1097519265</v>
      </c>
      <c r="JR10" s="456">
        <v>103130</v>
      </c>
      <c r="JS10" s="453">
        <v>157395</v>
      </c>
      <c r="JT10" s="454">
        <v>260525</v>
      </c>
      <c r="JU10" s="460">
        <v>0</v>
      </c>
      <c r="JV10" s="453">
        <v>35266132</v>
      </c>
      <c r="JW10" s="453">
        <v>58695455</v>
      </c>
      <c r="JX10" s="453">
        <v>84418271</v>
      </c>
      <c r="JY10" s="453">
        <v>53801357</v>
      </c>
      <c r="JZ10" s="453">
        <v>43390191</v>
      </c>
      <c r="KA10" s="457">
        <v>275571406</v>
      </c>
      <c r="KB10" s="455">
        <v>275831931</v>
      </c>
      <c r="KC10" s="461">
        <v>3618705</v>
      </c>
      <c r="KD10" s="462">
        <v>9051600</v>
      </c>
      <c r="KE10" s="457">
        <v>12670305</v>
      </c>
      <c r="KF10" s="460">
        <v>0</v>
      </c>
      <c r="KG10" s="453">
        <v>66416923</v>
      </c>
      <c r="KH10" s="453">
        <v>132774366</v>
      </c>
      <c r="KI10" s="453">
        <v>155131730</v>
      </c>
      <c r="KJ10" s="453">
        <v>123230496</v>
      </c>
      <c r="KK10" s="453">
        <v>84089588</v>
      </c>
      <c r="KL10" s="457">
        <v>561643103</v>
      </c>
      <c r="KM10" s="463">
        <v>574313408</v>
      </c>
      <c r="KN10" s="449">
        <v>0</v>
      </c>
      <c r="KO10" s="450">
        <v>2616492</v>
      </c>
      <c r="KP10" s="451">
        <v>2616492</v>
      </c>
      <c r="KQ10" s="452"/>
      <c r="KR10" s="453">
        <v>296442353</v>
      </c>
      <c r="KS10" s="453">
        <v>385244869</v>
      </c>
      <c r="KT10" s="453">
        <v>424753273</v>
      </c>
      <c r="KU10" s="453">
        <v>292055650</v>
      </c>
      <c r="KV10" s="453">
        <v>229003640</v>
      </c>
      <c r="KW10" s="457">
        <v>1627499785</v>
      </c>
      <c r="KX10" s="455">
        <v>1630116277</v>
      </c>
      <c r="KY10" s="456">
        <v>0</v>
      </c>
      <c r="KZ10" s="453">
        <v>0</v>
      </c>
      <c r="LA10" s="457">
        <v>0</v>
      </c>
      <c r="LB10" s="464"/>
      <c r="LC10" s="453">
        <v>-158419</v>
      </c>
      <c r="LD10" s="453">
        <v>197079</v>
      </c>
      <c r="LE10" s="453">
        <v>1204985</v>
      </c>
      <c r="LF10" s="453">
        <v>240765</v>
      </c>
      <c r="LG10" s="453">
        <v>1111811</v>
      </c>
      <c r="LH10" s="457">
        <v>2596221</v>
      </c>
      <c r="LI10" s="459">
        <v>2596221</v>
      </c>
      <c r="LJ10" s="456">
        <v>0</v>
      </c>
      <c r="LK10" s="453">
        <v>0</v>
      </c>
      <c r="LL10" s="457">
        <v>0</v>
      </c>
      <c r="LM10" s="464"/>
      <c r="LN10" s="453">
        <v>2083623</v>
      </c>
      <c r="LO10" s="453">
        <v>3143329</v>
      </c>
      <c r="LP10" s="453">
        <v>12919020</v>
      </c>
      <c r="LQ10" s="453">
        <v>15023190</v>
      </c>
      <c r="LR10" s="453">
        <v>10484661</v>
      </c>
      <c r="LS10" s="457">
        <v>43653823</v>
      </c>
      <c r="LT10" s="455">
        <v>43653823</v>
      </c>
      <c r="LU10" s="456">
        <v>0</v>
      </c>
      <c r="LV10" s="453">
        <v>0</v>
      </c>
      <c r="LW10" s="457">
        <v>0</v>
      </c>
      <c r="LX10" s="464"/>
      <c r="LY10" s="453">
        <v>5290961</v>
      </c>
      <c r="LZ10" s="453">
        <v>14273626</v>
      </c>
      <c r="MA10" s="453">
        <v>20951568</v>
      </c>
      <c r="MB10" s="453">
        <v>32430935</v>
      </c>
      <c r="MC10" s="453">
        <v>59531828</v>
      </c>
      <c r="MD10" s="457">
        <v>132478918</v>
      </c>
      <c r="ME10" s="459">
        <v>132478918</v>
      </c>
      <c r="MF10" s="456">
        <v>0</v>
      </c>
      <c r="MG10" s="453">
        <v>0</v>
      </c>
      <c r="MH10" s="457">
        <v>0</v>
      </c>
      <c r="MI10" s="464"/>
      <c r="MJ10" s="453">
        <v>224400601</v>
      </c>
      <c r="MK10" s="453">
        <v>679712292</v>
      </c>
      <c r="ML10" s="453">
        <v>1760734865</v>
      </c>
      <c r="MM10" s="453">
        <v>2629692208</v>
      </c>
      <c r="MN10" s="453">
        <v>1930640833</v>
      </c>
      <c r="MO10" s="457">
        <v>7225180799</v>
      </c>
      <c r="MP10" s="463">
        <v>7225180799</v>
      </c>
      <c r="MQ10" s="456">
        <v>0</v>
      </c>
      <c r="MR10" s="453">
        <v>0</v>
      </c>
      <c r="MS10" s="457">
        <v>0</v>
      </c>
      <c r="MT10" s="464"/>
      <c r="MU10" s="453">
        <v>56585661</v>
      </c>
      <c r="MV10" s="453">
        <v>233743607</v>
      </c>
      <c r="MW10" s="453">
        <v>1116120341</v>
      </c>
      <c r="MX10" s="453">
        <v>1747555955</v>
      </c>
      <c r="MY10" s="453">
        <v>1357356654</v>
      </c>
      <c r="MZ10" s="457">
        <v>4511362218</v>
      </c>
      <c r="NA10" s="463">
        <v>4511362218</v>
      </c>
      <c r="NB10" s="456">
        <v>0</v>
      </c>
      <c r="NC10" s="453">
        <v>0</v>
      </c>
      <c r="ND10" s="457">
        <v>0</v>
      </c>
      <c r="NE10" s="464"/>
      <c r="NF10" s="453">
        <v>167582344</v>
      </c>
      <c r="NG10" s="453">
        <v>444727102</v>
      </c>
      <c r="NH10" s="453">
        <v>637911197</v>
      </c>
      <c r="NI10" s="453">
        <v>831807073</v>
      </c>
      <c r="NJ10" s="453">
        <v>502573606</v>
      </c>
      <c r="NK10" s="457">
        <v>2584601322</v>
      </c>
      <c r="NL10" s="455">
        <v>2584601322</v>
      </c>
      <c r="NM10" s="456">
        <v>0</v>
      </c>
      <c r="NN10" s="453">
        <v>0</v>
      </c>
      <c r="NO10" s="457">
        <v>0</v>
      </c>
      <c r="NP10" s="464"/>
      <c r="NQ10" s="453">
        <v>0</v>
      </c>
      <c r="NR10" s="453">
        <v>0</v>
      </c>
      <c r="NS10" s="453">
        <v>1002216</v>
      </c>
      <c r="NT10" s="453">
        <v>18671475</v>
      </c>
      <c r="NU10" s="453">
        <v>28866971</v>
      </c>
      <c r="NV10" s="457">
        <v>48540662</v>
      </c>
      <c r="NW10" s="459">
        <v>48540662</v>
      </c>
      <c r="NX10" s="456">
        <v>0</v>
      </c>
      <c r="NY10" s="453">
        <v>0</v>
      </c>
      <c r="NZ10" s="457">
        <v>0</v>
      </c>
      <c r="OA10" s="464"/>
      <c r="OB10" s="453">
        <v>232596</v>
      </c>
      <c r="OC10" s="453">
        <v>1241583</v>
      </c>
      <c r="OD10" s="453">
        <v>5701111</v>
      </c>
      <c r="OE10" s="453">
        <v>31657705</v>
      </c>
      <c r="OF10" s="453">
        <v>41843602</v>
      </c>
      <c r="OG10" s="457">
        <v>80676597</v>
      </c>
      <c r="OH10" s="459">
        <v>80676597</v>
      </c>
      <c r="OI10" s="456">
        <v>177838411</v>
      </c>
      <c r="OJ10" s="453">
        <v>412645724</v>
      </c>
      <c r="OK10" s="454">
        <v>590484135</v>
      </c>
      <c r="OL10" s="460">
        <v>0</v>
      </c>
      <c r="OM10" s="453">
        <v>2729387472</v>
      </c>
      <c r="ON10" s="453">
        <v>4925049117</v>
      </c>
      <c r="OO10" s="453">
        <v>5295629625</v>
      </c>
      <c r="OP10" s="453">
        <v>5728034708</v>
      </c>
      <c r="OQ10" s="453">
        <v>4301326173</v>
      </c>
      <c r="OR10" s="457">
        <v>22979427095</v>
      </c>
      <c r="OS10" s="463">
        <v>23569911230</v>
      </c>
    </row>
    <row r="11" spans="1:409" ht="21" customHeight="1" x14ac:dyDescent="0.2">
      <c r="B11" s="62" t="s">
        <v>6</v>
      </c>
      <c r="C11" s="110">
        <v>54826968</v>
      </c>
      <c r="D11" s="114">
        <v>97300657</v>
      </c>
      <c r="E11" s="113">
        <v>152127625</v>
      </c>
      <c r="F11" s="109">
        <v>0</v>
      </c>
      <c r="G11" s="114">
        <v>891341008</v>
      </c>
      <c r="H11" s="114">
        <v>942396321</v>
      </c>
      <c r="I11" s="114">
        <v>869266219</v>
      </c>
      <c r="J11" s="114">
        <v>864118445</v>
      </c>
      <c r="K11" s="114">
        <v>700776180</v>
      </c>
      <c r="L11" s="109">
        <v>4267898173</v>
      </c>
      <c r="M11" s="116">
        <v>4420025798</v>
      </c>
      <c r="N11" s="110">
        <v>14771112</v>
      </c>
      <c r="O11" s="114">
        <v>31628594</v>
      </c>
      <c r="P11" s="113">
        <v>46399706</v>
      </c>
      <c r="Q11" s="110">
        <v>0</v>
      </c>
      <c r="R11" s="114">
        <v>288488964</v>
      </c>
      <c r="S11" s="114">
        <v>337068772</v>
      </c>
      <c r="T11" s="114">
        <v>316540605</v>
      </c>
      <c r="U11" s="114">
        <v>347653487</v>
      </c>
      <c r="V11" s="114">
        <v>377387662</v>
      </c>
      <c r="W11" s="113">
        <v>1667139490</v>
      </c>
      <c r="X11" s="116">
        <v>1713539196</v>
      </c>
      <c r="Y11" s="110">
        <v>0</v>
      </c>
      <c r="Z11" s="114">
        <v>6074</v>
      </c>
      <c r="AA11" s="113">
        <v>6074</v>
      </c>
      <c r="AB11" s="110">
        <v>0</v>
      </c>
      <c r="AC11" s="114">
        <v>137630398</v>
      </c>
      <c r="AD11" s="114">
        <v>172413319</v>
      </c>
      <c r="AE11" s="114">
        <v>180914938</v>
      </c>
      <c r="AF11" s="114">
        <v>204832890</v>
      </c>
      <c r="AG11" s="114">
        <v>225497950</v>
      </c>
      <c r="AH11" s="113">
        <v>921289495</v>
      </c>
      <c r="AI11" s="116">
        <v>921295569</v>
      </c>
      <c r="AJ11" s="110">
        <v>0</v>
      </c>
      <c r="AK11" s="114">
        <v>92065</v>
      </c>
      <c r="AL11" s="113">
        <v>92065</v>
      </c>
      <c r="AM11" s="110">
        <v>0</v>
      </c>
      <c r="AN11" s="114">
        <v>1073374</v>
      </c>
      <c r="AO11" s="114">
        <v>3726368</v>
      </c>
      <c r="AP11" s="114">
        <v>7328425</v>
      </c>
      <c r="AQ11" s="114">
        <v>17748639</v>
      </c>
      <c r="AR11" s="114">
        <v>36671484</v>
      </c>
      <c r="AS11" s="113">
        <v>66548290</v>
      </c>
      <c r="AT11" s="116">
        <v>66640355</v>
      </c>
      <c r="AU11" s="110">
        <v>8353735</v>
      </c>
      <c r="AV11" s="114">
        <v>22732866</v>
      </c>
      <c r="AW11" s="113">
        <v>31086601</v>
      </c>
      <c r="AX11" s="110">
        <v>0</v>
      </c>
      <c r="AY11" s="114">
        <v>94987191</v>
      </c>
      <c r="AZ11" s="114">
        <v>102428085</v>
      </c>
      <c r="BA11" s="114">
        <v>75108653</v>
      </c>
      <c r="BB11" s="114">
        <v>72377094</v>
      </c>
      <c r="BC11" s="114">
        <v>72614888</v>
      </c>
      <c r="BD11" s="113">
        <v>417515911</v>
      </c>
      <c r="BE11" s="116">
        <v>448602512</v>
      </c>
      <c r="BF11" s="110">
        <v>393496</v>
      </c>
      <c r="BG11" s="114">
        <v>1993741</v>
      </c>
      <c r="BH11" s="112">
        <v>2387237</v>
      </c>
      <c r="BI11" s="111">
        <v>0</v>
      </c>
      <c r="BJ11" s="114">
        <v>6933253</v>
      </c>
      <c r="BK11" s="114">
        <v>8192190</v>
      </c>
      <c r="BL11" s="114">
        <v>5144964</v>
      </c>
      <c r="BM11" s="114">
        <v>5396703</v>
      </c>
      <c r="BN11" s="114">
        <v>3222569</v>
      </c>
      <c r="BO11" s="113">
        <v>28889679</v>
      </c>
      <c r="BP11" s="116">
        <v>31276916</v>
      </c>
      <c r="BQ11" s="110">
        <v>6023881</v>
      </c>
      <c r="BR11" s="114">
        <v>6803848</v>
      </c>
      <c r="BS11" s="113">
        <v>12827729</v>
      </c>
      <c r="BT11" s="110">
        <v>0</v>
      </c>
      <c r="BU11" s="114">
        <v>47864748</v>
      </c>
      <c r="BV11" s="114">
        <v>50308810</v>
      </c>
      <c r="BW11" s="114">
        <v>48043625</v>
      </c>
      <c r="BX11" s="114">
        <v>47298161</v>
      </c>
      <c r="BY11" s="114">
        <v>39380771</v>
      </c>
      <c r="BZ11" s="113">
        <v>232896115</v>
      </c>
      <c r="CA11" s="116">
        <v>245723844</v>
      </c>
      <c r="CB11" s="110">
        <v>2517581</v>
      </c>
      <c r="CC11" s="114">
        <v>8888163</v>
      </c>
      <c r="CD11" s="113">
        <v>11405744</v>
      </c>
      <c r="CE11" s="110">
        <v>0</v>
      </c>
      <c r="CF11" s="114">
        <v>244443208</v>
      </c>
      <c r="CG11" s="114">
        <v>250548802</v>
      </c>
      <c r="CH11" s="114">
        <v>191157670</v>
      </c>
      <c r="CI11" s="114">
        <v>145776764</v>
      </c>
      <c r="CJ11" s="114">
        <v>76585034</v>
      </c>
      <c r="CK11" s="113">
        <v>908511478</v>
      </c>
      <c r="CL11" s="116">
        <v>919917222</v>
      </c>
      <c r="CM11" s="110">
        <v>0</v>
      </c>
      <c r="CN11" s="114">
        <v>0</v>
      </c>
      <c r="CO11" s="113">
        <v>0</v>
      </c>
      <c r="CP11" s="111">
        <v>0</v>
      </c>
      <c r="CQ11" s="114">
        <v>210627539</v>
      </c>
      <c r="CR11" s="114">
        <v>200053636</v>
      </c>
      <c r="CS11" s="114">
        <v>150747800</v>
      </c>
      <c r="CT11" s="114">
        <v>111302114</v>
      </c>
      <c r="CU11" s="114">
        <v>62308370</v>
      </c>
      <c r="CV11" s="113">
        <v>735039459</v>
      </c>
      <c r="CW11" s="116">
        <v>735039459</v>
      </c>
      <c r="CX11" s="110">
        <v>2517581</v>
      </c>
      <c r="CY11" s="114">
        <v>8888163</v>
      </c>
      <c r="CZ11" s="113">
        <v>11405744</v>
      </c>
      <c r="DA11" s="110">
        <v>0</v>
      </c>
      <c r="DB11" s="114">
        <v>33815669</v>
      </c>
      <c r="DC11" s="114">
        <v>50495166</v>
      </c>
      <c r="DD11" s="114">
        <v>40409870</v>
      </c>
      <c r="DE11" s="114">
        <v>34474650</v>
      </c>
      <c r="DF11" s="114">
        <v>14276664</v>
      </c>
      <c r="DG11" s="113">
        <v>173472019</v>
      </c>
      <c r="DH11" s="116">
        <v>184877763</v>
      </c>
      <c r="DI11" s="110">
        <v>171201</v>
      </c>
      <c r="DJ11" s="114">
        <v>985551</v>
      </c>
      <c r="DK11" s="112">
        <v>1156752</v>
      </c>
      <c r="DL11" s="111">
        <v>0</v>
      </c>
      <c r="DM11" s="114">
        <v>17695072</v>
      </c>
      <c r="DN11" s="114">
        <v>30894097</v>
      </c>
      <c r="DO11" s="114">
        <v>61601191</v>
      </c>
      <c r="DP11" s="114">
        <v>53076446</v>
      </c>
      <c r="DQ11" s="114">
        <v>34147294</v>
      </c>
      <c r="DR11" s="113">
        <v>197414100</v>
      </c>
      <c r="DS11" s="116">
        <v>198570852</v>
      </c>
      <c r="DT11" s="110">
        <v>171201</v>
      </c>
      <c r="DU11" s="114">
        <v>950406</v>
      </c>
      <c r="DV11" s="113">
        <v>1121607</v>
      </c>
      <c r="DW11" s="110">
        <v>0</v>
      </c>
      <c r="DX11" s="114">
        <v>15924619</v>
      </c>
      <c r="DY11" s="114">
        <v>27955678</v>
      </c>
      <c r="DZ11" s="114">
        <v>55481146</v>
      </c>
      <c r="EA11" s="114">
        <v>46394651</v>
      </c>
      <c r="EB11" s="114">
        <v>30384231</v>
      </c>
      <c r="EC11" s="113">
        <v>176140325</v>
      </c>
      <c r="ED11" s="116">
        <v>177261932</v>
      </c>
      <c r="EE11" s="110">
        <v>0</v>
      </c>
      <c r="EF11" s="112">
        <v>35145</v>
      </c>
      <c r="EG11" s="113">
        <v>35145</v>
      </c>
      <c r="EH11" s="110">
        <v>0</v>
      </c>
      <c r="EI11" s="114">
        <v>1770453</v>
      </c>
      <c r="EJ11" s="114">
        <v>2938419</v>
      </c>
      <c r="EK11" s="114">
        <v>6120045</v>
      </c>
      <c r="EL11" s="114">
        <v>6681795</v>
      </c>
      <c r="EM11" s="114">
        <v>3763063</v>
      </c>
      <c r="EN11" s="112">
        <v>21273775</v>
      </c>
      <c r="EO11" s="116">
        <v>21308920</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5"/>
      <c r="FE11" s="114">
        <v>0</v>
      </c>
      <c r="FF11" s="114">
        <v>0</v>
      </c>
      <c r="FG11" s="114">
        <v>0</v>
      </c>
      <c r="FH11" s="114">
        <v>0</v>
      </c>
      <c r="FI11" s="114">
        <v>0</v>
      </c>
      <c r="FJ11" s="113">
        <v>0</v>
      </c>
      <c r="FK11" s="116">
        <v>0</v>
      </c>
      <c r="FL11" s="110">
        <v>12710146</v>
      </c>
      <c r="FM11" s="114">
        <v>21864770</v>
      </c>
      <c r="FN11" s="113">
        <v>34574916</v>
      </c>
      <c r="FO11" s="110">
        <v>0</v>
      </c>
      <c r="FP11" s="114">
        <v>48664345</v>
      </c>
      <c r="FQ11" s="114">
        <v>82507542</v>
      </c>
      <c r="FR11" s="114">
        <v>67277254</v>
      </c>
      <c r="FS11" s="114">
        <v>65996117</v>
      </c>
      <c r="FT11" s="114">
        <v>49854546</v>
      </c>
      <c r="FU11" s="113">
        <v>314299804</v>
      </c>
      <c r="FV11" s="116">
        <v>348874720</v>
      </c>
      <c r="FW11" s="115">
        <v>7773632</v>
      </c>
      <c r="FX11" s="114">
        <v>17152203</v>
      </c>
      <c r="FY11" s="112">
        <v>24925835</v>
      </c>
      <c r="FZ11" s="111">
        <v>0</v>
      </c>
      <c r="GA11" s="114">
        <v>38974659</v>
      </c>
      <c r="GB11" s="114">
        <v>76941487</v>
      </c>
      <c r="GC11" s="114">
        <v>62534366</v>
      </c>
      <c r="GD11" s="114">
        <v>61571516</v>
      </c>
      <c r="GE11" s="114">
        <v>48230840</v>
      </c>
      <c r="GF11" s="113">
        <v>288252868</v>
      </c>
      <c r="GG11" s="316">
        <v>313178703</v>
      </c>
      <c r="GH11" s="115">
        <v>1114963</v>
      </c>
      <c r="GI11" s="114">
        <v>1156960</v>
      </c>
      <c r="GJ11" s="112">
        <v>2271923</v>
      </c>
      <c r="GK11" s="111">
        <v>0</v>
      </c>
      <c r="GL11" s="114">
        <v>3314182</v>
      </c>
      <c r="GM11" s="114">
        <v>2774333</v>
      </c>
      <c r="GN11" s="114">
        <v>2103488</v>
      </c>
      <c r="GO11" s="114">
        <v>2335597</v>
      </c>
      <c r="GP11" s="114">
        <v>669405</v>
      </c>
      <c r="GQ11" s="113">
        <v>11197005</v>
      </c>
      <c r="GR11" s="116">
        <v>13468928</v>
      </c>
      <c r="GS11" s="110">
        <v>3821551</v>
      </c>
      <c r="GT11" s="114">
        <v>3555607</v>
      </c>
      <c r="GU11" s="113">
        <v>7377158</v>
      </c>
      <c r="GV11" s="110">
        <v>0</v>
      </c>
      <c r="GW11" s="114">
        <v>6375504</v>
      </c>
      <c r="GX11" s="114">
        <v>2791722</v>
      </c>
      <c r="GY11" s="114">
        <v>2639400</v>
      </c>
      <c r="GZ11" s="114">
        <v>2089004</v>
      </c>
      <c r="HA11" s="114">
        <v>954301</v>
      </c>
      <c r="HB11" s="112">
        <v>14849931</v>
      </c>
      <c r="HC11" s="116">
        <v>22227089</v>
      </c>
      <c r="HD11" s="110">
        <v>15062764</v>
      </c>
      <c r="HE11" s="114">
        <v>17240029</v>
      </c>
      <c r="HF11" s="112">
        <v>32302793</v>
      </c>
      <c r="HG11" s="111">
        <v>0</v>
      </c>
      <c r="HH11" s="114">
        <v>149577348</v>
      </c>
      <c r="HI11" s="114">
        <v>130708049</v>
      </c>
      <c r="HJ11" s="114">
        <v>149261610</v>
      </c>
      <c r="HK11" s="114">
        <v>188092187</v>
      </c>
      <c r="HL11" s="114">
        <v>122124585</v>
      </c>
      <c r="HM11" s="113">
        <v>739763779</v>
      </c>
      <c r="HN11" s="109">
        <v>772066572</v>
      </c>
      <c r="HO11" s="115">
        <v>9594164</v>
      </c>
      <c r="HP11" s="114">
        <v>16693550</v>
      </c>
      <c r="HQ11" s="113">
        <v>26287714</v>
      </c>
      <c r="HR11" s="110">
        <v>0</v>
      </c>
      <c r="HS11" s="114">
        <v>142472071</v>
      </c>
      <c r="HT11" s="114">
        <v>110669059</v>
      </c>
      <c r="HU11" s="114">
        <v>83427889</v>
      </c>
      <c r="HV11" s="114">
        <v>63523444</v>
      </c>
      <c r="HW11" s="114">
        <v>40677059</v>
      </c>
      <c r="HX11" s="112">
        <v>440769522</v>
      </c>
      <c r="HY11" s="116">
        <v>467057236</v>
      </c>
      <c r="HZ11" s="131">
        <v>1210824</v>
      </c>
      <c r="IA11" s="132">
        <v>3621568</v>
      </c>
      <c r="IB11" s="133">
        <v>4832392</v>
      </c>
      <c r="IC11" s="146">
        <v>0</v>
      </c>
      <c r="ID11" s="132">
        <v>286356702</v>
      </c>
      <c r="IE11" s="147">
        <v>327023138</v>
      </c>
      <c r="IF11" s="133">
        <v>372789356</v>
      </c>
      <c r="IG11" s="132">
        <v>295597811</v>
      </c>
      <c r="IH11" s="133">
        <v>232081578</v>
      </c>
      <c r="II11" s="148">
        <v>1513848585</v>
      </c>
      <c r="IJ11" s="139">
        <v>1518680977</v>
      </c>
      <c r="IK11" s="232">
        <v>0</v>
      </c>
      <c r="IL11" s="236">
        <v>0</v>
      </c>
      <c r="IM11" s="237">
        <v>0</v>
      </c>
      <c r="IN11" s="140"/>
      <c r="IO11" s="119">
        <v>6240802</v>
      </c>
      <c r="IP11" s="119">
        <v>8517855</v>
      </c>
      <c r="IQ11" s="119">
        <v>15248838</v>
      </c>
      <c r="IR11" s="119">
        <v>23228163</v>
      </c>
      <c r="IS11" s="119">
        <v>28058789</v>
      </c>
      <c r="IT11" s="141">
        <v>81294447</v>
      </c>
      <c r="IU11" s="318">
        <v>81294447</v>
      </c>
      <c r="IV11" s="142">
        <v>0</v>
      </c>
      <c r="IW11" s="119">
        <v>0</v>
      </c>
      <c r="IX11" s="120">
        <v>0</v>
      </c>
      <c r="IY11" s="144"/>
      <c r="IZ11" s="119">
        <v>1581271</v>
      </c>
      <c r="JA11" s="119">
        <v>2272085</v>
      </c>
      <c r="JB11" s="119">
        <v>2986299</v>
      </c>
      <c r="JC11" s="119">
        <v>2619838</v>
      </c>
      <c r="JD11" s="119">
        <v>3132169</v>
      </c>
      <c r="JE11" s="120">
        <v>12591662</v>
      </c>
      <c r="JF11" s="121">
        <v>12591662</v>
      </c>
      <c r="JG11" s="142">
        <v>0</v>
      </c>
      <c r="JH11" s="119">
        <v>0</v>
      </c>
      <c r="JI11" s="141">
        <v>0</v>
      </c>
      <c r="JJ11" s="118">
        <v>0</v>
      </c>
      <c r="JK11" s="119">
        <v>98201791</v>
      </c>
      <c r="JL11" s="119">
        <v>82101052</v>
      </c>
      <c r="JM11" s="119">
        <v>74586539</v>
      </c>
      <c r="JN11" s="119">
        <v>47553116</v>
      </c>
      <c r="JO11" s="119">
        <v>27232665</v>
      </c>
      <c r="JP11" s="120">
        <v>329675163</v>
      </c>
      <c r="JQ11" s="318">
        <v>329675163</v>
      </c>
      <c r="JR11" s="142">
        <v>24372</v>
      </c>
      <c r="JS11" s="119">
        <v>45199</v>
      </c>
      <c r="JT11" s="141">
        <v>69571</v>
      </c>
      <c r="JU11" s="118">
        <v>0</v>
      </c>
      <c r="JV11" s="119">
        <v>18742122</v>
      </c>
      <c r="JW11" s="119">
        <v>23703775</v>
      </c>
      <c r="JX11" s="119">
        <v>32792519</v>
      </c>
      <c r="JY11" s="119">
        <v>19599870</v>
      </c>
      <c r="JZ11" s="119">
        <v>16110849</v>
      </c>
      <c r="KA11" s="120">
        <v>110949135</v>
      </c>
      <c r="KB11" s="318">
        <v>111018706</v>
      </c>
      <c r="KC11" s="234">
        <v>1186452</v>
      </c>
      <c r="KD11" s="230">
        <v>2282828</v>
      </c>
      <c r="KE11" s="120">
        <v>3469280</v>
      </c>
      <c r="KF11" s="118">
        <v>0</v>
      </c>
      <c r="KG11" s="119">
        <v>29197719</v>
      </c>
      <c r="KH11" s="119">
        <v>37343154</v>
      </c>
      <c r="KI11" s="119">
        <v>47049439</v>
      </c>
      <c r="KJ11" s="119">
        <v>39565792</v>
      </c>
      <c r="KK11" s="119">
        <v>22911581</v>
      </c>
      <c r="KL11" s="120">
        <v>176067685</v>
      </c>
      <c r="KM11" s="143">
        <v>179536965</v>
      </c>
      <c r="KN11" s="232">
        <v>0</v>
      </c>
      <c r="KO11" s="236">
        <v>1293541</v>
      </c>
      <c r="KP11" s="237">
        <v>1293541</v>
      </c>
      <c r="KQ11" s="140"/>
      <c r="KR11" s="119">
        <v>123576605</v>
      </c>
      <c r="KS11" s="119">
        <v>151784444</v>
      </c>
      <c r="KT11" s="119">
        <v>157124181</v>
      </c>
      <c r="KU11" s="119">
        <v>108168379</v>
      </c>
      <c r="KV11" s="119">
        <v>77056864</v>
      </c>
      <c r="KW11" s="120">
        <v>617710473</v>
      </c>
      <c r="KX11" s="318">
        <v>619004014</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956519</v>
      </c>
      <c r="LO11" s="119">
        <v>1330156</v>
      </c>
      <c r="LP11" s="119">
        <v>20923777</v>
      </c>
      <c r="LQ11" s="119">
        <v>26577884</v>
      </c>
      <c r="LR11" s="119">
        <v>24834252</v>
      </c>
      <c r="LS11" s="120">
        <v>74622588</v>
      </c>
      <c r="LT11" s="318">
        <v>74622588</v>
      </c>
      <c r="LU11" s="142">
        <v>0</v>
      </c>
      <c r="LV11" s="119">
        <v>0</v>
      </c>
      <c r="LW11" s="120">
        <v>0</v>
      </c>
      <c r="LX11" s="145"/>
      <c r="LY11" s="119">
        <v>7859873</v>
      </c>
      <c r="LZ11" s="119">
        <v>19970617</v>
      </c>
      <c r="MA11" s="119">
        <v>22077764</v>
      </c>
      <c r="MB11" s="119">
        <v>28284769</v>
      </c>
      <c r="MC11" s="119">
        <v>32744409</v>
      </c>
      <c r="MD11" s="120">
        <v>110937432</v>
      </c>
      <c r="ME11" s="121">
        <v>110937432</v>
      </c>
      <c r="MF11" s="142">
        <v>0</v>
      </c>
      <c r="MG11" s="119">
        <v>0</v>
      </c>
      <c r="MH11" s="120">
        <v>0</v>
      </c>
      <c r="MI11" s="145"/>
      <c r="MJ11" s="119">
        <v>71074173</v>
      </c>
      <c r="MK11" s="119">
        <v>138350870</v>
      </c>
      <c r="ML11" s="119">
        <v>482281680</v>
      </c>
      <c r="MM11" s="119">
        <v>774072929</v>
      </c>
      <c r="MN11" s="119">
        <v>546520938</v>
      </c>
      <c r="MO11" s="120">
        <v>2012300590</v>
      </c>
      <c r="MP11" s="143">
        <v>2012300590</v>
      </c>
      <c r="MQ11" s="142">
        <v>0</v>
      </c>
      <c r="MR11" s="119">
        <v>0</v>
      </c>
      <c r="MS11" s="120">
        <v>0</v>
      </c>
      <c r="MT11" s="145"/>
      <c r="MU11" s="119">
        <v>17005267</v>
      </c>
      <c r="MV11" s="119">
        <v>41242373</v>
      </c>
      <c r="MW11" s="119">
        <v>335474210</v>
      </c>
      <c r="MX11" s="119">
        <v>517065875</v>
      </c>
      <c r="MY11" s="119">
        <v>390806617</v>
      </c>
      <c r="MZ11" s="120">
        <v>1301594342</v>
      </c>
      <c r="NA11" s="143">
        <v>1301594342</v>
      </c>
      <c r="NB11" s="142">
        <v>0</v>
      </c>
      <c r="NC11" s="119">
        <v>0</v>
      </c>
      <c r="ND11" s="120">
        <v>0</v>
      </c>
      <c r="NE11" s="145"/>
      <c r="NF11" s="119">
        <v>53793739</v>
      </c>
      <c r="NG11" s="119">
        <v>96788058</v>
      </c>
      <c r="NH11" s="119">
        <v>142600293</v>
      </c>
      <c r="NI11" s="119">
        <v>225619561</v>
      </c>
      <c r="NJ11" s="119">
        <v>106683142</v>
      </c>
      <c r="NK11" s="120">
        <v>625484793</v>
      </c>
      <c r="NL11" s="318">
        <v>625484793</v>
      </c>
      <c r="NM11" s="142">
        <v>0</v>
      </c>
      <c r="NN11" s="119">
        <v>0</v>
      </c>
      <c r="NO11" s="120">
        <v>0</v>
      </c>
      <c r="NP11" s="145"/>
      <c r="NQ11" s="119">
        <v>0</v>
      </c>
      <c r="NR11" s="119">
        <v>61599</v>
      </c>
      <c r="NS11" s="119">
        <v>3023244</v>
      </c>
      <c r="NT11" s="119">
        <v>14775512</v>
      </c>
      <c r="NU11" s="119">
        <v>25407083</v>
      </c>
      <c r="NV11" s="120">
        <v>43267438</v>
      </c>
      <c r="NW11" s="121">
        <v>43267438</v>
      </c>
      <c r="NX11" s="142">
        <v>0</v>
      </c>
      <c r="NY11" s="119">
        <v>0</v>
      </c>
      <c r="NZ11" s="120">
        <v>0</v>
      </c>
      <c r="OA11" s="145"/>
      <c r="OB11" s="119">
        <v>275167</v>
      </c>
      <c r="OC11" s="119">
        <v>258840</v>
      </c>
      <c r="OD11" s="119">
        <v>1183933</v>
      </c>
      <c r="OE11" s="119">
        <v>16611981</v>
      </c>
      <c r="OF11" s="119">
        <v>23624096</v>
      </c>
      <c r="OG11" s="120">
        <v>41954017</v>
      </c>
      <c r="OH11" s="121">
        <v>41954017</v>
      </c>
      <c r="OI11" s="142">
        <v>56037792</v>
      </c>
      <c r="OJ11" s="119">
        <v>100922225</v>
      </c>
      <c r="OK11" s="141">
        <v>156960017</v>
      </c>
      <c r="OL11" s="118">
        <v>0</v>
      </c>
      <c r="OM11" s="119">
        <v>1248771883</v>
      </c>
      <c r="ON11" s="119">
        <v>1407770329</v>
      </c>
      <c r="OO11" s="119">
        <v>1724337255</v>
      </c>
      <c r="OP11" s="119">
        <v>1933789185</v>
      </c>
      <c r="OQ11" s="119">
        <v>1479378696</v>
      </c>
      <c r="OR11" s="120">
        <v>7794047348</v>
      </c>
      <c r="OS11" s="143">
        <v>7951007365</v>
      </c>
    </row>
    <row r="12" spans="1:409" ht="21" customHeight="1" x14ac:dyDescent="0.2">
      <c r="B12" s="62" t="s">
        <v>14</v>
      </c>
      <c r="C12" s="110">
        <v>25179834</v>
      </c>
      <c r="D12" s="114">
        <v>73251672</v>
      </c>
      <c r="E12" s="113">
        <v>98431506</v>
      </c>
      <c r="F12" s="109">
        <v>0</v>
      </c>
      <c r="G12" s="114">
        <v>327214907</v>
      </c>
      <c r="H12" s="114">
        <v>539122845</v>
      </c>
      <c r="I12" s="114">
        <v>500456568</v>
      </c>
      <c r="J12" s="114">
        <v>422821462</v>
      </c>
      <c r="K12" s="114">
        <v>293977486</v>
      </c>
      <c r="L12" s="112">
        <v>2083593268</v>
      </c>
      <c r="M12" s="116">
        <v>2182024774</v>
      </c>
      <c r="N12" s="110">
        <v>5025863</v>
      </c>
      <c r="O12" s="114">
        <v>18834116</v>
      </c>
      <c r="P12" s="113">
        <v>23859979</v>
      </c>
      <c r="Q12" s="110">
        <v>0</v>
      </c>
      <c r="R12" s="114">
        <v>89759989</v>
      </c>
      <c r="S12" s="114">
        <v>171355709</v>
      </c>
      <c r="T12" s="114">
        <v>163350280</v>
      </c>
      <c r="U12" s="114">
        <v>155542517</v>
      </c>
      <c r="V12" s="114">
        <v>142704993</v>
      </c>
      <c r="W12" s="113">
        <v>722713488</v>
      </c>
      <c r="X12" s="116">
        <v>746573467</v>
      </c>
      <c r="Y12" s="110">
        <v>0</v>
      </c>
      <c r="Z12" s="114">
        <v>0</v>
      </c>
      <c r="AA12" s="113">
        <v>0</v>
      </c>
      <c r="AB12" s="110">
        <v>0</v>
      </c>
      <c r="AC12" s="114">
        <v>45853083</v>
      </c>
      <c r="AD12" s="114">
        <v>89649062</v>
      </c>
      <c r="AE12" s="114">
        <v>96224215</v>
      </c>
      <c r="AF12" s="114">
        <v>91100378</v>
      </c>
      <c r="AG12" s="114">
        <v>82820705</v>
      </c>
      <c r="AH12" s="113">
        <v>405647443</v>
      </c>
      <c r="AI12" s="116">
        <v>405647443</v>
      </c>
      <c r="AJ12" s="110">
        <v>0</v>
      </c>
      <c r="AK12" s="114">
        <v>66085</v>
      </c>
      <c r="AL12" s="113">
        <v>66085</v>
      </c>
      <c r="AM12" s="110">
        <v>0</v>
      </c>
      <c r="AN12" s="114">
        <v>149089</v>
      </c>
      <c r="AO12" s="114">
        <v>1805078</v>
      </c>
      <c r="AP12" s="114">
        <v>3448823</v>
      </c>
      <c r="AQ12" s="114">
        <v>7848582</v>
      </c>
      <c r="AR12" s="114">
        <v>14956800</v>
      </c>
      <c r="AS12" s="113">
        <v>28208372</v>
      </c>
      <c r="AT12" s="116">
        <v>28274457</v>
      </c>
      <c r="AU12" s="110">
        <v>2580160</v>
      </c>
      <c r="AV12" s="114">
        <v>13408653</v>
      </c>
      <c r="AW12" s="113">
        <v>15988813</v>
      </c>
      <c r="AX12" s="110">
        <v>0</v>
      </c>
      <c r="AY12" s="114">
        <v>25596216</v>
      </c>
      <c r="AZ12" s="114">
        <v>52162477</v>
      </c>
      <c r="BA12" s="114">
        <v>35860924</v>
      </c>
      <c r="BB12" s="114">
        <v>33109623</v>
      </c>
      <c r="BC12" s="114">
        <v>28139804</v>
      </c>
      <c r="BD12" s="113">
        <v>174869044</v>
      </c>
      <c r="BE12" s="116">
        <v>190857857</v>
      </c>
      <c r="BF12" s="110">
        <v>180817</v>
      </c>
      <c r="BG12" s="114">
        <v>1390235</v>
      </c>
      <c r="BH12" s="112">
        <v>1571052</v>
      </c>
      <c r="BI12" s="111">
        <v>0</v>
      </c>
      <c r="BJ12" s="114">
        <v>904027</v>
      </c>
      <c r="BK12" s="114">
        <v>3376951</v>
      </c>
      <c r="BL12" s="114">
        <v>2118723</v>
      </c>
      <c r="BM12" s="114">
        <v>1932890</v>
      </c>
      <c r="BN12" s="114">
        <v>740398</v>
      </c>
      <c r="BO12" s="113">
        <v>9072989</v>
      </c>
      <c r="BP12" s="116">
        <v>10644041</v>
      </c>
      <c r="BQ12" s="110">
        <v>2264886</v>
      </c>
      <c r="BR12" s="114">
        <v>3969143</v>
      </c>
      <c r="BS12" s="113">
        <v>6234029</v>
      </c>
      <c r="BT12" s="110">
        <v>0</v>
      </c>
      <c r="BU12" s="114">
        <v>17257574</v>
      </c>
      <c r="BV12" s="114">
        <v>24362141</v>
      </c>
      <c r="BW12" s="114">
        <v>25697595</v>
      </c>
      <c r="BX12" s="114">
        <v>21551044</v>
      </c>
      <c r="BY12" s="114">
        <v>16047286</v>
      </c>
      <c r="BZ12" s="113">
        <v>104915640</v>
      </c>
      <c r="CA12" s="116">
        <v>111149669</v>
      </c>
      <c r="CB12" s="110">
        <v>1758823</v>
      </c>
      <c r="CC12" s="114">
        <v>7243656</v>
      </c>
      <c r="CD12" s="113">
        <v>9002479</v>
      </c>
      <c r="CE12" s="110">
        <v>0</v>
      </c>
      <c r="CF12" s="114">
        <v>99489190</v>
      </c>
      <c r="CG12" s="114">
        <v>165154521</v>
      </c>
      <c r="CH12" s="114">
        <v>140805720</v>
      </c>
      <c r="CI12" s="114">
        <v>84578705</v>
      </c>
      <c r="CJ12" s="114">
        <v>45358997</v>
      </c>
      <c r="CK12" s="113">
        <v>535387133</v>
      </c>
      <c r="CL12" s="116">
        <v>544389612</v>
      </c>
      <c r="CM12" s="110">
        <v>0</v>
      </c>
      <c r="CN12" s="114">
        <v>0</v>
      </c>
      <c r="CO12" s="113">
        <v>0</v>
      </c>
      <c r="CP12" s="111">
        <v>0</v>
      </c>
      <c r="CQ12" s="114">
        <v>91730052</v>
      </c>
      <c r="CR12" s="114">
        <v>139169666</v>
      </c>
      <c r="CS12" s="114">
        <v>120693101</v>
      </c>
      <c r="CT12" s="114">
        <v>69470432</v>
      </c>
      <c r="CU12" s="114">
        <v>39535785</v>
      </c>
      <c r="CV12" s="113">
        <v>460599036</v>
      </c>
      <c r="CW12" s="116">
        <v>460599036</v>
      </c>
      <c r="CX12" s="110">
        <v>1758823</v>
      </c>
      <c r="CY12" s="114">
        <v>7243656</v>
      </c>
      <c r="CZ12" s="113">
        <v>9002479</v>
      </c>
      <c r="DA12" s="110">
        <v>0</v>
      </c>
      <c r="DB12" s="114">
        <v>7759138</v>
      </c>
      <c r="DC12" s="114">
        <v>25984855</v>
      </c>
      <c r="DD12" s="114">
        <v>20112619</v>
      </c>
      <c r="DE12" s="114">
        <v>15108273</v>
      </c>
      <c r="DF12" s="114">
        <v>5823212</v>
      </c>
      <c r="DG12" s="113">
        <v>74788097</v>
      </c>
      <c r="DH12" s="116">
        <v>83790576</v>
      </c>
      <c r="DI12" s="110">
        <v>53523</v>
      </c>
      <c r="DJ12" s="114">
        <v>547720</v>
      </c>
      <c r="DK12" s="112">
        <v>601243</v>
      </c>
      <c r="DL12" s="111">
        <v>0</v>
      </c>
      <c r="DM12" s="114">
        <v>7670469</v>
      </c>
      <c r="DN12" s="114">
        <v>21701526</v>
      </c>
      <c r="DO12" s="114">
        <v>43932727</v>
      </c>
      <c r="DP12" s="114">
        <v>44195781</v>
      </c>
      <c r="DQ12" s="114">
        <v>21576840</v>
      </c>
      <c r="DR12" s="113">
        <v>139077343</v>
      </c>
      <c r="DS12" s="116">
        <v>139678586</v>
      </c>
      <c r="DT12" s="110">
        <v>53523</v>
      </c>
      <c r="DU12" s="114">
        <v>547720</v>
      </c>
      <c r="DV12" s="113">
        <v>601243</v>
      </c>
      <c r="DW12" s="110">
        <v>0</v>
      </c>
      <c r="DX12" s="114">
        <v>7670469</v>
      </c>
      <c r="DY12" s="114">
        <v>21102523</v>
      </c>
      <c r="DZ12" s="114">
        <v>43477953</v>
      </c>
      <c r="EA12" s="114">
        <v>43358520</v>
      </c>
      <c r="EB12" s="114">
        <v>21354904</v>
      </c>
      <c r="EC12" s="113">
        <v>136964369</v>
      </c>
      <c r="ED12" s="116">
        <v>137565612</v>
      </c>
      <c r="EE12" s="110">
        <v>0</v>
      </c>
      <c r="EF12" s="112">
        <v>0</v>
      </c>
      <c r="EG12" s="113">
        <v>0</v>
      </c>
      <c r="EH12" s="110">
        <v>0</v>
      </c>
      <c r="EI12" s="114">
        <v>0</v>
      </c>
      <c r="EJ12" s="114">
        <v>599003</v>
      </c>
      <c r="EK12" s="114">
        <v>454774</v>
      </c>
      <c r="EL12" s="114">
        <v>837261</v>
      </c>
      <c r="EM12" s="114">
        <v>221936</v>
      </c>
      <c r="EN12" s="112">
        <v>2112974</v>
      </c>
      <c r="EO12" s="116">
        <v>2112974</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5"/>
      <c r="FE12" s="114">
        <v>0</v>
      </c>
      <c r="FF12" s="114">
        <v>0</v>
      </c>
      <c r="FG12" s="114">
        <v>0</v>
      </c>
      <c r="FH12" s="114">
        <v>0</v>
      </c>
      <c r="FI12" s="114">
        <v>0</v>
      </c>
      <c r="FJ12" s="113">
        <v>0</v>
      </c>
      <c r="FK12" s="116">
        <v>0</v>
      </c>
      <c r="FL12" s="110">
        <v>6974674</v>
      </c>
      <c r="FM12" s="114">
        <v>21881486</v>
      </c>
      <c r="FN12" s="113">
        <v>28856160</v>
      </c>
      <c r="FO12" s="110">
        <v>0</v>
      </c>
      <c r="FP12" s="114">
        <v>17776564</v>
      </c>
      <c r="FQ12" s="114">
        <v>55910163</v>
      </c>
      <c r="FR12" s="114">
        <v>40425414</v>
      </c>
      <c r="FS12" s="114">
        <v>33869145</v>
      </c>
      <c r="FT12" s="114">
        <v>22846777</v>
      </c>
      <c r="FU12" s="113">
        <v>170828063</v>
      </c>
      <c r="FV12" s="116">
        <v>199684223</v>
      </c>
      <c r="FW12" s="115">
        <v>4632516</v>
      </c>
      <c r="FX12" s="114">
        <v>17257392</v>
      </c>
      <c r="FY12" s="112">
        <v>21889908</v>
      </c>
      <c r="FZ12" s="111">
        <v>0</v>
      </c>
      <c r="GA12" s="114">
        <v>14238494</v>
      </c>
      <c r="GB12" s="114">
        <v>49559833</v>
      </c>
      <c r="GC12" s="114">
        <v>37401655</v>
      </c>
      <c r="GD12" s="114">
        <v>31274496</v>
      </c>
      <c r="GE12" s="114">
        <v>21784433</v>
      </c>
      <c r="GF12" s="113">
        <v>154258911</v>
      </c>
      <c r="GG12" s="316">
        <v>176148819</v>
      </c>
      <c r="GH12" s="115">
        <v>326881</v>
      </c>
      <c r="GI12" s="114">
        <v>1128898</v>
      </c>
      <c r="GJ12" s="112">
        <v>1455779</v>
      </c>
      <c r="GK12" s="111">
        <v>0</v>
      </c>
      <c r="GL12" s="114">
        <v>734434</v>
      </c>
      <c r="GM12" s="114">
        <v>2051292</v>
      </c>
      <c r="GN12" s="114">
        <v>1098613</v>
      </c>
      <c r="GO12" s="114">
        <v>1147170</v>
      </c>
      <c r="GP12" s="114">
        <v>585844</v>
      </c>
      <c r="GQ12" s="113">
        <v>5617353</v>
      </c>
      <c r="GR12" s="116">
        <v>7073132</v>
      </c>
      <c r="GS12" s="110">
        <v>2015277</v>
      </c>
      <c r="GT12" s="114">
        <v>3495196</v>
      </c>
      <c r="GU12" s="113">
        <v>5510473</v>
      </c>
      <c r="GV12" s="110">
        <v>0</v>
      </c>
      <c r="GW12" s="114">
        <v>2803636</v>
      </c>
      <c r="GX12" s="114">
        <v>4299038</v>
      </c>
      <c r="GY12" s="114">
        <v>1925146</v>
      </c>
      <c r="GZ12" s="114">
        <v>1447479</v>
      </c>
      <c r="HA12" s="114">
        <v>476500</v>
      </c>
      <c r="HB12" s="112">
        <v>10951799</v>
      </c>
      <c r="HC12" s="116">
        <v>16462272</v>
      </c>
      <c r="HD12" s="110">
        <v>6620349</v>
      </c>
      <c r="HE12" s="114">
        <v>11802733</v>
      </c>
      <c r="HF12" s="112">
        <v>18423082</v>
      </c>
      <c r="HG12" s="111">
        <v>0</v>
      </c>
      <c r="HH12" s="114">
        <v>58547833</v>
      </c>
      <c r="HI12" s="114">
        <v>52494012</v>
      </c>
      <c r="HJ12" s="114">
        <v>60701513</v>
      </c>
      <c r="HK12" s="114">
        <v>72456219</v>
      </c>
      <c r="HL12" s="114">
        <v>42848000</v>
      </c>
      <c r="HM12" s="113">
        <v>287047577</v>
      </c>
      <c r="HN12" s="109">
        <v>305470659</v>
      </c>
      <c r="HO12" s="115">
        <v>4746602</v>
      </c>
      <c r="HP12" s="114">
        <v>12941961</v>
      </c>
      <c r="HQ12" s="113">
        <v>17688563</v>
      </c>
      <c r="HR12" s="110">
        <v>0</v>
      </c>
      <c r="HS12" s="114">
        <v>53970862</v>
      </c>
      <c r="HT12" s="114">
        <v>72506914</v>
      </c>
      <c r="HU12" s="114">
        <v>51240914</v>
      </c>
      <c r="HV12" s="114">
        <v>32179095</v>
      </c>
      <c r="HW12" s="114">
        <v>18641879</v>
      </c>
      <c r="HX12" s="112">
        <v>228539664</v>
      </c>
      <c r="HY12" s="116">
        <v>246228227</v>
      </c>
      <c r="HZ12" s="131">
        <v>951521</v>
      </c>
      <c r="IA12" s="132">
        <v>3006901</v>
      </c>
      <c r="IB12" s="133">
        <v>3958422</v>
      </c>
      <c r="IC12" s="134">
        <v>0</v>
      </c>
      <c r="ID12" s="135">
        <v>120771238</v>
      </c>
      <c r="IE12" s="136">
        <v>181955509</v>
      </c>
      <c r="IF12" s="137">
        <v>207557942</v>
      </c>
      <c r="IG12" s="135">
        <v>138885495</v>
      </c>
      <c r="IH12" s="137">
        <v>86027298</v>
      </c>
      <c r="II12" s="138">
        <v>735197482</v>
      </c>
      <c r="IJ12" s="139">
        <v>739155904</v>
      </c>
      <c r="IK12" s="232">
        <v>0</v>
      </c>
      <c r="IL12" s="236">
        <v>0</v>
      </c>
      <c r="IM12" s="237">
        <v>0</v>
      </c>
      <c r="IN12" s="140"/>
      <c r="IO12" s="119">
        <v>2382710</v>
      </c>
      <c r="IP12" s="119">
        <v>3674199</v>
      </c>
      <c r="IQ12" s="119">
        <v>5881661</v>
      </c>
      <c r="IR12" s="119">
        <v>5648805</v>
      </c>
      <c r="IS12" s="119">
        <v>6608327</v>
      </c>
      <c r="IT12" s="141">
        <v>24195702</v>
      </c>
      <c r="IU12" s="318">
        <v>24195702</v>
      </c>
      <c r="IV12" s="142">
        <v>0</v>
      </c>
      <c r="IW12" s="119">
        <v>0</v>
      </c>
      <c r="IX12" s="120">
        <v>0</v>
      </c>
      <c r="IY12" s="144"/>
      <c r="IZ12" s="119">
        <v>11609</v>
      </c>
      <c r="JA12" s="119">
        <v>11609</v>
      </c>
      <c r="JB12" s="119">
        <v>11609</v>
      </c>
      <c r="JC12" s="119">
        <v>39051</v>
      </c>
      <c r="JD12" s="119">
        <v>99939</v>
      </c>
      <c r="JE12" s="120">
        <v>173817</v>
      </c>
      <c r="JF12" s="121">
        <v>173817</v>
      </c>
      <c r="JG12" s="142">
        <v>0</v>
      </c>
      <c r="JH12" s="119">
        <v>0</v>
      </c>
      <c r="JI12" s="141">
        <v>0</v>
      </c>
      <c r="JJ12" s="118">
        <v>0</v>
      </c>
      <c r="JK12" s="119">
        <v>46134894</v>
      </c>
      <c r="JL12" s="119">
        <v>68368566</v>
      </c>
      <c r="JM12" s="119">
        <v>51145007</v>
      </c>
      <c r="JN12" s="119">
        <v>31515805</v>
      </c>
      <c r="JO12" s="119">
        <v>18291825</v>
      </c>
      <c r="JP12" s="120">
        <v>215456097</v>
      </c>
      <c r="JQ12" s="318">
        <v>215456097</v>
      </c>
      <c r="JR12" s="142">
        <v>77547</v>
      </c>
      <c r="JS12" s="119">
        <v>0</v>
      </c>
      <c r="JT12" s="141">
        <v>77547</v>
      </c>
      <c r="JU12" s="118">
        <v>0</v>
      </c>
      <c r="JV12" s="119">
        <v>1433781</v>
      </c>
      <c r="JW12" s="119">
        <v>2135766</v>
      </c>
      <c r="JX12" s="119">
        <v>5584527</v>
      </c>
      <c r="JY12" s="119">
        <v>3174927</v>
      </c>
      <c r="JZ12" s="119">
        <v>3738498</v>
      </c>
      <c r="KA12" s="120">
        <v>16067499</v>
      </c>
      <c r="KB12" s="318">
        <v>16145046</v>
      </c>
      <c r="KC12" s="234">
        <v>873974</v>
      </c>
      <c r="KD12" s="230">
        <v>2259218</v>
      </c>
      <c r="KE12" s="120">
        <v>3133192</v>
      </c>
      <c r="KF12" s="118">
        <v>0</v>
      </c>
      <c r="KG12" s="119">
        <v>15112523</v>
      </c>
      <c r="KH12" s="119">
        <v>25209913</v>
      </c>
      <c r="KI12" s="119">
        <v>32665447</v>
      </c>
      <c r="KJ12" s="119">
        <v>22072058</v>
      </c>
      <c r="KK12" s="119">
        <v>6201022</v>
      </c>
      <c r="KL12" s="120">
        <v>101260963</v>
      </c>
      <c r="KM12" s="143">
        <v>104394155</v>
      </c>
      <c r="KN12" s="232">
        <v>0</v>
      </c>
      <c r="KO12" s="236">
        <v>747683</v>
      </c>
      <c r="KP12" s="237">
        <v>747683</v>
      </c>
      <c r="KQ12" s="140"/>
      <c r="KR12" s="119">
        <v>53638995</v>
      </c>
      <c r="KS12" s="119">
        <v>77901162</v>
      </c>
      <c r="KT12" s="119">
        <v>100763096</v>
      </c>
      <c r="KU12" s="119">
        <v>59235804</v>
      </c>
      <c r="KV12" s="119">
        <v>40559544</v>
      </c>
      <c r="KW12" s="120">
        <v>332098601</v>
      </c>
      <c r="KX12" s="318">
        <v>332846284</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16135</v>
      </c>
      <c r="LP12" s="119">
        <v>4174186</v>
      </c>
      <c r="LQ12" s="119">
        <v>8207069</v>
      </c>
      <c r="LR12" s="119">
        <v>2948967</v>
      </c>
      <c r="LS12" s="120">
        <v>15746357</v>
      </c>
      <c r="LT12" s="318">
        <v>15746357</v>
      </c>
      <c r="LU12" s="142">
        <v>0</v>
      </c>
      <c r="LV12" s="119">
        <v>0</v>
      </c>
      <c r="LW12" s="120">
        <v>0</v>
      </c>
      <c r="LX12" s="145"/>
      <c r="LY12" s="119">
        <v>2056726</v>
      </c>
      <c r="LZ12" s="119">
        <v>4238159</v>
      </c>
      <c r="MA12" s="119">
        <v>7332409</v>
      </c>
      <c r="MB12" s="119">
        <v>8991976</v>
      </c>
      <c r="MC12" s="119">
        <v>7579176</v>
      </c>
      <c r="MD12" s="120">
        <v>30198446</v>
      </c>
      <c r="ME12" s="121">
        <v>30198446</v>
      </c>
      <c r="MF12" s="142">
        <v>0</v>
      </c>
      <c r="MG12" s="119">
        <v>0</v>
      </c>
      <c r="MH12" s="120">
        <v>0</v>
      </c>
      <c r="MI12" s="145"/>
      <c r="MJ12" s="119">
        <v>22434904</v>
      </c>
      <c r="MK12" s="119">
        <v>65789865</v>
      </c>
      <c r="ML12" s="119">
        <v>310819612</v>
      </c>
      <c r="MM12" s="119">
        <v>530568374</v>
      </c>
      <c r="MN12" s="119">
        <v>349270750</v>
      </c>
      <c r="MO12" s="120">
        <v>1278883505</v>
      </c>
      <c r="MP12" s="143">
        <v>1278883505</v>
      </c>
      <c r="MQ12" s="142">
        <v>0</v>
      </c>
      <c r="MR12" s="119">
        <v>0</v>
      </c>
      <c r="MS12" s="120">
        <v>0</v>
      </c>
      <c r="MT12" s="145"/>
      <c r="MU12" s="119">
        <v>1989054</v>
      </c>
      <c r="MV12" s="119">
        <v>11268997</v>
      </c>
      <c r="MW12" s="119">
        <v>221131993</v>
      </c>
      <c r="MX12" s="119">
        <v>370273675</v>
      </c>
      <c r="MY12" s="119">
        <v>245374199</v>
      </c>
      <c r="MZ12" s="120">
        <v>850037918</v>
      </c>
      <c r="NA12" s="143">
        <v>850037918</v>
      </c>
      <c r="NB12" s="142">
        <v>0</v>
      </c>
      <c r="NC12" s="119">
        <v>0</v>
      </c>
      <c r="ND12" s="120">
        <v>0</v>
      </c>
      <c r="NE12" s="145"/>
      <c r="NF12" s="119">
        <v>20445850</v>
      </c>
      <c r="NG12" s="119">
        <v>54520868</v>
      </c>
      <c r="NH12" s="119">
        <v>87191757</v>
      </c>
      <c r="NI12" s="119">
        <v>125528772</v>
      </c>
      <c r="NJ12" s="119">
        <v>62977672</v>
      </c>
      <c r="NK12" s="120">
        <v>350664919</v>
      </c>
      <c r="NL12" s="318">
        <v>350664919</v>
      </c>
      <c r="NM12" s="142">
        <v>0</v>
      </c>
      <c r="NN12" s="119">
        <v>0</v>
      </c>
      <c r="NO12" s="120">
        <v>0</v>
      </c>
      <c r="NP12" s="145"/>
      <c r="NQ12" s="119">
        <v>0</v>
      </c>
      <c r="NR12" s="119">
        <v>0</v>
      </c>
      <c r="NS12" s="119">
        <v>0</v>
      </c>
      <c r="NT12" s="119">
        <v>8060644</v>
      </c>
      <c r="NU12" s="119">
        <v>6825599</v>
      </c>
      <c r="NV12" s="120">
        <v>14886243</v>
      </c>
      <c r="NW12" s="121">
        <v>14886243</v>
      </c>
      <c r="NX12" s="142">
        <v>0</v>
      </c>
      <c r="NY12" s="119">
        <v>0</v>
      </c>
      <c r="NZ12" s="120">
        <v>0</v>
      </c>
      <c r="OA12" s="145"/>
      <c r="OB12" s="119">
        <v>0</v>
      </c>
      <c r="OC12" s="119">
        <v>0</v>
      </c>
      <c r="OD12" s="119">
        <v>2495862</v>
      </c>
      <c r="OE12" s="119">
        <v>26705283</v>
      </c>
      <c r="OF12" s="119">
        <v>34093280</v>
      </c>
      <c r="OG12" s="120">
        <v>63294425</v>
      </c>
      <c r="OH12" s="121">
        <v>63294425</v>
      </c>
      <c r="OI12" s="142">
        <v>26131355</v>
      </c>
      <c r="OJ12" s="119">
        <v>76258573</v>
      </c>
      <c r="OK12" s="141">
        <v>102389928</v>
      </c>
      <c r="OL12" s="118">
        <v>0</v>
      </c>
      <c r="OM12" s="119">
        <v>470421049</v>
      </c>
      <c r="ON12" s="119">
        <v>786868219</v>
      </c>
      <c r="OO12" s="119">
        <v>1018834122</v>
      </c>
      <c r="OP12" s="119">
        <v>1092275331</v>
      </c>
      <c r="OQ12" s="119">
        <v>729275534</v>
      </c>
      <c r="OR12" s="120">
        <v>4097674255</v>
      </c>
      <c r="OS12" s="143">
        <v>4200064183</v>
      </c>
    </row>
    <row r="13" spans="1:409" ht="21" customHeight="1" x14ac:dyDescent="0.2">
      <c r="B13" s="62" t="s">
        <v>7</v>
      </c>
      <c r="C13" s="110">
        <v>15539313</v>
      </c>
      <c r="D13" s="114">
        <v>17698866</v>
      </c>
      <c r="E13" s="113">
        <v>33238179</v>
      </c>
      <c r="F13" s="109">
        <v>0</v>
      </c>
      <c r="G13" s="114">
        <v>371673957</v>
      </c>
      <c r="H13" s="114">
        <v>332223249</v>
      </c>
      <c r="I13" s="114">
        <v>284468049</v>
      </c>
      <c r="J13" s="114">
        <v>298161926</v>
      </c>
      <c r="K13" s="114">
        <v>204445208</v>
      </c>
      <c r="L13" s="109">
        <v>1490972389</v>
      </c>
      <c r="M13" s="116">
        <v>1524210568</v>
      </c>
      <c r="N13" s="110">
        <v>2051758</v>
      </c>
      <c r="O13" s="114">
        <v>1960830</v>
      </c>
      <c r="P13" s="113">
        <v>4012588</v>
      </c>
      <c r="Q13" s="110">
        <v>0</v>
      </c>
      <c r="R13" s="114">
        <v>89970110</v>
      </c>
      <c r="S13" s="114">
        <v>96150863</v>
      </c>
      <c r="T13" s="114">
        <v>93142387</v>
      </c>
      <c r="U13" s="114">
        <v>127721983</v>
      </c>
      <c r="V13" s="114">
        <v>115415719</v>
      </c>
      <c r="W13" s="113">
        <v>522401062</v>
      </c>
      <c r="X13" s="116">
        <v>526413650</v>
      </c>
      <c r="Y13" s="110">
        <v>0</v>
      </c>
      <c r="Z13" s="114">
        <v>0</v>
      </c>
      <c r="AA13" s="113">
        <v>0</v>
      </c>
      <c r="AB13" s="110">
        <v>0</v>
      </c>
      <c r="AC13" s="114">
        <v>49135071</v>
      </c>
      <c r="AD13" s="114">
        <v>52907467</v>
      </c>
      <c r="AE13" s="114">
        <v>58126101</v>
      </c>
      <c r="AF13" s="114">
        <v>82934232</v>
      </c>
      <c r="AG13" s="114">
        <v>74622137</v>
      </c>
      <c r="AH13" s="113">
        <v>317725008</v>
      </c>
      <c r="AI13" s="116">
        <v>317725008</v>
      </c>
      <c r="AJ13" s="110">
        <v>0</v>
      </c>
      <c r="AK13" s="114">
        <v>0</v>
      </c>
      <c r="AL13" s="113">
        <v>0</v>
      </c>
      <c r="AM13" s="110">
        <v>0</v>
      </c>
      <c r="AN13" s="114">
        <v>927026</v>
      </c>
      <c r="AO13" s="114">
        <v>2822586</v>
      </c>
      <c r="AP13" s="114">
        <v>4217042</v>
      </c>
      <c r="AQ13" s="114">
        <v>8909388</v>
      </c>
      <c r="AR13" s="114">
        <v>12825739</v>
      </c>
      <c r="AS13" s="113">
        <v>29701781</v>
      </c>
      <c r="AT13" s="116">
        <v>29701781</v>
      </c>
      <c r="AU13" s="110">
        <v>357436</v>
      </c>
      <c r="AV13" s="114">
        <v>660868</v>
      </c>
      <c r="AW13" s="113">
        <v>1018304</v>
      </c>
      <c r="AX13" s="110">
        <v>0</v>
      </c>
      <c r="AY13" s="114">
        <v>22151712</v>
      </c>
      <c r="AZ13" s="114">
        <v>24228160</v>
      </c>
      <c r="BA13" s="114">
        <v>15986072</v>
      </c>
      <c r="BB13" s="114">
        <v>19884525</v>
      </c>
      <c r="BC13" s="114">
        <v>17675135</v>
      </c>
      <c r="BD13" s="113">
        <v>99925604</v>
      </c>
      <c r="BE13" s="116">
        <v>100943908</v>
      </c>
      <c r="BF13" s="110">
        <v>94135</v>
      </c>
      <c r="BG13" s="114">
        <v>240740</v>
      </c>
      <c r="BH13" s="112">
        <v>334875</v>
      </c>
      <c r="BI13" s="111">
        <v>0</v>
      </c>
      <c r="BJ13" s="114">
        <v>2156820</v>
      </c>
      <c r="BK13" s="114">
        <v>2842270</v>
      </c>
      <c r="BL13" s="114">
        <v>2049294</v>
      </c>
      <c r="BM13" s="114">
        <v>2168495</v>
      </c>
      <c r="BN13" s="114">
        <v>1215456</v>
      </c>
      <c r="BO13" s="113">
        <v>10432335</v>
      </c>
      <c r="BP13" s="116">
        <v>10767210</v>
      </c>
      <c r="BQ13" s="110">
        <v>1600187</v>
      </c>
      <c r="BR13" s="114">
        <v>1059222</v>
      </c>
      <c r="BS13" s="113">
        <v>2659409</v>
      </c>
      <c r="BT13" s="110">
        <v>0</v>
      </c>
      <c r="BU13" s="114">
        <v>15599481</v>
      </c>
      <c r="BV13" s="114">
        <v>13350380</v>
      </c>
      <c r="BW13" s="114">
        <v>12763878</v>
      </c>
      <c r="BX13" s="114">
        <v>13825343</v>
      </c>
      <c r="BY13" s="114">
        <v>9077252</v>
      </c>
      <c r="BZ13" s="113">
        <v>64616334</v>
      </c>
      <c r="CA13" s="116">
        <v>67275743</v>
      </c>
      <c r="CB13" s="110">
        <v>824945</v>
      </c>
      <c r="CC13" s="114">
        <v>2411204</v>
      </c>
      <c r="CD13" s="113">
        <v>3236149</v>
      </c>
      <c r="CE13" s="110">
        <v>0</v>
      </c>
      <c r="CF13" s="114">
        <v>105533277</v>
      </c>
      <c r="CG13" s="114">
        <v>88859037</v>
      </c>
      <c r="CH13" s="114">
        <v>57978282</v>
      </c>
      <c r="CI13" s="114">
        <v>38481983</v>
      </c>
      <c r="CJ13" s="114">
        <v>17153957</v>
      </c>
      <c r="CK13" s="113">
        <v>308006536</v>
      </c>
      <c r="CL13" s="116">
        <v>311242685</v>
      </c>
      <c r="CM13" s="110">
        <v>0</v>
      </c>
      <c r="CN13" s="114">
        <v>0</v>
      </c>
      <c r="CO13" s="113">
        <v>0</v>
      </c>
      <c r="CP13" s="111">
        <v>0</v>
      </c>
      <c r="CQ13" s="114">
        <v>91223977</v>
      </c>
      <c r="CR13" s="114">
        <v>73165988</v>
      </c>
      <c r="CS13" s="114">
        <v>45906142</v>
      </c>
      <c r="CT13" s="114">
        <v>31051920</v>
      </c>
      <c r="CU13" s="114">
        <v>14569572</v>
      </c>
      <c r="CV13" s="113">
        <v>255917599</v>
      </c>
      <c r="CW13" s="116">
        <v>255917599</v>
      </c>
      <c r="CX13" s="110">
        <v>824945</v>
      </c>
      <c r="CY13" s="114">
        <v>2411204</v>
      </c>
      <c r="CZ13" s="113">
        <v>3236149</v>
      </c>
      <c r="DA13" s="110">
        <v>0</v>
      </c>
      <c r="DB13" s="114">
        <v>14309300</v>
      </c>
      <c r="DC13" s="114">
        <v>15693049</v>
      </c>
      <c r="DD13" s="114">
        <v>12072140</v>
      </c>
      <c r="DE13" s="114">
        <v>7430063</v>
      </c>
      <c r="DF13" s="114">
        <v>2584385</v>
      </c>
      <c r="DG13" s="113">
        <v>52088937</v>
      </c>
      <c r="DH13" s="116">
        <v>55325086</v>
      </c>
      <c r="DI13" s="110">
        <v>33070</v>
      </c>
      <c r="DJ13" s="114">
        <v>139659</v>
      </c>
      <c r="DK13" s="112">
        <v>172729</v>
      </c>
      <c r="DL13" s="111">
        <v>0</v>
      </c>
      <c r="DM13" s="114">
        <v>11253915</v>
      </c>
      <c r="DN13" s="114">
        <v>20395705</v>
      </c>
      <c r="DO13" s="114">
        <v>29851441</v>
      </c>
      <c r="DP13" s="114">
        <v>24384655</v>
      </c>
      <c r="DQ13" s="114">
        <v>9714638</v>
      </c>
      <c r="DR13" s="113">
        <v>95600354</v>
      </c>
      <c r="DS13" s="116">
        <v>95773083</v>
      </c>
      <c r="DT13" s="110">
        <v>33070</v>
      </c>
      <c r="DU13" s="114">
        <v>139659</v>
      </c>
      <c r="DV13" s="113">
        <v>172729</v>
      </c>
      <c r="DW13" s="110">
        <v>0</v>
      </c>
      <c r="DX13" s="114">
        <v>10973292</v>
      </c>
      <c r="DY13" s="114">
        <v>19159946</v>
      </c>
      <c r="DZ13" s="114">
        <v>27808218</v>
      </c>
      <c r="EA13" s="114">
        <v>22383552</v>
      </c>
      <c r="EB13" s="114">
        <v>9139175</v>
      </c>
      <c r="EC13" s="113">
        <v>89464183</v>
      </c>
      <c r="ED13" s="116">
        <v>89636912</v>
      </c>
      <c r="EE13" s="110">
        <v>0</v>
      </c>
      <c r="EF13" s="112">
        <v>0</v>
      </c>
      <c r="EG13" s="113">
        <v>0</v>
      </c>
      <c r="EH13" s="110">
        <v>0</v>
      </c>
      <c r="EI13" s="114">
        <v>280623</v>
      </c>
      <c r="EJ13" s="114">
        <v>1235759</v>
      </c>
      <c r="EK13" s="114">
        <v>2043223</v>
      </c>
      <c r="EL13" s="114">
        <v>2001103</v>
      </c>
      <c r="EM13" s="114">
        <v>575463</v>
      </c>
      <c r="EN13" s="112">
        <v>6136171</v>
      </c>
      <c r="EO13" s="116">
        <v>6136171</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5"/>
      <c r="FE13" s="114">
        <v>0</v>
      </c>
      <c r="FF13" s="114">
        <v>0</v>
      </c>
      <c r="FG13" s="114">
        <v>0</v>
      </c>
      <c r="FH13" s="114">
        <v>0</v>
      </c>
      <c r="FI13" s="114">
        <v>0</v>
      </c>
      <c r="FJ13" s="113">
        <v>0</v>
      </c>
      <c r="FK13" s="116">
        <v>0</v>
      </c>
      <c r="FL13" s="110">
        <v>4498180</v>
      </c>
      <c r="FM13" s="114">
        <v>4746827</v>
      </c>
      <c r="FN13" s="113">
        <v>9245007</v>
      </c>
      <c r="FO13" s="110">
        <v>0</v>
      </c>
      <c r="FP13" s="114">
        <v>16480011</v>
      </c>
      <c r="FQ13" s="114">
        <v>30577279</v>
      </c>
      <c r="FR13" s="114">
        <v>21561122</v>
      </c>
      <c r="FS13" s="114">
        <v>20173896</v>
      </c>
      <c r="FT13" s="114">
        <v>13101252</v>
      </c>
      <c r="FU13" s="113">
        <v>101893560</v>
      </c>
      <c r="FV13" s="116">
        <v>111138567</v>
      </c>
      <c r="FW13" s="115">
        <v>1382486</v>
      </c>
      <c r="FX13" s="114">
        <v>3397147</v>
      </c>
      <c r="FY13" s="112">
        <v>4779633</v>
      </c>
      <c r="FZ13" s="111">
        <v>0</v>
      </c>
      <c r="GA13" s="114">
        <v>11815618</v>
      </c>
      <c r="GB13" s="114">
        <v>28415044</v>
      </c>
      <c r="GC13" s="114">
        <v>20140792</v>
      </c>
      <c r="GD13" s="114">
        <v>19265210</v>
      </c>
      <c r="GE13" s="114">
        <v>12823341</v>
      </c>
      <c r="GF13" s="113">
        <v>92460005</v>
      </c>
      <c r="GG13" s="316">
        <v>97239638</v>
      </c>
      <c r="GH13" s="115">
        <v>206591</v>
      </c>
      <c r="GI13" s="114">
        <v>253354</v>
      </c>
      <c r="GJ13" s="112">
        <v>459945</v>
      </c>
      <c r="GK13" s="111">
        <v>0</v>
      </c>
      <c r="GL13" s="114">
        <v>579718</v>
      </c>
      <c r="GM13" s="114">
        <v>940338</v>
      </c>
      <c r="GN13" s="114">
        <v>668367</v>
      </c>
      <c r="GO13" s="114">
        <v>498061</v>
      </c>
      <c r="GP13" s="114">
        <v>216711</v>
      </c>
      <c r="GQ13" s="113">
        <v>2903195</v>
      </c>
      <c r="GR13" s="116">
        <v>3363140</v>
      </c>
      <c r="GS13" s="110">
        <v>2909103</v>
      </c>
      <c r="GT13" s="114">
        <v>1096326</v>
      </c>
      <c r="GU13" s="113">
        <v>4005429</v>
      </c>
      <c r="GV13" s="110">
        <v>0</v>
      </c>
      <c r="GW13" s="114">
        <v>4084675</v>
      </c>
      <c r="GX13" s="114">
        <v>1221897</v>
      </c>
      <c r="GY13" s="114">
        <v>751963</v>
      </c>
      <c r="GZ13" s="114">
        <v>410625</v>
      </c>
      <c r="HA13" s="114">
        <v>61200</v>
      </c>
      <c r="HB13" s="112">
        <v>6530360</v>
      </c>
      <c r="HC13" s="116">
        <v>10535789</v>
      </c>
      <c r="HD13" s="110">
        <v>6177010</v>
      </c>
      <c r="HE13" s="114">
        <v>4752895</v>
      </c>
      <c r="HF13" s="112">
        <v>10929905</v>
      </c>
      <c r="HG13" s="111">
        <v>0</v>
      </c>
      <c r="HH13" s="114">
        <v>82132260</v>
      </c>
      <c r="HI13" s="114">
        <v>50718892</v>
      </c>
      <c r="HJ13" s="114">
        <v>52174255</v>
      </c>
      <c r="HK13" s="114">
        <v>65112398</v>
      </c>
      <c r="HL13" s="114">
        <v>36710181</v>
      </c>
      <c r="HM13" s="113">
        <v>286847986</v>
      </c>
      <c r="HN13" s="109">
        <v>297777891</v>
      </c>
      <c r="HO13" s="115">
        <v>1954350</v>
      </c>
      <c r="HP13" s="114">
        <v>3687451</v>
      </c>
      <c r="HQ13" s="113">
        <v>5641801</v>
      </c>
      <c r="HR13" s="110">
        <v>0</v>
      </c>
      <c r="HS13" s="114">
        <v>66304384</v>
      </c>
      <c r="HT13" s="114">
        <v>45521473</v>
      </c>
      <c r="HU13" s="114">
        <v>29760562</v>
      </c>
      <c r="HV13" s="114">
        <v>22287011</v>
      </c>
      <c r="HW13" s="114">
        <v>12349461</v>
      </c>
      <c r="HX13" s="112">
        <v>176222891</v>
      </c>
      <c r="HY13" s="116">
        <v>181864692</v>
      </c>
      <c r="HZ13" s="131">
        <v>133827</v>
      </c>
      <c r="IA13" s="132">
        <v>692330</v>
      </c>
      <c r="IB13" s="133">
        <v>826157</v>
      </c>
      <c r="IC13" s="146">
        <v>0</v>
      </c>
      <c r="ID13" s="132">
        <v>100815890</v>
      </c>
      <c r="IE13" s="147">
        <v>100297472</v>
      </c>
      <c r="IF13" s="133">
        <v>106495946</v>
      </c>
      <c r="IG13" s="132">
        <v>72789181</v>
      </c>
      <c r="IH13" s="133">
        <v>40614924</v>
      </c>
      <c r="II13" s="148">
        <v>421013413</v>
      </c>
      <c r="IJ13" s="139">
        <v>421839570</v>
      </c>
      <c r="IK13" s="232">
        <v>0</v>
      </c>
      <c r="IL13" s="236">
        <v>0</v>
      </c>
      <c r="IM13" s="237">
        <v>0</v>
      </c>
      <c r="IN13" s="140"/>
      <c r="IO13" s="119">
        <v>440616</v>
      </c>
      <c r="IP13" s="119">
        <v>773230</v>
      </c>
      <c r="IQ13" s="119">
        <v>1863449</v>
      </c>
      <c r="IR13" s="119">
        <v>2448439</v>
      </c>
      <c r="IS13" s="119">
        <v>2254229</v>
      </c>
      <c r="IT13" s="141">
        <v>7779963</v>
      </c>
      <c r="IU13" s="318">
        <v>7779963</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51228306</v>
      </c>
      <c r="JL13" s="119">
        <v>41121355</v>
      </c>
      <c r="JM13" s="119">
        <v>27045271</v>
      </c>
      <c r="JN13" s="119">
        <v>14111020</v>
      </c>
      <c r="JO13" s="119">
        <v>4833331</v>
      </c>
      <c r="JP13" s="120">
        <v>138339283</v>
      </c>
      <c r="JQ13" s="318">
        <v>138339283</v>
      </c>
      <c r="JR13" s="142">
        <v>0</v>
      </c>
      <c r="JS13" s="119">
        <v>0</v>
      </c>
      <c r="JT13" s="141">
        <v>0</v>
      </c>
      <c r="JU13" s="118">
        <v>0</v>
      </c>
      <c r="JV13" s="119">
        <v>8232780</v>
      </c>
      <c r="JW13" s="119">
        <v>11691926</v>
      </c>
      <c r="JX13" s="119">
        <v>14075216</v>
      </c>
      <c r="JY13" s="119">
        <v>7230320</v>
      </c>
      <c r="JZ13" s="119">
        <v>2944765</v>
      </c>
      <c r="KA13" s="120">
        <v>44175007</v>
      </c>
      <c r="KB13" s="318">
        <v>44175007</v>
      </c>
      <c r="KC13" s="234">
        <v>133827</v>
      </c>
      <c r="KD13" s="230">
        <v>692330</v>
      </c>
      <c r="KE13" s="120">
        <v>826157</v>
      </c>
      <c r="KF13" s="118">
        <v>0</v>
      </c>
      <c r="KG13" s="119">
        <v>5595262</v>
      </c>
      <c r="KH13" s="119">
        <v>5964677</v>
      </c>
      <c r="KI13" s="119">
        <v>10877752</v>
      </c>
      <c r="KJ13" s="119">
        <v>6183623</v>
      </c>
      <c r="KK13" s="119">
        <v>1478872</v>
      </c>
      <c r="KL13" s="120">
        <v>30100186</v>
      </c>
      <c r="KM13" s="143">
        <v>30926343</v>
      </c>
      <c r="KN13" s="232">
        <v>0</v>
      </c>
      <c r="KO13" s="236">
        <v>0</v>
      </c>
      <c r="KP13" s="237">
        <v>0</v>
      </c>
      <c r="KQ13" s="140"/>
      <c r="KR13" s="119">
        <v>33644887</v>
      </c>
      <c r="KS13" s="119">
        <v>39069632</v>
      </c>
      <c r="KT13" s="119">
        <v>48538715</v>
      </c>
      <c r="KU13" s="119">
        <v>39421166</v>
      </c>
      <c r="KV13" s="119">
        <v>21525990</v>
      </c>
      <c r="KW13" s="120">
        <v>182200390</v>
      </c>
      <c r="KX13" s="318">
        <v>182200390</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18">
        <v>0</v>
      </c>
      <c r="LU13" s="142">
        <v>0</v>
      </c>
      <c r="LV13" s="119">
        <v>0</v>
      </c>
      <c r="LW13" s="120">
        <v>0</v>
      </c>
      <c r="LX13" s="145"/>
      <c r="LY13" s="119">
        <v>1674039</v>
      </c>
      <c r="LZ13" s="119">
        <v>1676652</v>
      </c>
      <c r="MA13" s="119">
        <v>4095543</v>
      </c>
      <c r="MB13" s="119">
        <v>3394613</v>
      </c>
      <c r="MC13" s="119">
        <v>7577737</v>
      </c>
      <c r="MD13" s="120">
        <v>18418584</v>
      </c>
      <c r="ME13" s="121">
        <v>18418584</v>
      </c>
      <c r="MF13" s="142">
        <v>0</v>
      </c>
      <c r="MG13" s="119">
        <v>0</v>
      </c>
      <c r="MH13" s="120">
        <v>0</v>
      </c>
      <c r="MI13" s="145"/>
      <c r="MJ13" s="119">
        <v>43496042</v>
      </c>
      <c r="MK13" s="119">
        <v>68118888</v>
      </c>
      <c r="ML13" s="119">
        <v>221208222</v>
      </c>
      <c r="MM13" s="119">
        <v>358435287</v>
      </c>
      <c r="MN13" s="119">
        <v>203086919</v>
      </c>
      <c r="MO13" s="120">
        <v>894345358</v>
      </c>
      <c r="MP13" s="143">
        <v>894345358</v>
      </c>
      <c r="MQ13" s="142">
        <v>0</v>
      </c>
      <c r="MR13" s="119">
        <v>0</v>
      </c>
      <c r="MS13" s="120">
        <v>0</v>
      </c>
      <c r="MT13" s="145"/>
      <c r="MU13" s="119">
        <v>4973435</v>
      </c>
      <c r="MV13" s="119">
        <v>9784920</v>
      </c>
      <c r="MW13" s="119">
        <v>142619576</v>
      </c>
      <c r="MX13" s="119">
        <v>263047668</v>
      </c>
      <c r="MY13" s="119">
        <v>168066562</v>
      </c>
      <c r="MZ13" s="120">
        <v>588492161</v>
      </c>
      <c r="NA13" s="143">
        <v>588492161</v>
      </c>
      <c r="NB13" s="142">
        <v>0</v>
      </c>
      <c r="NC13" s="119">
        <v>0</v>
      </c>
      <c r="ND13" s="120">
        <v>0</v>
      </c>
      <c r="NE13" s="145"/>
      <c r="NF13" s="119">
        <v>38522607</v>
      </c>
      <c r="NG13" s="119">
        <v>58333968</v>
      </c>
      <c r="NH13" s="119">
        <v>77875377</v>
      </c>
      <c r="NI13" s="119">
        <v>93913897</v>
      </c>
      <c r="NJ13" s="119">
        <v>33135262</v>
      </c>
      <c r="NK13" s="120">
        <v>301781111</v>
      </c>
      <c r="NL13" s="318">
        <v>301781111</v>
      </c>
      <c r="NM13" s="142">
        <v>0</v>
      </c>
      <c r="NN13" s="119">
        <v>0</v>
      </c>
      <c r="NO13" s="120">
        <v>0</v>
      </c>
      <c r="NP13" s="145"/>
      <c r="NQ13" s="119">
        <v>0</v>
      </c>
      <c r="NR13" s="119">
        <v>0</v>
      </c>
      <c r="NS13" s="119">
        <v>0</v>
      </c>
      <c r="NT13" s="119">
        <v>689301</v>
      </c>
      <c r="NU13" s="119">
        <v>1108017</v>
      </c>
      <c r="NV13" s="120">
        <v>1797318</v>
      </c>
      <c r="NW13" s="121">
        <v>1797318</v>
      </c>
      <c r="NX13" s="142">
        <v>0</v>
      </c>
      <c r="NY13" s="119">
        <v>0</v>
      </c>
      <c r="NZ13" s="120">
        <v>0</v>
      </c>
      <c r="OA13" s="145"/>
      <c r="OB13" s="119">
        <v>0</v>
      </c>
      <c r="OC13" s="119">
        <v>0</v>
      </c>
      <c r="OD13" s="119">
        <v>713269</v>
      </c>
      <c r="OE13" s="119">
        <v>784421</v>
      </c>
      <c r="OF13" s="119">
        <v>777078</v>
      </c>
      <c r="OG13" s="120">
        <v>2274768</v>
      </c>
      <c r="OH13" s="121">
        <v>2274768</v>
      </c>
      <c r="OI13" s="142">
        <v>15673140</v>
      </c>
      <c r="OJ13" s="119">
        <v>18391196</v>
      </c>
      <c r="OK13" s="141">
        <v>34064336</v>
      </c>
      <c r="OL13" s="118">
        <v>0</v>
      </c>
      <c r="OM13" s="119">
        <v>515985889</v>
      </c>
      <c r="ON13" s="119">
        <v>500639609</v>
      </c>
      <c r="OO13" s="119">
        <v>612172217</v>
      </c>
      <c r="OP13" s="119">
        <v>729386394</v>
      </c>
      <c r="OQ13" s="119">
        <v>448147051</v>
      </c>
      <c r="OR13" s="120">
        <v>2806331160</v>
      </c>
      <c r="OS13" s="143">
        <v>2840395496</v>
      </c>
    </row>
    <row r="14" spans="1:409" ht="21" customHeight="1" x14ac:dyDescent="0.2">
      <c r="B14" s="62" t="s">
        <v>8</v>
      </c>
      <c r="C14" s="110">
        <v>11390866</v>
      </c>
      <c r="D14" s="114">
        <v>14264105</v>
      </c>
      <c r="E14" s="113">
        <v>25654971</v>
      </c>
      <c r="F14" s="109">
        <v>0</v>
      </c>
      <c r="G14" s="114">
        <v>149273816</v>
      </c>
      <c r="H14" s="114">
        <v>211630507</v>
      </c>
      <c r="I14" s="114">
        <v>193319948</v>
      </c>
      <c r="J14" s="114">
        <v>165793728</v>
      </c>
      <c r="K14" s="114">
        <v>128937550</v>
      </c>
      <c r="L14" s="109">
        <v>848955549</v>
      </c>
      <c r="M14" s="116">
        <v>874610520</v>
      </c>
      <c r="N14" s="110">
        <v>2051045</v>
      </c>
      <c r="O14" s="114">
        <v>3285327</v>
      </c>
      <c r="P14" s="113">
        <v>5336372</v>
      </c>
      <c r="Q14" s="110">
        <v>0</v>
      </c>
      <c r="R14" s="114">
        <v>41024846</v>
      </c>
      <c r="S14" s="114">
        <v>67608661</v>
      </c>
      <c r="T14" s="114">
        <v>63800088</v>
      </c>
      <c r="U14" s="114">
        <v>66913553</v>
      </c>
      <c r="V14" s="114">
        <v>69886324</v>
      </c>
      <c r="W14" s="113">
        <v>309233472</v>
      </c>
      <c r="X14" s="116">
        <v>314569844</v>
      </c>
      <c r="Y14" s="110">
        <v>0</v>
      </c>
      <c r="Z14" s="114">
        <v>0</v>
      </c>
      <c r="AA14" s="113">
        <v>0</v>
      </c>
      <c r="AB14" s="110">
        <v>0</v>
      </c>
      <c r="AC14" s="114">
        <v>21298990</v>
      </c>
      <c r="AD14" s="114">
        <v>39415447</v>
      </c>
      <c r="AE14" s="114">
        <v>41869976</v>
      </c>
      <c r="AF14" s="114">
        <v>43894734</v>
      </c>
      <c r="AG14" s="114">
        <v>44631359</v>
      </c>
      <c r="AH14" s="113">
        <v>191110506</v>
      </c>
      <c r="AI14" s="116">
        <v>191110506</v>
      </c>
      <c r="AJ14" s="110">
        <v>0</v>
      </c>
      <c r="AK14" s="114">
        <v>0</v>
      </c>
      <c r="AL14" s="113">
        <v>0</v>
      </c>
      <c r="AM14" s="110">
        <v>0</v>
      </c>
      <c r="AN14" s="114">
        <v>319462</v>
      </c>
      <c r="AO14" s="114">
        <v>1328220</v>
      </c>
      <c r="AP14" s="114">
        <v>1514240</v>
      </c>
      <c r="AQ14" s="114">
        <v>3385821</v>
      </c>
      <c r="AR14" s="114">
        <v>7390613</v>
      </c>
      <c r="AS14" s="113">
        <v>13938356</v>
      </c>
      <c r="AT14" s="116">
        <v>13938356</v>
      </c>
      <c r="AU14" s="110">
        <v>1089377</v>
      </c>
      <c r="AV14" s="114">
        <v>2240367</v>
      </c>
      <c r="AW14" s="113">
        <v>3329744</v>
      </c>
      <c r="AX14" s="110">
        <v>0</v>
      </c>
      <c r="AY14" s="114">
        <v>11039396</v>
      </c>
      <c r="AZ14" s="114">
        <v>16824751</v>
      </c>
      <c r="BA14" s="114">
        <v>11077695</v>
      </c>
      <c r="BB14" s="114">
        <v>11107435</v>
      </c>
      <c r="BC14" s="114">
        <v>11665169</v>
      </c>
      <c r="BD14" s="113">
        <v>61714446</v>
      </c>
      <c r="BE14" s="116">
        <v>65044190</v>
      </c>
      <c r="BF14" s="110">
        <v>207304</v>
      </c>
      <c r="BG14" s="114">
        <v>485555</v>
      </c>
      <c r="BH14" s="112">
        <v>692859</v>
      </c>
      <c r="BI14" s="111">
        <v>0</v>
      </c>
      <c r="BJ14" s="114">
        <v>2582132</v>
      </c>
      <c r="BK14" s="114">
        <v>3013215</v>
      </c>
      <c r="BL14" s="114">
        <v>2584078</v>
      </c>
      <c r="BM14" s="114">
        <v>1666534</v>
      </c>
      <c r="BN14" s="114">
        <v>1033755</v>
      </c>
      <c r="BO14" s="113">
        <v>10879714</v>
      </c>
      <c r="BP14" s="116">
        <v>11572573</v>
      </c>
      <c r="BQ14" s="110">
        <v>754364</v>
      </c>
      <c r="BR14" s="114">
        <v>559405</v>
      </c>
      <c r="BS14" s="113">
        <v>1313769</v>
      </c>
      <c r="BT14" s="110">
        <v>0</v>
      </c>
      <c r="BU14" s="114">
        <v>5784866</v>
      </c>
      <c r="BV14" s="114">
        <v>7027028</v>
      </c>
      <c r="BW14" s="114">
        <v>6754099</v>
      </c>
      <c r="BX14" s="114">
        <v>6859029</v>
      </c>
      <c r="BY14" s="114">
        <v>5165428</v>
      </c>
      <c r="BZ14" s="113">
        <v>31590450</v>
      </c>
      <c r="CA14" s="116">
        <v>32904219</v>
      </c>
      <c r="CB14" s="110">
        <v>1296917</v>
      </c>
      <c r="CC14" s="114">
        <v>2488205</v>
      </c>
      <c r="CD14" s="113">
        <v>3785122</v>
      </c>
      <c r="CE14" s="110">
        <v>0</v>
      </c>
      <c r="CF14" s="114">
        <v>41504310</v>
      </c>
      <c r="CG14" s="114">
        <v>60980746</v>
      </c>
      <c r="CH14" s="114">
        <v>47122701</v>
      </c>
      <c r="CI14" s="114">
        <v>32718590</v>
      </c>
      <c r="CJ14" s="114">
        <v>16890805</v>
      </c>
      <c r="CK14" s="113">
        <v>199217152</v>
      </c>
      <c r="CL14" s="116">
        <v>203002274</v>
      </c>
      <c r="CM14" s="110">
        <v>0</v>
      </c>
      <c r="CN14" s="114">
        <v>0</v>
      </c>
      <c r="CO14" s="113">
        <v>0</v>
      </c>
      <c r="CP14" s="111">
        <v>0</v>
      </c>
      <c r="CQ14" s="114">
        <v>35162235</v>
      </c>
      <c r="CR14" s="114">
        <v>49637711</v>
      </c>
      <c r="CS14" s="114">
        <v>38338045</v>
      </c>
      <c r="CT14" s="114">
        <v>25981949</v>
      </c>
      <c r="CU14" s="114">
        <v>14940258</v>
      </c>
      <c r="CV14" s="113">
        <v>164060198</v>
      </c>
      <c r="CW14" s="116">
        <v>164060198</v>
      </c>
      <c r="CX14" s="110">
        <v>1296917</v>
      </c>
      <c r="CY14" s="114">
        <v>2488205</v>
      </c>
      <c r="CZ14" s="113">
        <v>3785122</v>
      </c>
      <c r="DA14" s="110">
        <v>0</v>
      </c>
      <c r="DB14" s="114">
        <v>6342075</v>
      </c>
      <c r="DC14" s="114">
        <v>11343035</v>
      </c>
      <c r="DD14" s="114">
        <v>8784656</v>
      </c>
      <c r="DE14" s="114">
        <v>6736641</v>
      </c>
      <c r="DF14" s="114">
        <v>1950547</v>
      </c>
      <c r="DG14" s="113">
        <v>35156954</v>
      </c>
      <c r="DH14" s="116">
        <v>38942076</v>
      </c>
      <c r="DI14" s="110">
        <v>96636</v>
      </c>
      <c r="DJ14" s="114">
        <v>195227</v>
      </c>
      <c r="DK14" s="112">
        <v>291863</v>
      </c>
      <c r="DL14" s="111">
        <v>0</v>
      </c>
      <c r="DM14" s="114">
        <v>4849399</v>
      </c>
      <c r="DN14" s="114">
        <v>10672161</v>
      </c>
      <c r="DO14" s="114">
        <v>26336091</v>
      </c>
      <c r="DP14" s="114">
        <v>14184580</v>
      </c>
      <c r="DQ14" s="114">
        <v>5475828</v>
      </c>
      <c r="DR14" s="113">
        <v>61518059</v>
      </c>
      <c r="DS14" s="116">
        <v>61809922</v>
      </c>
      <c r="DT14" s="110">
        <v>96636</v>
      </c>
      <c r="DU14" s="114">
        <v>195227</v>
      </c>
      <c r="DV14" s="113">
        <v>291863</v>
      </c>
      <c r="DW14" s="110">
        <v>0</v>
      </c>
      <c r="DX14" s="114">
        <v>4598411</v>
      </c>
      <c r="DY14" s="114">
        <v>10445284</v>
      </c>
      <c r="DZ14" s="114">
        <v>25460164</v>
      </c>
      <c r="EA14" s="114">
        <v>13987046</v>
      </c>
      <c r="EB14" s="114">
        <v>5459888</v>
      </c>
      <c r="EC14" s="113">
        <v>59950793</v>
      </c>
      <c r="ED14" s="116">
        <v>60242656</v>
      </c>
      <c r="EE14" s="110">
        <v>0</v>
      </c>
      <c r="EF14" s="112">
        <v>0</v>
      </c>
      <c r="EG14" s="113">
        <v>0</v>
      </c>
      <c r="EH14" s="110">
        <v>0</v>
      </c>
      <c r="EI14" s="114">
        <v>250988</v>
      </c>
      <c r="EJ14" s="114">
        <v>226877</v>
      </c>
      <c r="EK14" s="114">
        <v>875927</v>
      </c>
      <c r="EL14" s="114">
        <v>197534</v>
      </c>
      <c r="EM14" s="114">
        <v>15940</v>
      </c>
      <c r="EN14" s="112">
        <v>1567266</v>
      </c>
      <c r="EO14" s="116">
        <v>1567266</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5"/>
      <c r="FE14" s="114">
        <v>0</v>
      </c>
      <c r="FF14" s="114">
        <v>0</v>
      </c>
      <c r="FG14" s="114">
        <v>0</v>
      </c>
      <c r="FH14" s="114">
        <v>0</v>
      </c>
      <c r="FI14" s="114">
        <v>0</v>
      </c>
      <c r="FJ14" s="113">
        <v>0</v>
      </c>
      <c r="FK14" s="116">
        <v>0</v>
      </c>
      <c r="FL14" s="110">
        <v>2276715</v>
      </c>
      <c r="FM14" s="114">
        <v>3590412</v>
      </c>
      <c r="FN14" s="113">
        <v>5867127</v>
      </c>
      <c r="FO14" s="110">
        <v>0</v>
      </c>
      <c r="FP14" s="114">
        <v>7017816</v>
      </c>
      <c r="FQ14" s="114">
        <v>20237045</v>
      </c>
      <c r="FR14" s="114">
        <v>13928399</v>
      </c>
      <c r="FS14" s="114">
        <v>11610553</v>
      </c>
      <c r="FT14" s="114">
        <v>9211749</v>
      </c>
      <c r="FU14" s="113">
        <v>62005562</v>
      </c>
      <c r="FV14" s="116">
        <v>67872689</v>
      </c>
      <c r="FW14" s="115">
        <v>2276715</v>
      </c>
      <c r="FX14" s="114">
        <v>3590412</v>
      </c>
      <c r="FY14" s="112">
        <v>5867127</v>
      </c>
      <c r="FZ14" s="111">
        <v>0</v>
      </c>
      <c r="GA14" s="114">
        <v>7017816</v>
      </c>
      <c r="GB14" s="114">
        <v>20237045</v>
      </c>
      <c r="GC14" s="114">
        <v>13928399</v>
      </c>
      <c r="GD14" s="114">
        <v>11610553</v>
      </c>
      <c r="GE14" s="114">
        <v>9211749</v>
      </c>
      <c r="GF14" s="113">
        <v>62005562</v>
      </c>
      <c r="GG14" s="316">
        <v>67872689</v>
      </c>
      <c r="GH14" s="115">
        <v>0</v>
      </c>
      <c r="GI14" s="114">
        <v>0</v>
      </c>
      <c r="GJ14" s="112">
        <v>0</v>
      </c>
      <c r="GK14" s="111">
        <v>0</v>
      </c>
      <c r="GL14" s="114">
        <v>0</v>
      </c>
      <c r="GM14" s="114">
        <v>0</v>
      </c>
      <c r="GN14" s="114">
        <v>0</v>
      </c>
      <c r="GO14" s="114">
        <v>0</v>
      </c>
      <c r="GP14" s="114">
        <v>0</v>
      </c>
      <c r="GQ14" s="113">
        <v>0</v>
      </c>
      <c r="GR14" s="116">
        <v>0</v>
      </c>
      <c r="GS14" s="110">
        <v>0</v>
      </c>
      <c r="GT14" s="114">
        <v>0</v>
      </c>
      <c r="GU14" s="113">
        <v>0</v>
      </c>
      <c r="GV14" s="110">
        <v>0</v>
      </c>
      <c r="GW14" s="114">
        <v>0</v>
      </c>
      <c r="GX14" s="114">
        <v>0</v>
      </c>
      <c r="GY14" s="114">
        <v>0</v>
      </c>
      <c r="GZ14" s="114">
        <v>0</v>
      </c>
      <c r="HA14" s="114">
        <v>0</v>
      </c>
      <c r="HB14" s="112">
        <v>0</v>
      </c>
      <c r="HC14" s="116">
        <v>0</v>
      </c>
      <c r="HD14" s="110">
        <v>3160998</v>
      </c>
      <c r="HE14" s="114">
        <v>1653139</v>
      </c>
      <c r="HF14" s="112">
        <v>4814137</v>
      </c>
      <c r="HG14" s="111">
        <v>0</v>
      </c>
      <c r="HH14" s="114">
        <v>28373266</v>
      </c>
      <c r="HI14" s="114">
        <v>23564750</v>
      </c>
      <c r="HJ14" s="114">
        <v>22590816</v>
      </c>
      <c r="HK14" s="114">
        <v>28294190</v>
      </c>
      <c r="HL14" s="114">
        <v>20020179</v>
      </c>
      <c r="HM14" s="113">
        <v>122843201</v>
      </c>
      <c r="HN14" s="109">
        <v>127657338</v>
      </c>
      <c r="HO14" s="115">
        <v>2508555</v>
      </c>
      <c r="HP14" s="114">
        <v>3051795</v>
      </c>
      <c r="HQ14" s="113">
        <v>5560350</v>
      </c>
      <c r="HR14" s="110">
        <v>0</v>
      </c>
      <c r="HS14" s="114">
        <v>26504179</v>
      </c>
      <c r="HT14" s="114">
        <v>28567144</v>
      </c>
      <c r="HU14" s="114">
        <v>19541853</v>
      </c>
      <c r="HV14" s="114">
        <v>12072262</v>
      </c>
      <c r="HW14" s="114">
        <v>7452665</v>
      </c>
      <c r="HX14" s="112">
        <v>94138103</v>
      </c>
      <c r="HY14" s="116">
        <v>99698453</v>
      </c>
      <c r="HZ14" s="131">
        <v>481786</v>
      </c>
      <c r="IA14" s="132">
        <v>851941</v>
      </c>
      <c r="IB14" s="133">
        <v>1333727</v>
      </c>
      <c r="IC14" s="134">
        <v>0</v>
      </c>
      <c r="ID14" s="135">
        <v>60525016</v>
      </c>
      <c r="IE14" s="136">
        <v>72487522</v>
      </c>
      <c r="IF14" s="137">
        <v>71418391</v>
      </c>
      <c r="IG14" s="135">
        <v>51679591</v>
      </c>
      <c r="IH14" s="137">
        <v>28754974</v>
      </c>
      <c r="II14" s="138">
        <v>284865494</v>
      </c>
      <c r="IJ14" s="139">
        <v>286199221</v>
      </c>
      <c r="IK14" s="232">
        <v>0</v>
      </c>
      <c r="IL14" s="236">
        <v>0</v>
      </c>
      <c r="IM14" s="237">
        <v>0</v>
      </c>
      <c r="IN14" s="140"/>
      <c r="IO14" s="119">
        <v>439605</v>
      </c>
      <c r="IP14" s="119">
        <v>868426</v>
      </c>
      <c r="IQ14" s="119">
        <v>217435</v>
      </c>
      <c r="IR14" s="119">
        <v>1482669</v>
      </c>
      <c r="IS14" s="119">
        <v>957518</v>
      </c>
      <c r="IT14" s="141">
        <v>3965653</v>
      </c>
      <c r="IU14" s="318">
        <v>3965653</v>
      </c>
      <c r="IV14" s="142">
        <v>0</v>
      </c>
      <c r="IW14" s="119">
        <v>0</v>
      </c>
      <c r="IX14" s="120">
        <v>0</v>
      </c>
      <c r="IY14" s="144"/>
      <c r="IZ14" s="119">
        <v>38538</v>
      </c>
      <c r="JA14" s="119">
        <v>45731</v>
      </c>
      <c r="JB14" s="119">
        <v>19269</v>
      </c>
      <c r="JC14" s="119">
        <v>29974</v>
      </c>
      <c r="JD14" s="119">
        <v>105850</v>
      </c>
      <c r="JE14" s="120">
        <v>239362</v>
      </c>
      <c r="JF14" s="121">
        <v>239362</v>
      </c>
      <c r="JG14" s="142">
        <v>0</v>
      </c>
      <c r="JH14" s="119">
        <v>0</v>
      </c>
      <c r="JI14" s="141">
        <v>0</v>
      </c>
      <c r="JJ14" s="118">
        <v>0</v>
      </c>
      <c r="JK14" s="119">
        <v>31088672</v>
      </c>
      <c r="JL14" s="119">
        <v>36347936</v>
      </c>
      <c r="JM14" s="119">
        <v>24923467</v>
      </c>
      <c r="JN14" s="119">
        <v>12376173</v>
      </c>
      <c r="JO14" s="119">
        <v>5327231</v>
      </c>
      <c r="JP14" s="120">
        <v>110063479</v>
      </c>
      <c r="JQ14" s="318">
        <v>110063479</v>
      </c>
      <c r="JR14" s="142">
        <v>0</v>
      </c>
      <c r="JS14" s="119">
        <v>0</v>
      </c>
      <c r="JT14" s="141">
        <v>0</v>
      </c>
      <c r="JU14" s="118">
        <v>0</v>
      </c>
      <c r="JV14" s="119">
        <v>655270</v>
      </c>
      <c r="JW14" s="119">
        <v>757626</v>
      </c>
      <c r="JX14" s="119">
        <v>1848341</v>
      </c>
      <c r="JY14" s="119">
        <v>1230050</v>
      </c>
      <c r="JZ14" s="119">
        <v>1187546</v>
      </c>
      <c r="KA14" s="120">
        <v>5678833</v>
      </c>
      <c r="KB14" s="318">
        <v>5678833</v>
      </c>
      <c r="KC14" s="234">
        <v>481786</v>
      </c>
      <c r="KD14" s="230">
        <v>851941</v>
      </c>
      <c r="KE14" s="120">
        <v>1333727</v>
      </c>
      <c r="KF14" s="118">
        <v>0</v>
      </c>
      <c r="KG14" s="119">
        <v>9133584</v>
      </c>
      <c r="KH14" s="119">
        <v>10204869</v>
      </c>
      <c r="KI14" s="119">
        <v>13493051</v>
      </c>
      <c r="KJ14" s="119">
        <v>7987690</v>
      </c>
      <c r="KK14" s="119">
        <v>3603965</v>
      </c>
      <c r="KL14" s="120">
        <v>44423159</v>
      </c>
      <c r="KM14" s="143">
        <v>45756886</v>
      </c>
      <c r="KN14" s="232">
        <v>0</v>
      </c>
      <c r="KO14" s="236">
        <v>0</v>
      </c>
      <c r="KP14" s="237">
        <v>0</v>
      </c>
      <c r="KQ14" s="140"/>
      <c r="KR14" s="119">
        <v>16756842</v>
      </c>
      <c r="KS14" s="119">
        <v>19870829</v>
      </c>
      <c r="KT14" s="119">
        <v>21915985</v>
      </c>
      <c r="KU14" s="119">
        <v>16289627</v>
      </c>
      <c r="KV14" s="119">
        <v>9566020</v>
      </c>
      <c r="KW14" s="120">
        <v>84399303</v>
      </c>
      <c r="KX14" s="318">
        <v>84399303</v>
      </c>
      <c r="KY14" s="142">
        <v>0</v>
      </c>
      <c r="KZ14" s="119">
        <v>0</v>
      </c>
      <c r="LA14" s="120">
        <v>0</v>
      </c>
      <c r="LB14" s="145"/>
      <c r="LC14" s="119">
        <v>588514</v>
      </c>
      <c r="LD14" s="119">
        <v>1729011</v>
      </c>
      <c r="LE14" s="119">
        <v>2447122</v>
      </c>
      <c r="LF14" s="119">
        <v>2853865</v>
      </c>
      <c r="LG14" s="119">
        <v>1042385</v>
      </c>
      <c r="LH14" s="120">
        <v>8660897</v>
      </c>
      <c r="LI14" s="121">
        <v>8660897</v>
      </c>
      <c r="LJ14" s="142">
        <v>0</v>
      </c>
      <c r="LK14" s="119">
        <v>0</v>
      </c>
      <c r="LL14" s="120">
        <v>0</v>
      </c>
      <c r="LM14" s="145"/>
      <c r="LN14" s="119">
        <v>0</v>
      </c>
      <c r="LO14" s="119">
        <v>233901</v>
      </c>
      <c r="LP14" s="119">
        <v>2812861</v>
      </c>
      <c r="LQ14" s="119">
        <v>5440264</v>
      </c>
      <c r="LR14" s="119">
        <v>3141374</v>
      </c>
      <c r="LS14" s="120">
        <v>11628400</v>
      </c>
      <c r="LT14" s="318">
        <v>11628400</v>
      </c>
      <c r="LU14" s="142">
        <v>0</v>
      </c>
      <c r="LV14" s="119">
        <v>0</v>
      </c>
      <c r="LW14" s="120">
        <v>0</v>
      </c>
      <c r="LX14" s="145"/>
      <c r="LY14" s="119">
        <v>1823991</v>
      </c>
      <c r="LZ14" s="119">
        <v>2429193</v>
      </c>
      <c r="MA14" s="119">
        <v>3740860</v>
      </c>
      <c r="MB14" s="119">
        <v>3989279</v>
      </c>
      <c r="MC14" s="119">
        <v>3823085</v>
      </c>
      <c r="MD14" s="120">
        <v>15806408</v>
      </c>
      <c r="ME14" s="121">
        <v>15806408</v>
      </c>
      <c r="MF14" s="142">
        <v>0</v>
      </c>
      <c r="MG14" s="119">
        <v>0</v>
      </c>
      <c r="MH14" s="120">
        <v>0</v>
      </c>
      <c r="MI14" s="145"/>
      <c r="MJ14" s="119">
        <v>15022435</v>
      </c>
      <c r="MK14" s="119">
        <v>43454297</v>
      </c>
      <c r="ML14" s="119">
        <v>143740226</v>
      </c>
      <c r="MM14" s="119">
        <v>158580260</v>
      </c>
      <c r="MN14" s="119">
        <v>102966517</v>
      </c>
      <c r="MO14" s="120">
        <v>463763735</v>
      </c>
      <c r="MP14" s="143">
        <v>463763735</v>
      </c>
      <c r="MQ14" s="142">
        <v>0</v>
      </c>
      <c r="MR14" s="119">
        <v>0</v>
      </c>
      <c r="MS14" s="120">
        <v>0</v>
      </c>
      <c r="MT14" s="145"/>
      <c r="MU14" s="119">
        <v>4068698</v>
      </c>
      <c r="MV14" s="119">
        <v>13699519</v>
      </c>
      <c r="MW14" s="119">
        <v>93725097</v>
      </c>
      <c r="MX14" s="119">
        <v>120343859</v>
      </c>
      <c r="MY14" s="119">
        <v>75128912</v>
      </c>
      <c r="MZ14" s="120">
        <v>306966085</v>
      </c>
      <c r="NA14" s="143">
        <v>306966085</v>
      </c>
      <c r="NB14" s="142">
        <v>0</v>
      </c>
      <c r="NC14" s="119">
        <v>0</v>
      </c>
      <c r="ND14" s="120">
        <v>0</v>
      </c>
      <c r="NE14" s="145"/>
      <c r="NF14" s="119">
        <v>10728323</v>
      </c>
      <c r="NG14" s="119">
        <v>29521121</v>
      </c>
      <c r="NH14" s="119">
        <v>49056510</v>
      </c>
      <c r="NI14" s="119">
        <v>35366125</v>
      </c>
      <c r="NJ14" s="119">
        <v>24512267</v>
      </c>
      <c r="NK14" s="120">
        <v>149184346</v>
      </c>
      <c r="NL14" s="318">
        <v>149184346</v>
      </c>
      <c r="NM14" s="142">
        <v>0</v>
      </c>
      <c r="NN14" s="119">
        <v>0</v>
      </c>
      <c r="NO14" s="120">
        <v>0</v>
      </c>
      <c r="NP14" s="145"/>
      <c r="NQ14" s="119">
        <v>0</v>
      </c>
      <c r="NR14" s="119">
        <v>0</v>
      </c>
      <c r="NS14" s="119">
        <v>0</v>
      </c>
      <c r="NT14" s="119">
        <v>365000</v>
      </c>
      <c r="NU14" s="119">
        <v>0</v>
      </c>
      <c r="NV14" s="120">
        <v>365000</v>
      </c>
      <c r="NW14" s="121">
        <v>365000</v>
      </c>
      <c r="NX14" s="142">
        <v>0</v>
      </c>
      <c r="NY14" s="119">
        <v>0</v>
      </c>
      <c r="NZ14" s="120">
        <v>0</v>
      </c>
      <c r="OA14" s="145"/>
      <c r="OB14" s="119">
        <v>225414</v>
      </c>
      <c r="OC14" s="119">
        <v>233657</v>
      </c>
      <c r="OD14" s="119">
        <v>958619</v>
      </c>
      <c r="OE14" s="119">
        <v>2505276</v>
      </c>
      <c r="OF14" s="119">
        <v>3325338</v>
      </c>
      <c r="OG14" s="120">
        <v>7248304</v>
      </c>
      <c r="OH14" s="121">
        <v>7248304</v>
      </c>
      <c r="OI14" s="142">
        <v>11872652</v>
      </c>
      <c r="OJ14" s="119">
        <v>15116046</v>
      </c>
      <c r="OK14" s="141">
        <v>26988698</v>
      </c>
      <c r="OL14" s="118">
        <v>0</v>
      </c>
      <c r="OM14" s="119">
        <v>224821267</v>
      </c>
      <c r="ON14" s="119">
        <v>327572326</v>
      </c>
      <c r="OO14" s="119">
        <v>408478565</v>
      </c>
      <c r="OP14" s="119">
        <v>376053579</v>
      </c>
      <c r="OQ14" s="119">
        <v>260659041</v>
      </c>
      <c r="OR14" s="120">
        <v>1597584778</v>
      </c>
      <c r="OS14" s="143">
        <v>1624573476</v>
      </c>
    </row>
    <row r="15" spans="1:409" ht="21" customHeight="1" x14ac:dyDescent="0.2">
      <c r="B15" s="62" t="s">
        <v>9</v>
      </c>
      <c r="C15" s="110">
        <v>12032033</v>
      </c>
      <c r="D15" s="114">
        <v>15244565</v>
      </c>
      <c r="E15" s="113">
        <v>27276598</v>
      </c>
      <c r="F15" s="111">
        <v>0</v>
      </c>
      <c r="G15" s="114">
        <v>155331535</v>
      </c>
      <c r="H15" s="114">
        <v>157928012</v>
      </c>
      <c r="I15" s="114">
        <v>154765829</v>
      </c>
      <c r="J15" s="114">
        <v>165501553</v>
      </c>
      <c r="K15" s="114">
        <v>132802306</v>
      </c>
      <c r="L15" s="109">
        <v>766329235</v>
      </c>
      <c r="M15" s="116">
        <v>793605833</v>
      </c>
      <c r="N15" s="110">
        <v>1871555</v>
      </c>
      <c r="O15" s="114">
        <v>3317253</v>
      </c>
      <c r="P15" s="113">
        <v>5188808</v>
      </c>
      <c r="Q15" s="110">
        <v>0</v>
      </c>
      <c r="R15" s="114">
        <v>46394988</v>
      </c>
      <c r="S15" s="114">
        <v>52207607</v>
      </c>
      <c r="T15" s="114">
        <v>54148160</v>
      </c>
      <c r="U15" s="114">
        <v>69398383</v>
      </c>
      <c r="V15" s="114">
        <v>73804673</v>
      </c>
      <c r="W15" s="113">
        <v>295953811</v>
      </c>
      <c r="X15" s="116">
        <v>301142619</v>
      </c>
      <c r="Y15" s="110">
        <v>0</v>
      </c>
      <c r="Z15" s="114">
        <v>0</v>
      </c>
      <c r="AA15" s="113">
        <v>0</v>
      </c>
      <c r="AB15" s="110">
        <v>0</v>
      </c>
      <c r="AC15" s="114">
        <v>22689123</v>
      </c>
      <c r="AD15" s="114">
        <v>28368948</v>
      </c>
      <c r="AE15" s="114">
        <v>32498046</v>
      </c>
      <c r="AF15" s="114">
        <v>42702711</v>
      </c>
      <c r="AG15" s="114">
        <v>47959822</v>
      </c>
      <c r="AH15" s="113">
        <v>174218650</v>
      </c>
      <c r="AI15" s="116">
        <v>174218650</v>
      </c>
      <c r="AJ15" s="110">
        <v>0</v>
      </c>
      <c r="AK15" s="114">
        <v>0</v>
      </c>
      <c r="AL15" s="113">
        <v>0</v>
      </c>
      <c r="AM15" s="110">
        <v>0</v>
      </c>
      <c r="AN15" s="114">
        <v>249117</v>
      </c>
      <c r="AO15" s="114">
        <v>420805</v>
      </c>
      <c r="AP15" s="114">
        <v>1180052</v>
      </c>
      <c r="AQ15" s="114">
        <v>3258477</v>
      </c>
      <c r="AR15" s="114">
        <v>6233447</v>
      </c>
      <c r="AS15" s="113">
        <v>11341898</v>
      </c>
      <c r="AT15" s="116">
        <v>11341898</v>
      </c>
      <c r="AU15" s="110">
        <v>898788</v>
      </c>
      <c r="AV15" s="114">
        <v>2203373</v>
      </c>
      <c r="AW15" s="113">
        <v>3102161</v>
      </c>
      <c r="AX15" s="110">
        <v>0</v>
      </c>
      <c r="AY15" s="114">
        <v>14717514</v>
      </c>
      <c r="AZ15" s="114">
        <v>13914626</v>
      </c>
      <c r="BA15" s="114">
        <v>10888067</v>
      </c>
      <c r="BB15" s="114">
        <v>13550318</v>
      </c>
      <c r="BC15" s="114">
        <v>11974420</v>
      </c>
      <c r="BD15" s="113">
        <v>65044945</v>
      </c>
      <c r="BE15" s="116">
        <v>68147106</v>
      </c>
      <c r="BF15" s="110">
        <v>72534</v>
      </c>
      <c r="BG15" s="114">
        <v>475067</v>
      </c>
      <c r="BH15" s="112">
        <v>547601</v>
      </c>
      <c r="BI15" s="111">
        <v>0</v>
      </c>
      <c r="BJ15" s="114">
        <v>1877373</v>
      </c>
      <c r="BK15" s="114">
        <v>2184666</v>
      </c>
      <c r="BL15" s="114">
        <v>1927280</v>
      </c>
      <c r="BM15" s="114">
        <v>1438337</v>
      </c>
      <c r="BN15" s="114">
        <v>1130793</v>
      </c>
      <c r="BO15" s="113">
        <v>8558449</v>
      </c>
      <c r="BP15" s="116">
        <v>9106050</v>
      </c>
      <c r="BQ15" s="110">
        <v>900233</v>
      </c>
      <c r="BR15" s="114">
        <v>638813</v>
      </c>
      <c r="BS15" s="113">
        <v>1539046</v>
      </c>
      <c r="BT15" s="110">
        <v>0</v>
      </c>
      <c r="BU15" s="114">
        <v>6861861</v>
      </c>
      <c r="BV15" s="114">
        <v>7318562</v>
      </c>
      <c r="BW15" s="114">
        <v>7654715</v>
      </c>
      <c r="BX15" s="114">
        <v>8448540</v>
      </c>
      <c r="BY15" s="114">
        <v>6506191</v>
      </c>
      <c r="BZ15" s="113">
        <v>36789869</v>
      </c>
      <c r="CA15" s="116">
        <v>38328915</v>
      </c>
      <c r="CB15" s="110">
        <v>1016723</v>
      </c>
      <c r="CC15" s="114">
        <v>2688452</v>
      </c>
      <c r="CD15" s="113">
        <v>3705175</v>
      </c>
      <c r="CE15" s="110">
        <v>0</v>
      </c>
      <c r="CF15" s="114">
        <v>37228626</v>
      </c>
      <c r="CG15" s="114">
        <v>35119832</v>
      </c>
      <c r="CH15" s="114">
        <v>29452050</v>
      </c>
      <c r="CI15" s="114">
        <v>20163182</v>
      </c>
      <c r="CJ15" s="114">
        <v>6674823</v>
      </c>
      <c r="CK15" s="113">
        <v>128638513</v>
      </c>
      <c r="CL15" s="116">
        <v>132343688</v>
      </c>
      <c r="CM15" s="110">
        <v>0</v>
      </c>
      <c r="CN15" s="114">
        <v>0</v>
      </c>
      <c r="CO15" s="113">
        <v>0</v>
      </c>
      <c r="CP15" s="111">
        <v>0</v>
      </c>
      <c r="CQ15" s="114">
        <v>31238564</v>
      </c>
      <c r="CR15" s="114">
        <v>27845711</v>
      </c>
      <c r="CS15" s="114">
        <v>22871674</v>
      </c>
      <c r="CT15" s="114">
        <v>14615747</v>
      </c>
      <c r="CU15" s="114">
        <v>4554728</v>
      </c>
      <c r="CV15" s="113">
        <v>101126424</v>
      </c>
      <c r="CW15" s="116">
        <v>101126424</v>
      </c>
      <c r="CX15" s="110">
        <v>1016723</v>
      </c>
      <c r="CY15" s="114">
        <v>2688452</v>
      </c>
      <c r="CZ15" s="113">
        <v>3705175</v>
      </c>
      <c r="DA15" s="110">
        <v>0</v>
      </c>
      <c r="DB15" s="114">
        <v>5990062</v>
      </c>
      <c r="DC15" s="114">
        <v>7274121</v>
      </c>
      <c r="DD15" s="114">
        <v>6580376</v>
      </c>
      <c r="DE15" s="114">
        <v>5547435</v>
      </c>
      <c r="DF15" s="114">
        <v>2120095</v>
      </c>
      <c r="DG15" s="113">
        <v>27512089</v>
      </c>
      <c r="DH15" s="116">
        <v>31217264</v>
      </c>
      <c r="DI15" s="110">
        <v>97269</v>
      </c>
      <c r="DJ15" s="114">
        <v>149704</v>
      </c>
      <c r="DK15" s="112">
        <v>246973</v>
      </c>
      <c r="DL15" s="111">
        <v>0</v>
      </c>
      <c r="DM15" s="114">
        <v>5003767</v>
      </c>
      <c r="DN15" s="114">
        <v>9312148</v>
      </c>
      <c r="DO15" s="114">
        <v>18025126</v>
      </c>
      <c r="DP15" s="114">
        <v>13199366</v>
      </c>
      <c r="DQ15" s="114">
        <v>7563717</v>
      </c>
      <c r="DR15" s="113">
        <v>53104124</v>
      </c>
      <c r="DS15" s="116">
        <v>53351097</v>
      </c>
      <c r="DT15" s="110">
        <v>97269</v>
      </c>
      <c r="DU15" s="114">
        <v>106902</v>
      </c>
      <c r="DV15" s="113">
        <v>204171</v>
      </c>
      <c r="DW15" s="110">
        <v>0</v>
      </c>
      <c r="DX15" s="114">
        <v>4580721</v>
      </c>
      <c r="DY15" s="114">
        <v>8684288</v>
      </c>
      <c r="DZ15" s="114">
        <v>15619695</v>
      </c>
      <c r="EA15" s="114">
        <v>11410993</v>
      </c>
      <c r="EB15" s="114">
        <v>6534999</v>
      </c>
      <c r="EC15" s="113">
        <v>46830696</v>
      </c>
      <c r="ED15" s="116">
        <v>47034867</v>
      </c>
      <c r="EE15" s="110">
        <v>0</v>
      </c>
      <c r="EF15" s="112">
        <v>42802</v>
      </c>
      <c r="EG15" s="113">
        <v>42802</v>
      </c>
      <c r="EH15" s="110">
        <v>0</v>
      </c>
      <c r="EI15" s="114">
        <v>423046</v>
      </c>
      <c r="EJ15" s="114">
        <v>627860</v>
      </c>
      <c r="EK15" s="114">
        <v>2405431</v>
      </c>
      <c r="EL15" s="114">
        <v>1788373</v>
      </c>
      <c r="EM15" s="114">
        <v>1028718</v>
      </c>
      <c r="EN15" s="112">
        <v>6273428</v>
      </c>
      <c r="EO15" s="116">
        <v>6316230</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5"/>
      <c r="FE15" s="114">
        <v>0</v>
      </c>
      <c r="FF15" s="114">
        <v>0</v>
      </c>
      <c r="FG15" s="114">
        <v>0</v>
      </c>
      <c r="FH15" s="114">
        <v>0</v>
      </c>
      <c r="FI15" s="114">
        <v>0</v>
      </c>
      <c r="FJ15" s="113">
        <v>0</v>
      </c>
      <c r="FK15" s="116">
        <v>0</v>
      </c>
      <c r="FL15" s="110">
        <v>4087504</v>
      </c>
      <c r="FM15" s="114">
        <v>3878738</v>
      </c>
      <c r="FN15" s="113">
        <v>7966242</v>
      </c>
      <c r="FO15" s="110">
        <v>0</v>
      </c>
      <c r="FP15" s="114">
        <v>9128527</v>
      </c>
      <c r="FQ15" s="114">
        <v>14035551</v>
      </c>
      <c r="FR15" s="114">
        <v>11374132</v>
      </c>
      <c r="FS15" s="114">
        <v>10782666</v>
      </c>
      <c r="FT15" s="114">
        <v>8384009</v>
      </c>
      <c r="FU15" s="113">
        <v>53704885</v>
      </c>
      <c r="FV15" s="116">
        <v>61671127</v>
      </c>
      <c r="FW15" s="115">
        <v>1781639</v>
      </c>
      <c r="FX15" s="114">
        <v>2754026</v>
      </c>
      <c r="FY15" s="112">
        <v>4535665</v>
      </c>
      <c r="FZ15" s="111">
        <v>0</v>
      </c>
      <c r="GA15" s="114">
        <v>7660467</v>
      </c>
      <c r="GB15" s="114">
        <v>12120627</v>
      </c>
      <c r="GC15" s="114">
        <v>10399938</v>
      </c>
      <c r="GD15" s="114">
        <v>10600788</v>
      </c>
      <c r="GE15" s="114">
        <v>8278313</v>
      </c>
      <c r="GF15" s="113">
        <v>49060133</v>
      </c>
      <c r="GG15" s="316">
        <v>53595798</v>
      </c>
      <c r="GH15" s="115">
        <v>132587</v>
      </c>
      <c r="GI15" s="114">
        <v>103224</v>
      </c>
      <c r="GJ15" s="112">
        <v>235811</v>
      </c>
      <c r="GK15" s="111">
        <v>0</v>
      </c>
      <c r="GL15" s="114">
        <v>458280</v>
      </c>
      <c r="GM15" s="114">
        <v>290959</v>
      </c>
      <c r="GN15" s="114">
        <v>410614</v>
      </c>
      <c r="GO15" s="114">
        <v>125478</v>
      </c>
      <c r="GP15" s="114">
        <v>105696</v>
      </c>
      <c r="GQ15" s="113">
        <v>1391027</v>
      </c>
      <c r="GR15" s="116">
        <v>1626838</v>
      </c>
      <c r="GS15" s="110">
        <v>2173278</v>
      </c>
      <c r="GT15" s="114">
        <v>1021488</v>
      </c>
      <c r="GU15" s="113">
        <v>3194766</v>
      </c>
      <c r="GV15" s="110">
        <v>0</v>
      </c>
      <c r="GW15" s="114">
        <v>1009780</v>
      </c>
      <c r="GX15" s="114">
        <v>1623965</v>
      </c>
      <c r="GY15" s="114">
        <v>563580</v>
      </c>
      <c r="GZ15" s="114">
        <v>56400</v>
      </c>
      <c r="HA15" s="114">
        <v>0</v>
      </c>
      <c r="HB15" s="112">
        <v>3253725</v>
      </c>
      <c r="HC15" s="116">
        <v>6448491</v>
      </c>
      <c r="HD15" s="110">
        <v>2936591</v>
      </c>
      <c r="HE15" s="114">
        <v>2424538</v>
      </c>
      <c r="HF15" s="112">
        <v>5361129</v>
      </c>
      <c r="HG15" s="111">
        <v>0</v>
      </c>
      <c r="HH15" s="114">
        <v>31166711</v>
      </c>
      <c r="HI15" s="114">
        <v>28382920</v>
      </c>
      <c r="HJ15" s="114">
        <v>28037957</v>
      </c>
      <c r="HK15" s="114">
        <v>41059641</v>
      </c>
      <c r="HL15" s="114">
        <v>29664684</v>
      </c>
      <c r="HM15" s="113">
        <v>158311913</v>
      </c>
      <c r="HN15" s="109">
        <v>163673042</v>
      </c>
      <c r="HO15" s="115">
        <v>2022391</v>
      </c>
      <c r="HP15" s="114">
        <v>2785880</v>
      </c>
      <c r="HQ15" s="113">
        <v>4808271</v>
      </c>
      <c r="HR15" s="110">
        <v>0</v>
      </c>
      <c r="HS15" s="114">
        <v>26408916</v>
      </c>
      <c r="HT15" s="114">
        <v>18869954</v>
      </c>
      <c r="HU15" s="114">
        <v>13728404</v>
      </c>
      <c r="HV15" s="114">
        <v>10898315</v>
      </c>
      <c r="HW15" s="114">
        <v>6710400</v>
      </c>
      <c r="HX15" s="112">
        <v>76615989</v>
      </c>
      <c r="HY15" s="116">
        <v>81424260</v>
      </c>
      <c r="HZ15" s="128">
        <v>233250</v>
      </c>
      <c r="IA15" s="149">
        <v>1206825</v>
      </c>
      <c r="IB15" s="129">
        <v>1440075</v>
      </c>
      <c r="IC15" s="146">
        <v>0</v>
      </c>
      <c r="ID15" s="132">
        <v>36314454</v>
      </c>
      <c r="IE15" s="147">
        <v>41865861</v>
      </c>
      <c r="IF15" s="133">
        <v>52841905</v>
      </c>
      <c r="IG15" s="132">
        <v>37050608</v>
      </c>
      <c r="IH15" s="133">
        <v>26299371</v>
      </c>
      <c r="II15" s="148">
        <v>194372199</v>
      </c>
      <c r="IJ15" s="130">
        <v>195812274</v>
      </c>
      <c r="IK15" s="232">
        <v>0</v>
      </c>
      <c r="IL15" s="236">
        <v>0</v>
      </c>
      <c r="IM15" s="237">
        <v>0</v>
      </c>
      <c r="IN15" s="140"/>
      <c r="IO15" s="119">
        <v>126554</v>
      </c>
      <c r="IP15" s="119">
        <v>849173</v>
      </c>
      <c r="IQ15" s="119">
        <v>811284</v>
      </c>
      <c r="IR15" s="119">
        <v>2286293</v>
      </c>
      <c r="IS15" s="119">
        <v>1265253</v>
      </c>
      <c r="IT15" s="141">
        <v>5338557</v>
      </c>
      <c r="IU15" s="318">
        <v>5338557</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20371321</v>
      </c>
      <c r="JL15" s="119">
        <v>16116392</v>
      </c>
      <c r="JM15" s="119">
        <v>16459001</v>
      </c>
      <c r="JN15" s="119">
        <v>10474034</v>
      </c>
      <c r="JO15" s="119">
        <v>3778695</v>
      </c>
      <c r="JP15" s="120">
        <v>67199443</v>
      </c>
      <c r="JQ15" s="318">
        <v>67199443</v>
      </c>
      <c r="JR15" s="142">
        <v>0</v>
      </c>
      <c r="JS15" s="119">
        <v>0</v>
      </c>
      <c r="JT15" s="141">
        <v>0</v>
      </c>
      <c r="JU15" s="118">
        <v>0</v>
      </c>
      <c r="JV15" s="119">
        <v>364043</v>
      </c>
      <c r="JW15" s="119">
        <v>688890</v>
      </c>
      <c r="JX15" s="119">
        <v>1172601</v>
      </c>
      <c r="JY15" s="119">
        <v>469463</v>
      </c>
      <c r="JZ15" s="119">
        <v>919750</v>
      </c>
      <c r="KA15" s="120">
        <v>3614747</v>
      </c>
      <c r="KB15" s="318">
        <v>3614747</v>
      </c>
      <c r="KC15" s="234">
        <v>233250</v>
      </c>
      <c r="KD15" s="230">
        <v>688855</v>
      </c>
      <c r="KE15" s="120">
        <v>922105</v>
      </c>
      <c r="KF15" s="118">
        <v>0</v>
      </c>
      <c r="KG15" s="119">
        <v>3762817</v>
      </c>
      <c r="KH15" s="119">
        <v>7350561</v>
      </c>
      <c r="KI15" s="119">
        <v>5881082</v>
      </c>
      <c r="KJ15" s="119">
        <v>5243882</v>
      </c>
      <c r="KK15" s="119">
        <v>1849071</v>
      </c>
      <c r="KL15" s="120">
        <v>24087413</v>
      </c>
      <c r="KM15" s="143">
        <v>25009518</v>
      </c>
      <c r="KN15" s="232">
        <v>0</v>
      </c>
      <c r="KO15" s="236">
        <v>517970</v>
      </c>
      <c r="KP15" s="237">
        <v>517970</v>
      </c>
      <c r="KQ15" s="140"/>
      <c r="KR15" s="119">
        <v>9969434</v>
      </c>
      <c r="KS15" s="119">
        <v>14849307</v>
      </c>
      <c r="KT15" s="119">
        <v>24166142</v>
      </c>
      <c r="KU15" s="119">
        <v>13947723</v>
      </c>
      <c r="KV15" s="119">
        <v>12925810</v>
      </c>
      <c r="KW15" s="120">
        <v>75858416</v>
      </c>
      <c r="KX15" s="318">
        <v>76376386</v>
      </c>
      <c r="KY15" s="142">
        <v>0</v>
      </c>
      <c r="KZ15" s="119">
        <v>0</v>
      </c>
      <c r="LA15" s="120">
        <v>0</v>
      </c>
      <c r="LB15" s="145"/>
      <c r="LC15" s="119">
        <v>629202</v>
      </c>
      <c r="LD15" s="119">
        <v>891930</v>
      </c>
      <c r="LE15" s="119">
        <v>1144785</v>
      </c>
      <c r="LF15" s="119">
        <v>1323604</v>
      </c>
      <c r="LG15" s="119">
        <v>1360891</v>
      </c>
      <c r="LH15" s="120">
        <v>5350412</v>
      </c>
      <c r="LI15" s="121">
        <v>5350412</v>
      </c>
      <c r="LJ15" s="142">
        <v>0</v>
      </c>
      <c r="LK15" s="119">
        <v>0</v>
      </c>
      <c r="LL15" s="120">
        <v>0</v>
      </c>
      <c r="LM15" s="145"/>
      <c r="LN15" s="119">
        <v>0</v>
      </c>
      <c r="LO15" s="119">
        <v>0</v>
      </c>
      <c r="LP15" s="119">
        <v>0</v>
      </c>
      <c r="LQ15" s="119">
        <v>329808</v>
      </c>
      <c r="LR15" s="119">
        <v>0</v>
      </c>
      <c r="LS15" s="120">
        <v>329808</v>
      </c>
      <c r="LT15" s="318">
        <v>329808</v>
      </c>
      <c r="LU15" s="142">
        <v>0</v>
      </c>
      <c r="LV15" s="119">
        <v>0</v>
      </c>
      <c r="LW15" s="120">
        <v>0</v>
      </c>
      <c r="LX15" s="145"/>
      <c r="LY15" s="119">
        <v>1091083</v>
      </c>
      <c r="LZ15" s="119">
        <v>1119608</v>
      </c>
      <c r="MA15" s="119">
        <v>3207010</v>
      </c>
      <c r="MB15" s="119">
        <v>2975801</v>
      </c>
      <c r="MC15" s="119">
        <v>4199901</v>
      </c>
      <c r="MD15" s="120">
        <v>12593403</v>
      </c>
      <c r="ME15" s="121">
        <v>12593403</v>
      </c>
      <c r="MF15" s="142">
        <v>0</v>
      </c>
      <c r="MG15" s="119">
        <v>0</v>
      </c>
      <c r="MH15" s="120">
        <v>0</v>
      </c>
      <c r="MI15" s="145"/>
      <c r="MJ15" s="119">
        <v>8790889</v>
      </c>
      <c r="MK15" s="119">
        <v>21553274</v>
      </c>
      <c r="ML15" s="119">
        <v>85563605</v>
      </c>
      <c r="MM15" s="119">
        <v>149507407</v>
      </c>
      <c r="MN15" s="119">
        <v>111964802</v>
      </c>
      <c r="MO15" s="120">
        <v>377379977</v>
      </c>
      <c r="MP15" s="143">
        <v>377379977</v>
      </c>
      <c r="MQ15" s="142">
        <v>0</v>
      </c>
      <c r="MR15" s="119">
        <v>0</v>
      </c>
      <c r="MS15" s="120">
        <v>0</v>
      </c>
      <c r="MT15" s="145"/>
      <c r="MU15" s="119">
        <v>1388935</v>
      </c>
      <c r="MV15" s="119">
        <v>1467046</v>
      </c>
      <c r="MW15" s="119">
        <v>57075749</v>
      </c>
      <c r="MX15" s="119">
        <v>106171015</v>
      </c>
      <c r="MY15" s="119">
        <v>90601434</v>
      </c>
      <c r="MZ15" s="120">
        <v>256704179</v>
      </c>
      <c r="NA15" s="143">
        <v>256704179</v>
      </c>
      <c r="NB15" s="142">
        <v>0</v>
      </c>
      <c r="NC15" s="119">
        <v>0</v>
      </c>
      <c r="ND15" s="120">
        <v>0</v>
      </c>
      <c r="NE15" s="145"/>
      <c r="NF15" s="119">
        <v>7401954</v>
      </c>
      <c r="NG15" s="119">
        <v>20086228</v>
      </c>
      <c r="NH15" s="119">
        <v>28127477</v>
      </c>
      <c r="NI15" s="119">
        <v>42624063</v>
      </c>
      <c r="NJ15" s="119">
        <v>18904050</v>
      </c>
      <c r="NK15" s="120">
        <v>117143772</v>
      </c>
      <c r="NL15" s="318">
        <v>117143772</v>
      </c>
      <c r="NM15" s="142">
        <v>0</v>
      </c>
      <c r="NN15" s="119">
        <v>0</v>
      </c>
      <c r="NO15" s="120">
        <v>0</v>
      </c>
      <c r="NP15" s="145"/>
      <c r="NQ15" s="119">
        <v>0</v>
      </c>
      <c r="NR15" s="119">
        <v>0</v>
      </c>
      <c r="NS15" s="119">
        <v>0</v>
      </c>
      <c r="NT15" s="119">
        <v>362021</v>
      </c>
      <c r="NU15" s="119">
        <v>0</v>
      </c>
      <c r="NV15" s="120">
        <v>362021</v>
      </c>
      <c r="NW15" s="121">
        <v>362021</v>
      </c>
      <c r="NX15" s="142">
        <v>0</v>
      </c>
      <c r="NY15" s="119">
        <v>0</v>
      </c>
      <c r="NZ15" s="120">
        <v>0</v>
      </c>
      <c r="OA15" s="145"/>
      <c r="OB15" s="119">
        <v>0</v>
      </c>
      <c r="OC15" s="119">
        <v>0</v>
      </c>
      <c r="OD15" s="119">
        <v>360379</v>
      </c>
      <c r="OE15" s="119">
        <v>350308</v>
      </c>
      <c r="OF15" s="119">
        <v>2459318</v>
      </c>
      <c r="OG15" s="120">
        <v>3170005</v>
      </c>
      <c r="OH15" s="121">
        <v>3170005</v>
      </c>
      <c r="OI15" s="142">
        <v>12265283</v>
      </c>
      <c r="OJ15" s="119">
        <v>16451390</v>
      </c>
      <c r="OK15" s="141">
        <v>28716673</v>
      </c>
      <c r="OL15" s="118">
        <v>0</v>
      </c>
      <c r="OM15" s="119">
        <v>200436878</v>
      </c>
      <c r="ON15" s="119">
        <v>221347147</v>
      </c>
      <c r="OO15" s="119">
        <v>293171339</v>
      </c>
      <c r="OP15" s="119">
        <v>352059568</v>
      </c>
      <c r="OQ15" s="119">
        <v>271066479</v>
      </c>
      <c r="OR15" s="120">
        <v>1338081411</v>
      </c>
      <c r="OS15" s="143">
        <v>1366798084</v>
      </c>
    </row>
    <row r="16" spans="1:409" ht="21" customHeight="1" x14ac:dyDescent="0.2">
      <c r="B16" s="62" t="s">
        <v>10</v>
      </c>
      <c r="C16" s="110">
        <v>26124628</v>
      </c>
      <c r="D16" s="114">
        <v>43241893</v>
      </c>
      <c r="E16" s="113">
        <v>69366521</v>
      </c>
      <c r="F16" s="172">
        <v>0</v>
      </c>
      <c r="G16" s="114">
        <v>339598385</v>
      </c>
      <c r="H16" s="114">
        <v>282786378</v>
      </c>
      <c r="I16" s="114">
        <v>260771746</v>
      </c>
      <c r="J16" s="114">
        <v>261710644</v>
      </c>
      <c r="K16" s="114">
        <v>213343792</v>
      </c>
      <c r="L16" s="109">
        <v>1358210945</v>
      </c>
      <c r="M16" s="116">
        <v>1427577466</v>
      </c>
      <c r="N16" s="110">
        <v>6707932</v>
      </c>
      <c r="O16" s="114">
        <v>14224819</v>
      </c>
      <c r="P16" s="113">
        <v>20932751</v>
      </c>
      <c r="Q16" s="110">
        <v>0</v>
      </c>
      <c r="R16" s="114">
        <v>108931552</v>
      </c>
      <c r="S16" s="114">
        <v>97566060</v>
      </c>
      <c r="T16" s="114">
        <v>95367047</v>
      </c>
      <c r="U16" s="114">
        <v>114248162</v>
      </c>
      <c r="V16" s="114">
        <v>114084704</v>
      </c>
      <c r="W16" s="113">
        <v>530197525</v>
      </c>
      <c r="X16" s="116">
        <v>551130276</v>
      </c>
      <c r="Y16" s="110">
        <v>0</v>
      </c>
      <c r="Z16" s="114">
        <v>0</v>
      </c>
      <c r="AA16" s="113">
        <v>0</v>
      </c>
      <c r="AB16" s="110">
        <v>0</v>
      </c>
      <c r="AC16" s="114">
        <v>53509922</v>
      </c>
      <c r="AD16" s="114">
        <v>52204136</v>
      </c>
      <c r="AE16" s="114">
        <v>60350197</v>
      </c>
      <c r="AF16" s="114">
        <v>76285085</v>
      </c>
      <c r="AG16" s="114">
        <v>69923037</v>
      </c>
      <c r="AH16" s="113">
        <v>312272377</v>
      </c>
      <c r="AI16" s="116">
        <v>312272377</v>
      </c>
      <c r="AJ16" s="110">
        <v>11014</v>
      </c>
      <c r="AK16" s="114">
        <v>-26750</v>
      </c>
      <c r="AL16" s="113">
        <v>-15736</v>
      </c>
      <c r="AM16" s="110">
        <v>0</v>
      </c>
      <c r="AN16" s="114">
        <v>743904</v>
      </c>
      <c r="AO16" s="114">
        <v>1656815</v>
      </c>
      <c r="AP16" s="114">
        <v>1973291</v>
      </c>
      <c r="AQ16" s="114">
        <v>5697092</v>
      </c>
      <c r="AR16" s="114">
        <v>11777125</v>
      </c>
      <c r="AS16" s="113">
        <v>21848227</v>
      </c>
      <c r="AT16" s="116">
        <v>21832491</v>
      </c>
      <c r="AU16" s="110">
        <v>3848198</v>
      </c>
      <c r="AV16" s="114">
        <v>9627524</v>
      </c>
      <c r="AW16" s="113">
        <v>13475722</v>
      </c>
      <c r="AX16" s="110">
        <v>0</v>
      </c>
      <c r="AY16" s="114">
        <v>33920169</v>
      </c>
      <c r="AZ16" s="114">
        <v>25201330</v>
      </c>
      <c r="BA16" s="114">
        <v>17178617</v>
      </c>
      <c r="BB16" s="114">
        <v>16236791</v>
      </c>
      <c r="BC16" s="114">
        <v>18630364</v>
      </c>
      <c r="BD16" s="113">
        <v>111167271</v>
      </c>
      <c r="BE16" s="116">
        <v>124642993</v>
      </c>
      <c r="BF16" s="110">
        <v>618460</v>
      </c>
      <c r="BG16" s="114">
        <v>1709221</v>
      </c>
      <c r="BH16" s="112">
        <v>2327681</v>
      </c>
      <c r="BI16" s="111">
        <v>0</v>
      </c>
      <c r="BJ16" s="114">
        <v>4180996</v>
      </c>
      <c r="BK16" s="114">
        <v>3770909</v>
      </c>
      <c r="BL16" s="114">
        <v>2346359</v>
      </c>
      <c r="BM16" s="114">
        <v>1667684</v>
      </c>
      <c r="BN16" s="114">
        <v>1878157</v>
      </c>
      <c r="BO16" s="113">
        <v>13844105</v>
      </c>
      <c r="BP16" s="116">
        <v>16171786</v>
      </c>
      <c r="BQ16" s="110">
        <v>2230260</v>
      </c>
      <c r="BR16" s="114">
        <v>2914824</v>
      </c>
      <c r="BS16" s="113">
        <v>5145084</v>
      </c>
      <c r="BT16" s="110">
        <v>0</v>
      </c>
      <c r="BU16" s="114">
        <v>16576561</v>
      </c>
      <c r="BV16" s="114">
        <v>14732870</v>
      </c>
      <c r="BW16" s="114">
        <v>13518583</v>
      </c>
      <c r="BX16" s="114">
        <v>14361510</v>
      </c>
      <c r="BY16" s="114">
        <v>11876021</v>
      </c>
      <c r="BZ16" s="113">
        <v>71065545</v>
      </c>
      <c r="CA16" s="116">
        <v>76210629</v>
      </c>
      <c r="CB16" s="110">
        <v>1439424</v>
      </c>
      <c r="CC16" s="114">
        <v>4039227</v>
      </c>
      <c r="CD16" s="113">
        <v>5478651</v>
      </c>
      <c r="CE16" s="110">
        <v>0</v>
      </c>
      <c r="CF16" s="114">
        <v>101029942</v>
      </c>
      <c r="CG16" s="114">
        <v>76650513</v>
      </c>
      <c r="CH16" s="114">
        <v>56132205</v>
      </c>
      <c r="CI16" s="114">
        <v>42348811</v>
      </c>
      <c r="CJ16" s="114">
        <v>18752894</v>
      </c>
      <c r="CK16" s="113">
        <v>294914365</v>
      </c>
      <c r="CL16" s="116">
        <v>300393016</v>
      </c>
      <c r="CM16" s="110">
        <v>0</v>
      </c>
      <c r="CN16" s="114">
        <v>0</v>
      </c>
      <c r="CO16" s="113">
        <v>0</v>
      </c>
      <c r="CP16" s="111">
        <v>0</v>
      </c>
      <c r="CQ16" s="114">
        <v>86064393</v>
      </c>
      <c r="CR16" s="114">
        <v>62920374</v>
      </c>
      <c r="CS16" s="114">
        <v>48502204</v>
      </c>
      <c r="CT16" s="114">
        <v>36005778</v>
      </c>
      <c r="CU16" s="114">
        <v>16496798</v>
      </c>
      <c r="CV16" s="113">
        <v>249989547</v>
      </c>
      <c r="CW16" s="116">
        <v>249989547</v>
      </c>
      <c r="CX16" s="110">
        <v>1439424</v>
      </c>
      <c r="CY16" s="114">
        <v>4039227</v>
      </c>
      <c r="CZ16" s="113">
        <v>5478651</v>
      </c>
      <c r="DA16" s="110">
        <v>0</v>
      </c>
      <c r="DB16" s="114">
        <v>14965549</v>
      </c>
      <c r="DC16" s="114">
        <v>13730139</v>
      </c>
      <c r="DD16" s="114">
        <v>7630001</v>
      </c>
      <c r="DE16" s="114">
        <v>6343033</v>
      </c>
      <c r="DF16" s="114">
        <v>2256096</v>
      </c>
      <c r="DG16" s="113">
        <v>44924818</v>
      </c>
      <c r="DH16" s="116">
        <v>50403469</v>
      </c>
      <c r="DI16" s="110">
        <v>138561</v>
      </c>
      <c r="DJ16" s="114">
        <v>688458</v>
      </c>
      <c r="DK16" s="112">
        <v>827019</v>
      </c>
      <c r="DL16" s="111">
        <v>0</v>
      </c>
      <c r="DM16" s="114">
        <v>9497018</v>
      </c>
      <c r="DN16" s="114">
        <v>13757720</v>
      </c>
      <c r="DO16" s="114">
        <v>21904670</v>
      </c>
      <c r="DP16" s="114">
        <v>21014175</v>
      </c>
      <c r="DQ16" s="114">
        <v>14617213</v>
      </c>
      <c r="DR16" s="113">
        <v>80790796</v>
      </c>
      <c r="DS16" s="116">
        <v>81617815</v>
      </c>
      <c r="DT16" s="110">
        <v>138561</v>
      </c>
      <c r="DU16" s="114">
        <v>596872</v>
      </c>
      <c r="DV16" s="113">
        <v>735433</v>
      </c>
      <c r="DW16" s="110">
        <v>0</v>
      </c>
      <c r="DX16" s="114">
        <v>8503969</v>
      </c>
      <c r="DY16" s="114">
        <v>12380865</v>
      </c>
      <c r="DZ16" s="114">
        <v>20343154</v>
      </c>
      <c r="EA16" s="114">
        <v>19891436</v>
      </c>
      <c r="EB16" s="114">
        <v>13581526</v>
      </c>
      <c r="EC16" s="113">
        <v>74700950</v>
      </c>
      <c r="ED16" s="116">
        <v>75436383</v>
      </c>
      <c r="EE16" s="110">
        <v>0</v>
      </c>
      <c r="EF16" s="112">
        <v>91586</v>
      </c>
      <c r="EG16" s="113">
        <v>91586</v>
      </c>
      <c r="EH16" s="110">
        <v>0</v>
      </c>
      <c r="EI16" s="114">
        <v>993049</v>
      </c>
      <c r="EJ16" s="114">
        <v>1376855</v>
      </c>
      <c r="EK16" s="114">
        <v>1561516</v>
      </c>
      <c r="EL16" s="114">
        <v>1122739</v>
      </c>
      <c r="EM16" s="114">
        <v>1035687</v>
      </c>
      <c r="EN16" s="112">
        <v>6089846</v>
      </c>
      <c r="EO16" s="116">
        <v>6181432</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5"/>
      <c r="FE16" s="114">
        <v>0</v>
      </c>
      <c r="FF16" s="114">
        <v>0</v>
      </c>
      <c r="FG16" s="114">
        <v>0</v>
      </c>
      <c r="FH16" s="114">
        <v>0</v>
      </c>
      <c r="FI16" s="114">
        <v>0</v>
      </c>
      <c r="FJ16" s="113">
        <v>0</v>
      </c>
      <c r="FK16" s="116">
        <v>0</v>
      </c>
      <c r="FL16" s="110">
        <v>8120568</v>
      </c>
      <c r="FM16" s="114">
        <v>10631673</v>
      </c>
      <c r="FN16" s="113">
        <v>18752241</v>
      </c>
      <c r="FO16" s="110">
        <v>0</v>
      </c>
      <c r="FP16" s="114">
        <v>19052658</v>
      </c>
      <c r="FQ16" s="114">
        <v>24123424</v>
      </c>
      <c r="FR16" s="114">
        <v>18770805</v>
      </c>
      <c r="FS16" s="114">
        <v>17584120</v>
      </c>
      <c r="FT16" s="114">
        <v>15273043</v>
      </c>
      <c r="FU16" s="113">
        <v>94804050</v>
      </c>
      <c r="FV16" s="116">
        <v>113556291</v>
      </c>
      <c r="FW16" s="115">
        <v>4348097</v>
      </c>
      <c r="FX16" s="114">
        <v>8237079</v>
      </c>
      <c r="FY16" s="112">
        <v>12585176</v>
      </c>
      <c r="FZ16" s="111">
        <v>0</v>
      </c>
      <c r="GA16" s="114">
        <v>16284309</v>
      </c>
      <c r="GB16" s="114">
        <v>22779372</v>
      </c>
      <c r="GC16" s="114">
        <v>17922731</v>
      </c>
      <c r="GD16" s="114">
        <v>16616123</v>
      </c>
      <c r="GE16" s="114">
        <v>14426486</v>
      </c>
      <c r="GF16" s="113">
        <v>88029021</v>
      </c>
      <c r="GG16" s="316">
        <v>100614197</v>
      </c>
      <c r="GH16" s="115">
        <v>756648</v>
      </c>
      <c r="GI16" s="114">
        <v>468002</v>
      </c>
      <c r="GJ16" s="112">
        <v>1224650</v>
      </c>
      <c r="GK16" s="111">
        <v>0</v>
      </c>
      <c r="GL16" s="114">
        <v>703088</v>
      </c>
      <c r="GM16" s="114">
        <v>847442</v>
      </c>
      <c r="GN16" s="114">
        <v>644671</v>
      </c>
      <c r="GO16" s="114">
        <v>492526</v>
      </c>
      <c r="GP16" s="114">
        <v>302037</v>
      </c>
      <c r="GQ16" s="113">
        <v>2989764</v>
      </c>
      <c r="GR16" s="116">
        <v>4214414</v>
      </c>
      <c r="GS16" s="110">
        <v>3015823</v>
      </c>
      <c r="GT16" s="114">
        <v>1926592</v>
      </c>
      <c r="GU16" s="113">
        <v>4942415</v>
      </c>
      <c r="GV16" s="110">
        <v>0</v>
      </c>
      <c r="GW16" s="114">
        <v>2065261</v>
      </c>
      <c r="GX16" s="114">
        <v>496610</v>
      </c>
      <c r="GY16" s="114">
        <v>203403</v>
      </c>
      <c r="GZ16" s="114">
        <v>475471</v>
      </c>
      <c r="HA16" s="114">
        <v>544520</v>
      </c>
      <c r="HB16" s="112">
        <v>3785265</v>
      </c>
      <c r="HC16" s="116">
        <v>8727680</v>
      </c>
      <c r="HD16" s="110">
        <v>4206084</v>
      </c>
      <c r="HE16" s="114">
        <v>6249970</v>
      </c>
      <c r="HF16" s="112">
        <v>10456054</v>
      </c>
      <c r="HG16" s="111">
        <v>0</v>
      </c>
      <c r="HH16" s="114">
        <v>49461390</v>
      </c>
      <c r="HI16" s="114">
        <v>41314537</v>
      </c>
      <c r="HJ16" s="114">
        <v>47003548</v>
      </c>
      <c r="HK16" s="114">
        <v>50398979</v>
      </c>
      <c r="HL16" s="114">
        <v>39266472</v>
      </c>
      <c r="HM16" s="113">
        <v>227444926</v>
      </c>
      <c r="HN16" s="109">
        <v>237900980</v>
      </c>
      <c r="HO16" s="115">
        <v>5512059</v>
      </c>
      <c r="HP16" s="114">
        <v>7407746</v>
      </c>
      <c r="HQ16" s="113">
        <v>12919805</v>
      </c>
      <c r="HR16" s="110">
        <v>0</v>
      </c>
      <c r="HS16" s="114">
        <v>51625825</v>
      </c>
      <c r="HT16" s="114">
        <v>29374124</v>
      </c>
      <c r="HU16" s="114">
        <v>21593471</v>
      </c>
      <c r="HV16" s="114">
        <v>16116397</v>
      </c>
      <c r="HW16" s="114">
        <v>11349466</v>
      </c>
      <c r="HX16" s="112">
        <v>130059283</v>
      </c>
      <c r="HY16" s="116">
        <v>142979088</v>
      </c>
      <c r="HZ16" s="150">
        <v>494031</v>
      </c>
      <c r="IA16" s="135">
        <v>2339650</v>
      </c>
      <c r="IB16" s="150">
        <v>2833681</v>
      </c>
      <c r="IC16" s="134">
        <v>0</v>
      </c>
      <c r="ID16" s="135">
        <v>76833002</v>
      </c>
      <c r="IE16" s="136">
        <v>79958188</v>
      </c>
      <c r="IF16" s="137">
        <v>86488689</v>
      </c>
      <c r="IG16" s="135">
        <v>75930105</v>
      </c>
      <c r="IH16" s="137">
        <v>73488900</v>
      </c>
      <c r="II16" s="138">
        <v>392698884</v>
      </c>
      <c r="IJ16" s="150">
        <v>395532565</v>
      </c>
      <c r="IK16" s="232">
        <v>0</v>
      </c>
      <c r="IL16" s="236">
        <v>0</v>
      </c>
      <c r="IM16" s="237">
        <v>0</v>
      </c>
      <c r="IN16" s="140"/>
      <c r="IO16" s="119">
        <v>1619051</v>
      </c>
      <c r="IP16" s="119">
        <v>1595376</v>
      </c>
      <c r="IQ16" s="119">
        <v>3097153</v>
      </c>
      <c r="IR16" s="119">
        <v>3875583</v>
      </c>
      <c r="IS16" s="119">
        <v>4506278</v>
      </c>
      <c r="IT16" s="141">
        <v>14693441</v>
      </c>
      <c r="IU16" s="318">
        <v>14693441</v>
      </c>
      <c r="IV16" s="142">
        <v>0</v>
      </c>
      <c r="IW16" s="119">
        <v>0</v>
      </c>
      <c r="IX16" s="120">
        <v>0</v>
      </c>
      <c r="IY16" s="144"/>
      <c r="IZ16" s="119">
        <v>147587</v>
      </c>
      <c r="JA16" s="119">
        <v>123432</v>
      </c>
      <c r="JB16" s="119">
        <v>112761</v>
      </c>
      <c r="JC16" s="119">
        <v>186401</v>
      </c>
      <c r="JD16" s="119">
        <v>361931</v>
      </c>
      <c r="JE16" s="120">
        <v>932112</v>
      </c>
      <c r="JF16" s="121">
        <v>932112</v>
      </c>
      <c r="JG16" s="142">
        <v>0</v>
      </c>
      <c r="JH16" s="119">
        <v>0</v>
      </c>
      <c r="JI16" s="141">
        <v>0</v>
      </c>
      <c r="JJ16" s="118">
        <v>0</v>
      </c>
      <c r="JK16" s="119">
        <v>27190681</v>
      </c>
      <c r="JL16" s="119">
        <v>17230918</v>
      </c>
      <c r="JM16" s="119">
        <v>12213706</v>
      </c>
      <c r="JN16" s="119">
        <v>6290311</v>
      </c>
      <c r="JO16" s="119">
        <v>3400805</v>
      </c>
      <c r="JP16" s="120">
        <v>66326421</v>
      </c>
      <c r="JQ16" s="318">
        <v>66326421</v>
      </c>
      <c r="JR16" s="142">
        <v>0</v>
      </c>
      <c r="JS16" s="119">
        <v>57803</v>
      </c>
      <c r="JT16" s="141">
        <v>57803</v>
      </c>
      <c r="JU16" s="118">
        <v>0</v>
      </c>
      <c r="JV16" s="119">
        <v>988735</v>
      </c>
      <c r="JW16" s="119">
        <v>1458924</v>
      </c>
      <c r="JX16" s="119">
        <v>3370985</v>
      </c>
      <c r="JY16" s="119">
        <v>1892327</v>
      </c>
      <c r="JZ16" s="119">
        <v>2039146</v>
      </c>
      <c r="KA16" s="120">
        <v>9750117</v>
      </c>
      <c r="KB16" s="318">
        <v>9807920</v>
      </c>
      <c r="KC16" s="234">
        <v>494031</v>
      </c>
      <c r="KD16" s="230">
        <v>1772432</v>
      </c>
      <c r="KE16" s="120">
        <v>2266463</v>
      </c>
      <c r="KF16" s="118">
        <v>0</v>
      </c>
      <c r="KG16" s="119">
        <v>11454553</v>
      </c>
      <c r="KH16" s="119">
        <v>13943347</v>
      </c>
      <c r="KI16" s="119">
        <v>17975414</v>
      </c>
      <c r="KJ16" s="119">
        <v>14870982</v>
      </c>
      <c r="KK16" s="119">
        <v>12677164</v>
      </c>
      <c r="KL16" s="120">
        <v>70921460</v>
      </c>
      <c r="KM16" s="143">
        <v>73187923</v>
      </c>
      <c r="KN16" s="232">
        <v>0</v>
      </c>
      <c r="KO16" s="236">
        <v>509415</v>
      </c>
      <c r="KP16" s="237">
        <v>509415</v>
      </c>
      <c r="KQ16" s="140"/>
      <c r="KR16" s="119">
        <v>26947280</v>
      </c>
      <c r="KS16" s="119">
        <v>34823512</v>
      </c>
      <c r="KT16" s="119">
        <v>31962798</v>
      </c>
      <c r="KU16" s="119">
        <v>24731741</v>
      </c>
      <c r="KV16" s="119">
        <v>27214447</v>
      </c>
      <c r="KW16" s="120">
        <v>145679778</v>
      </c>
      <c r="KX16" s="318">
        <v>146189193</v>
      </c>
      <c r="KY16" s="142">
        <v>0</v>
      </c>
      <c r="KZ16" s="119">
        <v>0</v>
      </c>
      <c r="LA16" s="120">
        <v>0</v>
      </c>
      <c r="LB16" s="145"/>
      <c r="LC16" s="119">
        <v>4896879</v>
      </c>
      <c r="LD16" s="119">
        <v>4161857</v>
      </c>
      <c r="LE16" s="119">
        <v>8854036</v>
      </c>
      <c r="LF16" s="119">
        <v>6424474</v>
      </c>
      <c r="LG16" s="119">
        <v>7158403</v>
      </c>
      <c r="LH16" s="120">
        <v>31495649</v>
      </c>
      <c r="LI16" s="121">
        <v>31495649</v>
      </c>
      <c r="LJ16" s="142">
        <v>0</v>
      </c>
      <c r="LK16" s="119">
        <v>0</v>
      </c>
      <c r="LL16" s="120">
        <v>0</v>
      </c>
      <c r="LM16" s="145"/>
      <c r="LN16" s="119">
        <v>0</v>
      </c>
      <c r="LO16" s="119">
        <v>212983</v>
      </c>
      <c r="LP16" s="119">
        <v>760101</v>
      </c>
      <c r="LQ16" s="119">
        <v>6576604</v>
      </c>
      <c r="LR16" s="119">
        <v>4925375</v>
      </c>
      <c r="LS16" s="120">
        <v>12475063</v>
      </c>
      <c r="LT16" s="318">
        <v>12475063</v>
      </c>
      <c r="LU16" s="142">
        <v>0</v>
      </c>
      <c r="LV16" s="119">
        <v>0</v>
      </c>
      <c r="LW16" s="120">
        <v>0</v>
      </c>
      <c r="LX16" s="145"/>
      <c r="LY16" s="119">
        <v>3588236</v>
      </c>
      <c r="LZ16" s="119">
        <v>6407839</v>
      </c>
      <c r="MA16" s="119">
        <v>8141735</v>
      </c>
      <c r="MB16" s="119">
        <v>11081682</v>
      </c>
      <c r="MC16" s="119">
        <v>11205351</v>
      </c>
      <c r="MD16" s="120">
        <v>40424843</v>
      </c>
      <c r="ME16" s="121">
        <v>40424843</v>
      </c>
      <c r="MF16" s="142">
        <v>0</v>
      </c>
      <c r="MG16" s="119">
        <v>0</v>
      </c>
      <c r="MH16" s="120">
        <v>0</v>
      </c>
      <c r="MI16" s="145"/>
      <c r="MJ16" s="119">
        <v>28042965</v>
      </c>
      <c r="MK16" s="119">
        <v>41398750</v>
      </c>
      <c r="ML16" s="119">
        <v>145765960</v>
      </c>
      <c r="MM16" s="119">
        <v>213256166</v>
      </c>
      <c r="MN16" s="119">
        <v>193649615</v>
      </c>
      <c r="MO16" s="120">
        <v>622113456</v>
      </c>
      <c r="MP16" s="143">
        <v>622113456</v>
      </c>
      <c r="MQ16" s="142">
        <v>0</v>
      </c>
      <c r="MR16" s="119">
        <v>0</v>
      </c>
      <c r="MS16" s="120">
        <v>0</v>
      </c>
      <c r="MT16" s="145"/>
      <c r="MU16" s="119">
        <v>4165092</v>
      </c>
      <c r="MV16" s="119">
        <v>9557338</v>
      </c>
      <c r="MW16" s="119">
        <v>90375372</v>
      </c>
      <c r="MX16" s="119">
        <v>154109598</v>
      </c>
      <c r="MY16" s="119">
        <v>147700189</v>
      </c>
      <c r="MZ16" s="120">
        <v>405907589</v>
      </c>
      <c r="NA16" s="143">
        <v>405907589</v>
      </c>
      <c r="NB16" s="142">
        <v>0</v>
      </c>
      <c r="NC16" s="119">
        <v>0</v>
      </c>
      <c r="ND16" s="120">
        <v>0</v>
      </c>
      <c r="NE16" s="145"/>
      <c r="NF16" s="119">
        <v>23667470</v>
      </c>
      <c r="NG16" s="119">
        <v>31841412</v>
      </c>
      <c r="NH16" s="119">
        <v>55390588</v>
      </c>
      <c r="NI16" s="119">
        <v>57656624</v>
      </c>
      <c r="NJ16" s="119">
        <v>32500633</v>
      </c>
      <c r="NK16" s="120">
        <v>201056727</v>
      </c>
      <c r="NL16" s="318">
        <v>201056727</v>
      </c>
      <c r="NM16" s="142">
        <v>0</v>
      </c>
      <c r="NN16" s="119">
        <v>0</v>
      </c>
      <c r="NO16" s="120">
        <v>0</v>
      </c>
      <c r="NP16" s="145"/>
      <c r="NQ16" s="119">
        <v>0</v>
      </c>
      <c r="NR16" s="119">
        <v>0</v>
      </c>
      <c r="NS16" s="119">
        <v>0</v>
      </c>
      <c r="NT16" s="119">
        <v>365359</v>
      </c>
      <c r="NU16" s="119">
        <v>521531</v>
      </c>
      <c r="NV16" s="120">
        <v>886890</v>
      </c>
      <c r="NW16" s="121">
        <v>886890</v>
      </c>
      <c r="NX16" s="142">
        <v>0</v>
      </c>
      <c r="NY16" s="119">
        <v>0</v>
      </c>
      <c r="NZ16" s="120">
        <v>0</v>
      </c>
      <c r="OA16" s="145"/>
      <c r="OB16" s="119">
        <v>210403</v>
      </c>
      <c r="OC16" s="119">
        <v>0</v>
      </c>
      <c r="OD16" s="119">
        <v>0</v>
      </c>
      <c r="OE16" s="119">
        <v>1124585</v>
      </c>
      <c r="OF16" s="119">
        <v>12927262</v>
      </c>
      <c r="OG16" s="120">
        <v>14262250</v>
      </c>
      <c r="OH16" s="121">
        <v>14262250</v>
      </c>
      <c r="OI16" s="142">
        <v>26618659</v>
      </c>
      <c r="OJ16" s="119">
        <v>45581543</v>
      </c>
      <c r="OK16" s="141">
        <v>72200202</v>
      </c>
      <c r="OL16" s="118">
        <v>0</v>
      </c>
      <c r="OM16" s="119">
        <v>444474352</v>
      </c>
      <c r="ON16" s="119">
        <v>404143316</v>
      </c>
      <c r="OO16" s="119">
        <v>493026395</v>
      </c>
      <c r="OP16" s="119">
        <v>550896915</v>
      </c>
      <c r="OQ16" s="119">
        <v>480482307</v>
      </c>
      <c r="OR16" s="120">
        <v>2373023285</v>
      </c>
      <c r="OS16" s="143">
        <v>2445223487</v>
      </c>
    </row>
    <row r="17" spans="2:409" ht="21" customHeight="1" x14ac:dyDescent="0.2">
      <c r="B17" s="62" t="s">
        <v>11</v>
      </c>
      <c r="C17" s="110">
        <v>10521353</v>
      </c>
      <c r="D17" s="114">
        <v>15202787</v>
      </c>
      <c r="E17" s="171">
        <v>25724140</v>
      </c>
      <c r="F17" s="111">
        <v>0</v>
      </c>
      <c r="G17" s="114">
        <v>163903164</v>
      </c>
      <c r="H17" s="114">
        <v>139170184</v>
      </c>
      <c r="I17" s="114">
        <v>139348497</v>
      </c>
      <c r="J17" s="114">
        <v>139912362</v>
      </c>
      <c r="K17" s="114">
        <v>90687089</v>
      </c>
      <c r="L17" s="109">
        <v>673021296</v>
      </c>
      <c r="M17" s="116">
        <v>698745436</v>
      </c>
      <c r="N17" s="110">
        <v>1395065</v>
      </c>
      <c r="O17" s="114">
        <v>2436630</v>
      </c>
      <c r="P17" s="113">
        <v>3831695</v>
      </c>
      <c r="Q17" s="110">
        <v>0</v>
      </c>
      <c r="R17" s="114">
        <v>37882261</v>
      </c>
      <c r="S17" s="114">
        <v>40087958</v>
      </c>
      <c r="T17" s="114">
        <v>44517321</v>
      </c>
      <c r="U17" s="114">
        <v>48480171</v>
      </c>
      <c r="V17" s="114">
        <v>44676952</v>
      </c>
      <c r="W17" s="113">
        <v>215644663</v>
      </c>
      <c r="X17" s="116">
        <v>219476358</v>
      </c>
      <c r="Y17" s="110">
        <v>0</v>
      </c>
      <c r="Z17" s="114">
        <v>0</v>
      </c>
      <c r="AA17" s="113">
        <v>0</v>
      </c>
      <c r="AB17" s="110">
        <v>0</v>
      </c>
      <c r="AC17" s="114">
        <v>18611762</v>
      </c>
      <c r="AD17" s="114">
        <v>22818117</v>
      </c>
      <c r="AE17" s="114">
        <v>27073723</v>
      </c>
      <c r="AF17" s="114">
        <v>29411165</v>
      </c>
      <c r="AG17" s="114">
        <v>28703156</v>
      </c>
      <c r="AH17" s="113">
        <v>126617923</v>
      </c>
      <c r="AI17" s="116">
        <v>126617923</v>
      </c>
      <c r="AJ17" s="110">
        <v>0</v>
      </c>
      <c r="AK17" s="114">
        <v>35572</v>
      </c>
      <c r="AL17" s="113">
        <v>35572</v>
      </c>
      <c r="AM17" s="110">
        <v>0</v>
      </c>
      <c r="AN17" s="114">
        <v>182690</v>
      </c>
      <c r="AO17" s="114">
        <v>757879</v>
      </c>
      <c r="AP17" s="114">
        <v>1846560</v>
      </c>
      <c r="AQ17" s="114">
        <v>3335717</v>
      </c>
      <c r="AR17" s="114">
        <v>4494154</v>
      </c>
      <c r="AS17" s="113">
        <v>10617000</v>
      </c>
      <c r="AT17" s="116">
        <v>10652572</v>
      </c>
      <c r="AU17" s="110">
        <v>850766</v>
      </c>
      <c r="AV17" s="114">
        <v>1726079</v>
      </c>
      <c r="AW17" s="113">
        <v>2576845</v>
      </c>
      <c r="AX17" s="110">
        <v>0</v>
      </c>
      <c r="AY17" s="114">
        <v>11956347</v>
      </c>
      <c r="AZ17" s="114">
        <v>9749912</v>
      </c>
      <c r="BA17" s="114">
        <v>8636609</v>
      </c>
      <c r="BB17" s="114">
        <v>8938334</v>
      </c>
      <c r="BC17" s="114">
        <v>7748240</v>
      </c>
      <c r="BD17" s="113">
        <v>47029442</v>
      </c>
      <c r="BE17" s="116">
        <v>49606287</v>
      </c>
      <c r="BF17" s="110">
        <v>65304</v>
      </c>
      <c r="BG17" s="114">
        <v>185057</v>
      </c>
      <c r="BH17" s="112">
        <v>250361</v>
      </c>
      <c r="BI17" s="111">
        <v>0</v>
      </c>
      <c r="BJ17" s="114">
        <v>1201808</v>
      </c>
      <c r="BK17" s="114">
        <v>1021629</v>
      </c>
      <c r="BL17" s="114">
        <v>1252420</v>
      </c>
      <c r="BM17" s="114">
        <v>1087317</v>
      </c>
      <c r="BN17" s="114">
        <v>247318</v>
      </c>
      <c r="BO17" s="113">
        <v>4810492</v>
      </c>
      <c r="BP17" s="116">
        <v>5060853</v>
      </c>
      <c r="BQ17" s="110">
        <v>478995</v>
      </c>
      <c r="BR17" s="114">
        <v>489922</v>
      </c>
      <c r="BS17" s="113">
        <v>968917</v>
      </c>
      <c r="BT17" s="110">
        <v>0</v>
      </c>
      <c r="BU17" s="114">
        <v>5929654</v>
      </c>
      <c r="BV17" s="114">
        <v>5740421</v>
      </c>
      <c r="BW17" s="114">
        <v>5708009</v>
      </c>
      <c r="BX17" s="114">
        <v>5707638</v>
      </c>
      <c r="BY17" s="114">
        <v>3484084</v>
      </c>
      <c r="BZ17" s="113">
        <v>26569806</v>
      </c>
      <c r="CA17" s="116">
        <v>27538723</v>
      </c>
      <c r="CB17" s="110">
        <v>2213166</v>
      </c>
      <c r="CC17" s="114">
        <v>2944596</v>
      </c>
      <c r="CD17" s="113">
        <v>5157762</v>
      </c>
      <c r="CE17" s="110">
        <v>0</v>
      </c>
      <c r="CF17" s="114">
        <v>51564239</v>
      </c>
      <c r="CG17" s="114">
        <v>39523045</v>
      </c>
      <c r="CH17" s="114">
        <v>32897015</v>
      </c>
      <c r="CI17" s="114">
        <v>25406086</v>
      </c>
      <c r="CJ17" s="114">
        <v>12382643</v>
      </c>
      <c r="CK17" s="113">
        <v>161773028</v>
      </c>
      <c r="CL17" s="116">
        <v>166930790</v>
      </c>
      <c r="CM17" s="110">
        <v>0</v>
      </c>
      <c r="CN17" s="114">
        <v>0</v>
      </c>
      <c r="CO17" s="113">
        <v>0</v>
      </c>
      <c r="CP17" s="111">
        <v>0</v>
      </c>
      <c r="CQ17" s="114">
        <v>41958792</v>
      </c>
      <c r="CR17" s="114">
        <v>30518318</v>
      </c>
      <c r="CS17" s="114">
        <v>25624736</v>
      </c>
      <c r="CT17" s="114">
        <v>20296541</v>
      </c>
      <c r="CU17" s="114">
        <v>10585476</v>
      </c>
      <c r="CV17" s="113">
        <v>128983863</v>
      </c>
      <c r="CW17" s="116">
        <v>128983863</v>
      </c>
      <c r="CX17" s="110">
        <v>2213166</v>
      </c>
      <c r="CY17" s="114">
        <v>2944596</v>
      </c>
      <c r="CZ17" s="113">
        <v>5157762</v>
      </c>
      <c r="DA17" s="110">
        <v>0</v>
      </c>
      <c r="DB17" s="114">
        <v>9605447</v>
      </c>
      <c r="DC17" s="114">
        <v>9004727</v>
      </c>
      <c r="DD17" s="114">
        <v>7272279</v>
      </c>
      <c r="DE17" s="114">
        <v>5109545</v>
      </c>
      <c r="DF17" s="114">
        <v>1797167</v>
      </c>
      <c r="DG17" s="113">
        <v>32789165</v>
      </c>
      <c r="DH17" s="116">
        <v>37946927</v>
      </c>
      <c r="DI17" s="110">
        <v>205635</v>
      </c>
      <c r="DJ17" s="114">
        <v>328283</v>
      </c>
      <c r="DK17" s="112">
        <v>533918</v>
      </c>
      <c r="DL17" s="111">
        <v>0</v>
      </c>
      <c r="DM17" s="114">
        <v>5833625</v>
      </c>
      <c r="DN17" s="114">
        <v>6955011</v>
      </c>
      <c r="DO17" s="114">
        <v>12925055</v>
      </c>
      <c r="DP17" s="114">
        <v>10797899</v>
      </c>
      <c r="DQ17" s="114">
        <v>6711195</v>
      </c>
      <c r="DR17" s="113">
        <v>43222785</v>
      </c>
      <c r="DS17" s="116">
        <v>43756703</v>
      </c>
      <c r="DT17" s="110">
        <v>205635</v>
      </c>
      <c r="DU17" s="114">
        <v>328283</v>
      </c>
      <c r="DV17" s="113">
        <v>533918</v>
      </c>
      <c r="DW17" s="110">
        <v>0</v>
      </c>
      <c r="DX17" s="114">
        <v>5634359</v>
      </c>
      <c r="DY17" s="114">
        <v>6452717</v>
      </c>
      <c r="DZ17" s="114">
        <v>11853056</v>
      </c>
      <c r="EA17" s="114">
        <v>10023122</v>
      </c>
      <c r="EB17" s="114">
        <v>5358844</v>
      </c>
      <c r="EC17" s="113">
        <v>39322098</v>
      </c>
      <c r="ED17" s="116">
        <v>39856016</v>
      </c>
      <c r="EE17" s="110">
        <v>0</v>
      </c>
      <c r="EF17" s="112">
        <v>0</v>
      </c>
      <c r="EG17" s="113">
        <v>0</v>
      </c>
      <c r="EH17" s="110">
        <v>0</v>
      </c>
      <c r="EI17" s="114">
        <v>199266</v>
      </c>
      <c r="EJ17" s="114">
        <v>502294</v>
      </c>
      <c r="EK17" s="114">
        <v>1071999</v>
      </c>
      <c r="EL17" s="114">
        <v>774777</v>
      </c>
      <c r="EM17" s="114">
        <v>1352351</v>
      </c>
      <c r="EN17" s="112">
        <v>3900687</v>
      </c>
      <c r="EO17" s="116">
        <v>3900687</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5"/>
      <c r="FE17" s="114">
        <v>0</v>
      </c>
      <c r="FF17" s="114">
        <v>0</v>
      </c>
      <c r="FG17" s="114">
        <v>0</v>
      </c>
      <c r="FH17" s="114">
        <v>0</v>
      </c>
      <c r="FI17" s="114">
        <v>0</v>
      </c>
      <c r="FJ17" s="113">
        <v>0</v>
      </c>
      <c r="FK17" s="116">
        <v>0</v>
      </c>
      <c r="FL17" s="110">
        <v>2224824</v>
      </c>
      <c r="FM17" s="114">
        <v>3611928</v>
      </c>
      <c r="FN17" s="113">
        <v>5836752</v>
      </c>
      <c r="FO17" s="110">
        <v>0</v>
      </c>
      <c r="FP17" s="114">
        <v>7987917</v>
      </c>
      <c r="FQ17" s="114">
        <v>11946304</v>
      </c>
      <c r="FR17" s="114">
        <v>10634645</v>
      </c>
      <c r="FS17" s="114">
        <v>9970434</v>
      </c>
      <c r="FT17" s="114">
        <v>6219164</v>
      </c>
      <c r="FU17" s="113">
        <v>46758464</v>
      </c>
      <c r="FV17" s="116">
        <v>52595216</v>
      </c>
      <c r="FW17" s="115">
        <v>1744699</v>
      </c>
      <c r="FX17" s="114">
        <v>2869409</v>
      </c>
      <c r="FY17" s="112">
        <v>4614108</v>
      </c>
      <c r="FZ17" s="111">
        <v>0</v>
      </c>
      <c r="GA17" s="114">
        <v>6559664</v>
      </c>
      <c r="GB17" s="114">
        <v>10966102</v>
      </c>
      <c r="GC17" s="114">
        <v>9668416</v>
      </c>
      <c r="GD17" s="114">
        <v>9300571</v>
      </c>
      <c r="GE17" s="114">
        <v>6061189</v>
      </c>
      <c r="GF17" s="113">
        <v>42555942</v>
      </c>
      <c r="GG17" s="316">
        <v>47170050</v>
      </c>
      <c r="GH17" s="115">
        <v>220391</v>
      </c>
      <c r="GI17" s="114">
        <v>176538</v>
      </c>
      <c r="GJ17" s="112">
        <v>396929</v>
      </c>
      <c r="GK17" s="111">
        <v>0</v>
      </c>
      <c r="GL17" s="114">
        <v>421537</v>
      </c>
      <c r="GM17" s="114">
        <v>252053</v>
      </c>
      <c r="GN17" s="114">
        <v>419767</v>
      </c>
      <c r="GO17" s="114">
        <v>447963</v>
      </c>
      <c r="GP17" s="114">
        <v>157975</v>
      </c>
      <c r="GQ17" s="113">
        <v>1699295</v>
      </c>
      <c r="GR17" s="116">
        <v>2096224</v>
      </c>
      <c r="GS17" s="110">
        <v>259734</v>
      </c>
      <c r="GT17" s="114">
        <v>565981</v>
      </c>
      <c r="GU17" s="113">
        <v>825715</v>
      </c>
      <c r="GV17" s="110">
        <v>0</v>
      </c>
      <c r="GW17" s="114">
        <v>1006716</v>
      </c>
      <c r="GX17" s="114">
        <v>728149</v>
      </c>
      <c r="GY17" s="114">
        <v>546462</v>
      </c>
      <c r="GZ17" s="114">
        <v>221900</v>
      </c>
      <c r="HA17" s="114">
        <v>0</v>
      </c>
      <c r="HB17" s="112">
        <v>2503227</v>
      </c>
      <c r="HC17" s="116">
        <v>3328942</v>
      </c>
      <c r="HD17" s="110">
        <v>2026200</v>
      </c>
      <c r="HE17" s="114">
        <v>3224834</v>
      </c>
      <c r="HF17" s="112">
        <v>5251034</v>
      </c>
      <c r="HG17" s="111">
        <v>0</v>
      </c>
      <c r="HH17" s="114">
        <v>33640305</v>
      </c>
      <c r="HI17" s="114">
        <v>24633910</v>
      </c>
      <c r="HJ17" s="114">
        <v>25025939</v>
      </c>
      <c r="HK17" s="114">
        <v>35552270</v>
      </c>
      <c r="HL17" s="114">
        <v>15176962</v>
      </c>
      <c r="HM17" s="113">
        <v>134029386</v>
      </c>
      <c r="HN17" s="109">
        <v>139280420</v>
      </c>
      <c r="HO17" s="115">
        <v>2456463</v>
      </c>
      <c r="HP17" s="114">
        <v>2656516</v>
      </c>
      <c r="HQ17" s="113">
        <v>5112979</v>
      </c>
      <c r="HR17" s="110">
        <v>0</v>
      </c>
      <c r="HS17" s="114">
        <v>26994817</v>
      </c>
      <c r="HT17" s="114">
        <v>16023956</v>
      </c>
      <c r="HU17" s="114">
        <v>13348522</v>
      </c>
      <c r="HV17" s="114">
        <v>9705502</v>
      </c>
      <c r="HW17" s="114">
        <v>5520173</v>
      </c>
      <c r="HX17" s="112">
        <v>71592970</v>
      </c>
      <c r="HY17" s="116">
        <v>76705949</v>
      </c>
      <c r="HZ17" s="131">
        <v>0</v>
      </c>
      <c r="IA17" s="132">
        <v>1797713</v>
      </c>
      <c r="IB17" s="133">
        <v>1797713</v>
      </c>
      <c r="IC17" s="146">
        <v>0</v>
      </c>
      <c r="ID17" s="132">
        <v>51385121</v>
      </c>
      <c r="IE17" s="147">
        <v>50885263</v>
      </c>
      <c r="IF17" s="133">
        <v>53756879</v>
      </c>
      <c r="IG17" s="132">
        <v>34508539</v>
      </c>
      <c r="IH17" s="133">
        <v>16014976</v>
      </c>
      <c r="II17" s="148">
        <v>206550778</v>
      </c>
      <c r="IJ17" s="139">
        <v>208348491</v>
      </c>
      <c r="IK17" s="232">
        <v>0</v>
      </c>
      <c r="IL17" s="236">
        <v>0</v>
      </c>
      <c r="IM17" s="237">
        <v>0</v>
      </c>
      <c r="IN17" s="140"/>
      <c r="IO17" s="119">
        <v>802192</v>
      </c>
      <c r="IP17" s="119">
        <v>1306621</v>
      </c>
      <c r="IQ17" s="119">
        <v>923405</v>
      </c>
      <c r="IR17" s="119">
        <v>1114409</v>
      </c>
      <c r="IS17" s="119">
        <v>1431202</v>
      </c>
      <c r="IT17" s="141">
        <v>5577829</v>
      </c>
      <c r="IU17" s="318">
        <v>5577829</v>
      </c>
      <c r="IV17" s="142">
        <v>0</v>
      </c>
      <c r="IW17" s="119">
        <v>0</v>
      </c>
      <c r="IX17" s="120">
        <v>0</v>
      </c>
      <c r="IY17" s="144"/>
      <c r="IZ17" s="119">
        <v>185202</v>
      </c>
      <c r="JA17" s="119">
        <v>272838</v>
      </c>
      <c r="JB17" s="119">
        <v>201995</v>
      </c>
      <c r="JC17" s="119">
        <v>421908</v>
      </c>
      <c r="JD17" s="119">
        <v>569627</v>
      </c>
      <c r="JE17" s="120">
        <v>1651570</v>
      </c>
      <c r="JF17" s="121">
        <v>1651570</v>
      </c>
      <c r="JG17" s="142">
        <v>0</v>
      </c>
      <c r="JH17" s="119">
        <v>0</v>
      </c>
      <c r="JI17" s="141">
        <v>0</v>
      </c>
      <c r="JJ17" s="118">
        <v>0</v>
      </c>
      <c r="JK17" s="119">
        <v>29268788</v>
      </c>
      <c r="JL17" s="119">
        <v>20820662</v>
      </c>
      <c r="JM17" s="119">
        <v>16329001</v>
      </c>
      <c r="JN17" s="119">
        <v>9417501</v>
      </c>
      <c r="JO17" s="119">
        <v>4038340</v>
      </c>
      <c r="JP17" s="120">
        <v>79874292</v>
      </c>
      <c r="JQ17" s="318">
        <v>79874292</v>
      </c>
      <c r="JR17" s="142">
        <v>0</v>
      </c>
      <c r="JS17" s="119">
        <v>38103</v>
      </c>
      <c r="JT17" s="141">
        <v>38103</v>
      </c>
      <c r="JU17" s="118">
        <v>0</v>
      </c>
      <c r="JV17" s="119">
        <v>1134065</v>
      </c>
      <c r="JW17" s="119">
        <v>1448194</v>
      </c>
      <c r="JX17" s="119">
        <v>2026353</v>
      </c>
      <c r="JY17" s="119">
        <v>190004</v>
      </c>
      <c r="JZ17" s="119">
        <v>154681</v>
      </c>
      <c r="KA17" s="120">
        <v>4953297</v>
      </c>
      <c r="KB17" s="318">
        <v>4991400</v>
      </c>
      <c r="KC17" s="234">
        <v>0</v>
      </c>
      <c r="KD17" s="230">
        <v>740380</v>
      </c>
      <c r="KE17" s="120">
        <v>740380</v>
      </c>
      <c r="KF17" s="118">
        <v>0</v>
      </c>
      <c r="KG17" s="119">
        <v>5904134</v>
      </c>
      <c r="KH17" s="119">
        <v>6382356</v>
      </c>
      <c r="KI17" s="119">
        <v>8484884</v>
      </c>
      <c r="KJ17" s="119">
        <v>5541386</v>
      </c>
      <c r="KK17" s="119">
        <v>2453110</v>
      </c>
      <c r="KL17" s="120">
        <v>28765870</v>
      </c>
      <c r="KM17" s="143">
        <v>29506250</v>
      </c>
      <c r="KN17" s="232">
        <v>0</v>
      </c>
      <c r="KO17" s="236">
        <v>1019230</v>
      </c>
      <c r="KP17" s="237">
        <v>1019230</v>
      </c>
      <c r="KQ17" s="140"/>
      <c r="KR17" s="119">
        <v>13306881</v>
      </c>
      <c r="KS17" s="119">
        <v>19239342</v>
      </c>
      <c r="KT17" s="119">
        <v>24659859</v>
      </c>
      <c r="KU17" s="119">
        <v>15291894</v>
      </c>
      <c r="KV17" s="119">
        <v>6593389</v>
      </c>
      <c r="KW17" s="120">
        <v>79091365</v>
      </c>
      <c r="KX17" s="318">
        <v>80110595</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47185</v>
      </c>
      <c r="LP17" s="119">
        <v>0</v>
      </c>
      <c r="LQ17" s="119">
        <v>0</v>
      </c>
      <c r="LR17" s="119">
        <v>0</v>
      </c>
      <c r="LS17" s="120">
        <v>247185</v>
      </c>
      <c r="LT17" s="318">
        <v>247185</v>
      </c>
      <c r="LU17" s="142">
        <v>0</v>
      </c>
      <c r="LV17" s="119">
        <v>0</v>
      </c>
      <c r="LW17" s="120">
        <v>0</v>
      </c>
      <c r="LX17" s="145"/>
      <c r="LY17" s="119">
        <v>783859</v>
      </c>
      <c r="LZ17" s="119">
        <v>1168065</v>
      </c>
      <c r="MA17" s="119">
        <v>1131382</v>
      </c>
      <c r="MB17" s="119">
        <v>2531437</v>
      </c>
      <c r="MC17" s="119">
        <v>774627</v>
      </c>
      <c r="MD17" s="120">
        <v>6389370</v>
      </c>
      <c r="ME17" s="121">
        <v>6389370</v>
      </c>
      <c r="MF17" s="142">
        <v>0</v>
      </c>
      <c r="MG17" s="119">
        <v>0</v>
      </c>
      <c r="MH17" s="120">
        <v>0</v>
      </c>
      <c r="MI17" s="145"/>
      <c r="MJ17" s="119">
        <v>16540137</v>
      </c>
      <c r="MK17" s="119">
        <v>25859264</v>
      </c>
      <c r="ML17" s="119">
        <v>91932690</v>
      </c>
      <c r="MM17" s="119">
        <v>153965546</v>
      </c>
      <c r="MN17" s="119">
        <v>96272814</v>
      </c>
      <c r="MO17" s="120">
        <v>384570451</v>
      </c>
      <c r="MP17" s="143">
        <v>384570451</v>
      </c>
      <c r="MQ17" s="142">
        <v>0</v>
      </c>
      <c r="MR17" s="119">
        <v>0</v>
      </c>
      <c r="MS17" s="120">
        <v>0</v>
      </c>
      <c r="MT17" s="145"/>
      <c r="MU17" s="119">
        <v>426276</v>
      </c>
      <c r="MV17" s="119">
        <v>1373953</v>
      </c>
      <c r="MW17" s="119">
        <v>48878571</v>
      </c>
      <c r="MX17" s="119">
        <v>101592196</v>
      </c>
      <c r="MY17" s="119">
        <v>57590218</v>
      </c>
      <c r="MZ17" s="120">
        <v>209861214</v>
      </c>
      <c r="NA17" s="143">
        <v>209861214</v>
      </c>
      <c r="NB17" s="142">
        <v>0</v>
      </c>
      <c r="NC17" s="119">
        <v>0</v>
      </c>
      <c r="ND17" s="120">
        <v>0</v>
      </c>
      <c r="NE17" s="145"/>
      <c r="NF17" s="119">
        <v>15862268</v>
      </c>
      <c r="NG17" s="119">
        <v>22844198</v>
      </c>
      <c r="NH17" s="119">
        <v>39439170</v>
      </c>
      <c r="NI17" s="119">
        <v>46885707</v>
      </c>
      <c r="NJ17" s="119">
        <v>27486556</v>
      </c>
      <c r="NK17" s="120">
        <v>152517899</v>
      </c>
      <c r="NL17" s="318">
        <v>152517899</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251593</v>
      </c>
      <c r="OC17" s="119">
        <v>1641113</v>
      </c>
      <c r="OD17" s="119">
        <v>3614949</v>
      </c>
      <c r="OE17" s="119">
        <v>5487643</v>
      </c>
      <c r="OF17" s="119">
        <v>11196040</v>
      </c>
      <c r="OG17" s="120">
        <v>22191338</v>
      </c>
      <c r="OH17" s="121">
        <v>22191338</v>
      </c>
      <c r="OI17" s="142">
        <v>10521353</v>
      </c>
      <c r="OJ17" s="119">
        <v>17000500</v>
      </c>
      <c r="OK17" s="141">
        <v>27521853</v>
      </c>
      <c r="OL17" s="118">
        <v>0</v>
      </c>
      <c r="OM17" s="119">
        <v>231828422</v>
      </c>
      <c r="ON17" s="119">
        <v>215914711</v>
      </c>
      <c r="OO17" s="119">
        <v>285038066</v>
      </c>
      <c r="OP17" s="119">
        <v>328386447</v>
      </c>
      <c r="OQ17" s="119">
        <v>202974879</v>
      </c>
      <c r="OR17" s="120">
        <v>1264142525</v>
      </c>
      <c r="OS17" s="143">
        <v>1291664378</v>
      </c>
    </row>
    <row r="18" spans="2:409" ht="21" customHeight="1" x14ac:dyDescent="0.2">
      <c r="B18" s="62" t="s">
        <v>12</v>
      </c>
      <c r="C18" s="110">
        <v>16490673</v>
      </c>
      <c r="D18" s="114">
        <v>31703034</v>
      </c>
      <c r="E18" s="113">
        <v>48193707</v>
      </c>
      <c r="F18" s="109">
        <v>0</v>
      </c>
      <c r="G18" s="114">
        <v>128403750</v>
      </c>
      <c r="H18" s="170">
        <v>156796488</v>
      </c>
      <c r="I18" s="170">
        <v>141993795</v>
      </c>
      <c r="J18" s="170">
        <v>158926202</v>
      </c>
      <c r="K18" s="170">
        <v>119394581</v>
      </c>
      <c r="L18" s="112">
        <v>705514816</v>
      </c>
      <c r="M18" s="116">
        <v>753708523</v>
      </c>
      <c r="N18" s="110">
        <v>3560181</v>
      </c>
      <c r="O18" s="114">
        <v>9050565</v>
      </c>
      <c r="P18" s="113">
        <v>12610746</v>
      </c>
      <c r="Q18" s="110">
        <v>0</v>
      </c>
      <c r="R18" s="114">
        <v>36407765</v>
      </c>
      <c r="S18" s="114">
        <v>51531120</v>
      </c>
      <c r="T18" s="114">
        <v>45572393</v>
      </c>
      <c r="U18" s="114">
        <v>58990699</v>
      </c>
      <c r="V18" s="114">
        <v>59942750</v>
      </c>
      <c r="W18" s="113">
        <v>252444727</v>
      </c>
      <c r="X18" s="116">
        <v>265055473</v>
      </c>
      <c r="Y18" s="110">
        <v>0</v>
      </c>
      <c r="Z18" s="114">
        <v>0</v>
      </c>
      <c r="AA18" s="113">
        <v>0</v>
      </c>
      <c r="AB18" s="110">
        <v>0</v>
      </c>
      <c r="AC18" s="114">
        <v>20987580</v>
      </c>
      <c r="AD18" s="114">
        <v>28455618</v>
      </c>
      <c r="AE18" s="114">
        <v>28568007</v>
      </c>
      <c r="AF18" s="114">
        <v>36971572</v>
      </c>
      <c r="AG18" s="114">
        <v>39868982</v>
      </c>
      <c r="AH18" s="113">
        <v>154851759</v>
      </c>
      <c r="AI18" s="116">
        <v>154851759</v>
      </c>
      <c r="AJ18" s="110">
        <v>0</v>
      </c>
      <c r="AK18" s="114">
        <v>267149</v>
      </c>
      <c r="AL18" s="113">
        <v>267149</v>
      </c>
      <c r="AM18" s="110">
        <v>0</v>
      </c>
      <c r="AN18" s="114">
        <v>252555</v>
      </c>
      <c r="AO18" s="114">
        <v>974038</v>
      </c>
      <c r="AP18" s="114">
        <v>1501064</v>
      </c>
      <c r="AQ18" s="114">
        <v>4749088</v>
      </c>
      <c r="AR18" s="114">
        <v>5241715</v>
      </c>
      <c r="AS18" s="113">
        <v>12718460</v>
      </c>
      <c r="AT18" s="116">
        <v>12985609</v>
      </c>
      <c r="AU18" s="110">
        <v>2586875</v>
      </c>
      <c r="AV18" s="114">
        <v>6949778</v>
      </c>
      <c r="AW18" s="113">
        <v>9536653</v>
      </c>
      <c r="AX18" s="110">
        <v>0</v>
      </c>
      <c r="AY18" s="114">
        <v>10422642</v>
      </c>
      <c r="AZ18" s="114">
        <v>15726786</v>
      </c>
      <c r="BA18" s="114">
        <v>9660932</v>
      </c>
      <c r="BB18" s="114">
        <v>10527172</v>
      </c>
      <c r="BC18" s="114">
        <v>9587363</v>
      </c>
      <c r="BD18" s="113">
        <v>55924895</v>
      </c>
      <c r="BE18" s="116">
        <v>65461548</v>
      </c>
      <c r="BF18" s="110">
        <v>75996</v>
      </c>
      <c r="BG18" s="114">
        <v>649537</v>
      </c>
      <c r="BH18" s="112">
        <v>725533</v>
      </c>
      <c r="BI18" s="111">
        <v>0</v>
      </c>
      <c r="BJ18" s="114">
        <v>629774</v>
      </c>
      <c r="BK18" s="114">
        <v>1451309</v>
      </c>
      <c r="BL18" s="114">
        <v>1311415</v>
      </c>
      <c r="BM18" s="114">
        <v>754288</v>
      </c>
      <c r="BN18" s="114">
        <v>599371</v>
      </c>
      <c r="BO18" s="113">
        <v>4746157</v>
      </c>
      <c r="BP18" s="116">
        <v>5471690</v>
      </c>
      <c r="BQ18" s="110">
        <v>897310</v>
      </c>
      <c r="BR18" s="114">
        <v>1184101</v>
      </c>
      <c r="BS18" s="113">
        <v>2081411</v>
      </c>
      <c r="BT18" s="110">
        <v>0</v>
      </c>
      <c r="BU18" s="114">
        <v>4115214</v>
      </c>
      <c r="BV18" s="114">
        <v>4923369</v>
      </c>
      <c r="BW18" s="114">
        <v>4530975</v>
      </c>
      <c r="BX18" s="114">
        <v>5988579</v>
      </c>
      <c r="BY18" s="114">
        <v>4645319</v>
      </c>
      <c r="BZ18" s="113">
        <v>24203456</v>
      </c>
      <c r="CA18" s="116">
        <v>26284867</v>
      </c>
      <c r="CB18" s="110">
        <v>3451114</v>
      </c>
      <c r="CC18" s="114">
        <v>5612513</v>
      </c>
      <c r="CD18" s="113">
        <v>9063627</v>
      </c>
      <c r="CE18" s="110">
        <v>0</v>
      </c>
      <c r="CF18" s="114">
        <v>43346274</v>
      </c>
      <c r="CG18" s="114">
        <v>47703673</v>
      </c>
      <c r="CH18" s="114">
        <v>36767913</v>
      </c>
      <c r="CI18" s="114">
        <v>32449445</v>
      </c>
      <c r="CJ18" s="114">
        <v>15459851</v>
      </c>
      <c r="CK18" s="113">
        <v>175727156</v>
      </c>
      <c r="CL18" s="116">
        <v>184790783</v>
      </c>
      <c r="CM18" s="110">
        <v>0</v>
      </c>
      <c r="CN18" s="114">
        <v>0</v>
      </c>
      <c r="CO18" s="113">
        <v>0</v>
      </c>
      <c r="CP18" s="111">
        <v>0</v>
      </c>
      <c r="CQ18" s="114">
        <v>36437978</v>
      </c>
      <c r="CR18" s="114">
        <v>35148343</v>
      </c>
      <c r="CS18" s="114">
        <v>27409355</v>
      </c>
      <c r="CT18" s="114">
        <v>24740351</v>
      </c>
      <c r="CU18" s="114">
        <v>11867886</v>
      </c>
      <c r="CV18" s="113">
        <v>135603913</v>
      </c>
      <c r="CW18" s="116">
        <v>135603913</v>
      </c>
      <c r="CX18" s="110">
        <v>3451114</v>
      </c>
      <c r="CY18" s="114">
        <v>5612513</v>
      </c>
      <c r="CZ18" s="113">
        <v>9063627</v>
      </c>
      <c r="DA18" s="110">
        <v>0</v>
      </c>
      <c r="DB18" s="114">
        <v>6908296</v>
      </c>
      <c r="DC18" s="114">
        <v>12555330</v>
      </c>
      <c r="DD18" s="114">
        <v>9358558</v>
      </c>
      <c r="DE18" s="114">
        <v>7709094</v>
      </c>
      <c r="DF18" s="114">
        <v>3591965</v>
      </c>
      <c r="DG18" s="113">
        <v>40123243</v>
      </c>
      <c r="DH18" s="116">
        <v>49186870</v>
      </c>
      <c r="DI18" s="110">
        <v>165625</v>
      </c>
      <c r="DJ18" s="114">
        <v>510679</v>
      </c>
      <c r="DK18" s="112">
        <v>676304</v>
      </c>
      <c r="DL18" s="111">
        <v>0</v>
      </c>
      <c r="DM18" s="114">
        <v>5903380</v>
      </c>
      <c r="DN18" s="114">
        <v>7343684</v>
      </c>
      <c r="DO18" s="114">
        <v>12874091</v>
      </c>
      <c r="DP18" s="114">
        <v>9922200</v>
      </c>
      <c r="DQ18" s="114">
        <v>7232163</v>
      </c>
      <c r="DR18" s="113">
        <v>43275518</v>
      </c>
      <c r="DS18" s="116">
        <v>43951822</v>
      </c>
      <c r="DT18" s="110">
        <v>165625</v>
      </c>
      <c r="DU18" s="114">
        <v>510679</v>
      </c>
      <c r="DV18" s="113">
        <v>676304</v>
      </c>
      <c r="DW18" s="110">
        <v>0</v>
      </c>
      <c r="DX18" s="114">
        <v>5608412</v>
      </c>
      <c r="DY18" s="114">
        <v>6677875</v>
      </c>
      <c r="DZ18" s="114">
        <v>12600492</v>
      </c>
      <c r="EA18" s="114">
        <v>9404563</v>
      </c>
      <c r="EB18" s="114">
        <v>7129753</v>
      </c>
      <c r="EC18" s="113">
        <v>41421095</v>
      </c>
      <c r="ED18" s="116">
        <v>42097399</v>
      </c>
      <c r="EE18" s="110">
        <v>0</v>
      </c>
      <c r="EF18" s="112">
        <v>0</v>
      </c>
      <c r="EG18" s="113">
        <v>0</v>
      </c>
      <c r="EH18" s="110">
        <v>0</v>
      </c>
      <c r="EI18" s="114">
        <v>294968</v>
      </c>
      <c r="EJ18" s="114">
        <v>665809</v>
      </c>
      <c r="EK18" s="114">
        <v>273599</v>
      </c>
      <c r="EL18" s="114">
        <v>517637</v>
      </c>
      <c r="EM18" s="114">
        <v>102410</v>
      </c>
      <c r="EN18" s="112">
        <v>1854423</v>
      </c>
      <c r="EO18" s="116">
        <v>1854423</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5"/>
      <c r="FE18" s="114">
        <v>0</v>
      </c>
      <c r="FF18" s="114">
        <v>0</v>
      </c>
      <c r="FG18" s="114">
        <v>0</v>
      </c>
      <c r="FH18" s="114">
        <v>0</v>
      </c>
      <c r="FI18" s="114">
        <v>0</v>
      </c>
      <c r="FJ18" s="113">
        <v>0</v>
      </c>
      <c r="FK18" s="116">
        <v>0</v>
      </c>
      <c r="FL18" s="110">
        <v>3161135</v>
      </c>
      <c r="FM18" s="114">
        <v>6970145</v>
      </c>
      <c r="FN18" s="113">
        <v>10131280</v>
      </c>
      <c r="FO18" s="110">
        <v>0</v>
      </c>
      <c r="FP18" s="114">
        <v>5242197</v>
      </c>
      <c r="FQ18" s="114">
        <v>14239134</v>
      </c>
      <c r="FR18" s="114">
        <v>11677099</v>
      </c>
      <c r="FS18" s="114">
        <v>12779899</v>
      </c>
      <c r="FT18" s="114">
        <v>8359891</v>
      </c>
      <c r="FU18" s="113">
        <v>52298220</v>
      </c>
      <c r="FV18" s="116">
        <v>62429500</v>
      </c>
      <c r="FW18" s="115">
        <v>2315000</v>
      </c>
      <c r="FX18" s="114">
        <v>5390396</v>
      </c>
      <c r="FY18" s="112">
        <v>7705396</v>
      </c>
      <c r="FZ18" s="111">
        <v>0</v>
      </c>
      <c r="GA18" s="114">
        <v>3685933</v>
      </c>
      <c r="GB18" s="114">
        <v>13133165</v>
      </c>
      <c r="GC18" s="114">
        <v>10812980</v>
      </c>
      <c r="GD18" s="114">
        <v>11979487</v>
      </c>
      <c r="GE18" s="114">
        <v>8270107</v>
      </c>
      <c r="GF18" s="113">
        <v>47881672</v>
      </c>
      <c r="GG18" s="316">
        <v>55587068</v>
      </c>
      <c r="GH18" s="115">
        <v>267705</v>
      </c>
      <c r="GI18" s="114">
        <v>610104</v>
      </c>
      <c r="GJ18" s="112">
        <v>877809</v>
      </c>
      <c r="GK18" s="111">
        <v>0</v>
      </c>
      <c r="GL18" s="114">
        <v>372626</v>
      </c>
      <c r="GM18" s="114">
        <v>794492</v>
      </c>
      <c r="GN18" s="114">
        <v>255504</v>
      </c>
      <c r="GO18" s="114">
        <v>374712</v>
      </c>
      <c r="GP18" s="114">
        <v>89784</v>
      </c>
      <c r="GQ18" s="113">
        <v>1887118</v>
      </c>
      <c r="GR18" s="116">
        <v>2764927</v>
      </c>
      <c r="GS18" s="110">
        <v>578430</v>
      </c>
      <c r="GT18" s="114">
        <v>969645</v>
      </c>
      <c r="GU18" s="113">
        <v>1548075</v>
      </c>
      <c r="GV18" s="110">
        <v>0</v>
      </c>
      <c r="GW18" s="114">
        <v>1183638</v>
      </c>
      <c r="GX18" s="114">
        <v>311477</v>
      </c>
      <c r="GY18" s="114">
        <v>608615</v>
      </c>
      <c r="GZ18" s="114">
        <v>425700</v>
      </c>
      <c r="HA18" s="114">
        <v>0</v>
      </c>
      <c r="HB18" s="112">
        <v>2529430</v>
      </c>
      <c r="HC18" s="116">
        <v>4077505</v>
      </c>
      <c r="HD18" s="110">
        <v>2811844</v>
      </c>
      <c r="HE18" s="114">
        <v>4543253</v>
      </c>
      <c r="HF18" s="112">
        <v>7355097</v>
      </c>
      <c r="HG18" s="111">
        <v>0</v>
      </c>
      <c r="HH18" s="114">
        <v>17439193</v>
      </c>
      <c r="HI18" s="114">
        <v>18405474</v>
      </c>
      <c r="HJ18" s="114">
        <v>21592940</v>
      </c>
      <c r="HK18" s="114">
        <v>33427874</v>
      </c>
      <c r="HL18" s="114">
        <v>22221159</v>
      </c>
      <c r="HM18" s="113">
        <v>113086640</v>
      </c>
      <c r="HN18" s="109">
        <v>120441737</v>
      </c>
      <c r="HO18" s="115">
        <v>3340774</v>
      </c>
      <c r="HP18" s="114">
        <v>5015879</v>
      </c>
      <c r="HQ18" s="113">
        <v>8356653</v>
      </c>
      <c r="HR18" s="110">
        <v>0</v>
      </c>
      <c r="HS18" s="114">
        <v>20064941</v>
      </c>
      <c r="HT18" s="114">
        <v>17573403</v>
      </c>
      <c r="HU18" s="114">
        <v>13509359</v>
      </c>
      <c r="HV18" s="114">
        <v>11356085</v>
      </c>
      <c r="HW18" s="114">
        <v>6178767</v>
      </c>
      <c r="HX18" s="112">
        <v>68682555</v>
      </c>
      <c r="HY18" s="116">
        <v>77039208</v>
      </c>
      <c r="HZ18" s="150">
        <v>52051</v>
      </c>
      <c r="IA18" s="135">
        <v>89109</v>
      </c>
      <c r="IB18" s="150">
        <v>141160</v>
      </c>
      <c r="IC18" s="134">
        <v>0</v>
      </c>
      <c r="ID18" s="135">
        <v>35646493</v>
      </c>
      <c r="IE18" s="136">
        <v>41744219</v>
      </c>
      <c r="IF18" s="137">
        <v>49036726</v>
      </c>
      <c r="IG18" s="135">
        <v>44577306</v>
      </c>
      <c r="IH18" s="137">
        <v>35781285</v>
      </c>
      <c r="II18" s="138">
        <v>206786029</v>
      </c>
      <c r="IJ18" s="150">
        <v>206927189</v>
      </c>
      <c r="IK18" s="232">
        <v>0</v>
      </c>
      <c r="IL18" s="236">
        <v>0</v>
      </c>
      <c r="IM18" s="237">
        <v>0</v>
      </c>
      <c r="IN18" s="140"/>
      <c r="IO18" s="119">
        <v>582639</v>
      </c>
      <c r="IP18" s="119">
        <v>720261</v>
      </c>
      <c r="IQ18" s="119">
        <v>810158</v>
      </c>
      <c r="IR18" s="119">
        <v>579539</v>
      </c>
      <c r="IS18" s="119">
        <v>1818169</v>
      </c>
      <c r="IT18" s="141">
        <v>4510766</v>
      </c>
      <c r="IU18" s="318">
        <v>4510766</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21194747</v>
      </c>
      <c r="JL18" s="119">
        <v>16568077</v>
      </c>
      <c r="JM18" s="119">
        <v>14974638</v>
      </c>
      <c r="JN18" s="119">
        <v>8387856</v>
      </c>
      <c r="JO18" s="119">
        <v>3780727</v>
      </c>
      <c r="JP18" s="120">
        <v>64906045</v>
      </c>
      <c r="JQ18" s="318">
        <v>64906045</v>
      </c>
      <c r="JR18" s="142">
        <v>0</v>
      </c>
      <c r="JS18" s="119">
        <v>0</v>
      </c>
      <c r="JT18" s="141">
        <v>0</v>
      </c>
      <c r="JU18" s="118">
        <v>0</v>
      </c>
      <c r="JV18" s="119">
        <v>300799</v>
      </c>
      <c r="JW18" s="119">
        <v>179244</v>
      </c>
      <c r="JX18" s="119">
        <v>156989</v>
      </c>
      <c r="JY18" s="119">
        <v>82767</v>
      </c>
      <c r="JZ18" s="119">
        <v>218360</v>
      </c>
      <c r="KA18" s="120">
        <v>938159</v>
      </c>
      <c r="KB18" s="318">
        <v>938159</v>
      </c>
      <c r="KC18" s="234">
        <v>52051</v>
      </c>
      <c r="KD18" s="230">
        <v>89109</v>
      </c>
      <c r="KE18" s="120">
        <v>141160</v>
      </c>
      <c r="KF18" s="118">
        <v>0</v>
      </c>
      <c r="KG18" s="119">
        <v>2497982</v>
      </c>
      <c r="KH18" s="119">
        <v>6423953</v>
      </c>
      <c r="KI18" s="119">
        <v>11070620</v>
      </c>
      <c r="KJ18" s="119">
        <v>13359054</v>
      </c>
      <c r="KK18" s="119">
        <v>8690541</v>
      </c>
      <c r="KL18" s="120">
        <v>42042150</v>
      </c>
      <c r="KM18" s="143">
        <v>42183310</v>
      </c>
      <c r="KN18" s="232">
        <v>0</v>
      </c>
      <c r="KO18" s="236">
        <v>0</v>
      </c>
      <c r="KP18" s="237">
        <v>0</v>
      </c>
      <c r="KQ18" s="140"/>
      <c r="KR18" s="119">
        <v>10044234</v>
      </c>
      <c r="KS18" s="119">
        <v>13017343</v>
      </c>
      <c r="KT18" s="119">
        <v>11745948</v>
      </c>
      <c r="KU18" s="119">
        <v>10133168</v>
      </c>
      <c r="KV18" s="119">
        <v>10775352</v>
      </c>
      <c r="KW18" s="120">
        <v>55716045</v>
      </c>
      <c r="KX18" s="318">
        <v>55716045</v>
      </c>
      <c r="KY18" s="142">
        <v>0</v>
      </c>
      <c r="KZ18" s="119">
        <v>0</v>
      </c>
      <c r="LA18" s="120">
        <v>0</v>
      </c>
      <c r="LB18" s="145"/>
      <c r="LC18" s="119">
        <v>0</v>
      </c>
      <c r="LD18" s="119">
        <v>1085658</v>
      </c>
      <c r="LE18" s="119">
        <v>1131275</v>
      </c>
      <c r="LF18" s="119">
        <v>2307376</v>
      </c>
      <c r="LG18" s="119">
        <v>1398322</v>
      </c>
      <c r="LH18" s="120">
        <v>5922631</v>
      </c>
      <c r="LI18" s="121">
        <v>5922631</v>
      </c>
      <c r="LJ18" s="142">
        <v>0</v>
      </c>
      <c r="LK18" s="119">
        <v>0</v>
      </c>
      <c r="LL18" s="120">
        <v>0</v>
      </c>
      <c r="LM18" s="145"/>
      <c r="LN18" s="119">
        <v>0</v>
      </c>
      <c r="LO18" s="119">
        <v>264590</v>
      </c>
      <c r="LP18" s="119">
        <v>2976553</v>
      </c>
      <c r="LQ18" s="119">
        <v>3118604</v>
      </c>
      <c r="LR18" s="119">
        <v>2227853</v>
      </c>
      <c r="LS18" s="120">
        <v>8587600</v>
      </c>
      <c r="LT18" s="318">
        <v>8587600</v>
      </c>
      <c r="LU18" s="142">
        <v>0</v>
      </c>
      <c r="LV18" s="119">
        <v>0</v>
      </c>
      <c r="LW18" s="120">
        <v>0</v>
      </c>
      <c r="LX18" s="145"/>
      <c r="LY18" s="119">
        <v>1026092</v>
      </c>
      <c r="LZ18" s="119">
        <v>3485093</v>
      </c>
      <c r="MA18" s="119">
        <v>6170545</v>
      </c>
      <c r="MB18" s="119">
        <v>6608942</v>
      </c>
      <c r="MC18" s="119">
        <v>6871961</v>
      </c>
      <c r="MD18" s="120">
        <v>24162633</v>
      </c>
      <c r="ME18" s="121">
        <v>24162633</v>
      </c>
      <c r="MF18" s="142">
        <v>0</v>
      </c>
      <c r="MG18" s="119">
        <v>0</v>
      </c>
      <c r="MH18" s="120">
        <v>0</v>
      </c>
      <c r="MI18" s="145"/>
      <c r="MJ18" s="119">
        <v>11081039</v>
      </c>
      <c r="MK18" s="119">
        <v>31888638</v>
      </c>
      <c r="ML18" s="119">
        <v>96204121</v>
      </c>
      <c r="MM18" s="119">
        <v>140053862</v>
      </c>
      <c r="MN18" s="119">
        <v>98840823</v>
      </c>
      <c r="MO18" s="120">
        <v>378068483</v>
      </c>
      <c r="MP18" s="143">
        <v>378068483</v>
      </c>
      <c r="MQ18" s="142">
        <v>0</v>
      </c>
      <c r="MR18" s="119">
        <v>0</v>
      </c>
      <c r="MS18" s="120">
        <v>0</v>
      </c>
      <c r="MT18" s="145"/>
      <c r="MU18" s="119">
        <v>255777</v>
      </c>
      <c r="MV18" s="119">
        <v>4857737</v>
      </c>
      <c r="MW18" s="119">
        <v>49503905</v>
      </c>
      <c r="MX18" s="119">
        <v>83295749</v>
      </c>
      <c r="MY18" s="119">
        <v>71915810</v>
      </c>
      <c r="MZ18" s="120">
        <v>209828978</v>
      </c>
      <c r="NA18" s="143">
        <v>209828978</v>
      </c>
      <c r="NB18" s="142">
        <v>0</v>
      </c>
      <c r="NC18" s="119">
        <v>0</v>
      </c>
      <c r="ND18" s="120">
        <v>0</v>
      </c>
      <c r="NE18" s="145"/>
      <c r="NF18" s="119">
        <v>10825262</v>
      </c>
      <c r="NG18" s="119">
        <v>26403436</v>
      </c>
      <c r="NH18" s="119">
        <v>45998040</v>
      </c>
      <c r="NI18" s="119">
        <v>52738883</v>
      </c>
      <c r="NJ18" s="119">
        <v>21906742</v>
      </c>
      <c r="NK18" s="120">
        <v>157872363</v>
      </c>
      <c r="NL18" s="318">
        <v>157872363</v>
      </c>
      <c r="NM18" s="142">
        <v>0</v>
      </c>
      <c r="NN18" s="119">
        <v>0</v>
      </c>
      <c r="NO18" s="120">
        <v>0</v>
      </c>
      <c r="NP18" s="145"/>
      <c r="NQ18" s="119">
        <v>0</v>
      </c>
      <c r="NR18" s="119">
        <v>0</v>
      </c>
      <c r="NS18" s="119">
        <v>0</v>
      </c>
      <c r="NT18" s="119">
        <v>0</v>
      </c>
      <c r="NU18" s="119">
        <v>396050</v>
      </c>
      <c r="NV18" s="120">
        <v>396050</v>
      </c>
      <c r="NW18" s="121">
        <v>396050</v>
      </c>
      <c r="NX18" s="142">
        <v>0</v>
      </c>
      <c r="NY18" s="119">
        <v>0</v>
      </c>
      <c r="NZ18" s="120">
        <v>0</v>
      </c>
      <c r="OA18" s="145"/>
      <c r="OB18" s="119">
        <v>0</v>
      </c>
      <c r="OC18" s="119">
        <v>627465</v>
      </c>
      <c r="OD18" s="119">
        <v>702176</v>
      </c>
      <c r="OE18" s="119">
        <v>4019230</v>
      </c>
      <c r="OF18" s="119">
        <v>4622221</v>
      </c>
      <c r="OG18" s="120">
        <v>9971092</v>
      </c>
      <c r="OH18" s="121">
        <v>9971092</v>
      </c>
      <c r="OI18" s="142">
        <v>16542724</v>
      </c>
      <c r="OJ18" s="119">
        <v>31792143</v>
      </c>
      <c r="OK18" s="141">
        <v>48334867</v>
      </c>
      <c r="OL18" s="118">
        <v>0</v>
      </c>
      <c r="OM18" s="119">
        <v>175131282</v>
      </c>
      <c r="ON18" s="119">
        <v>230429345</v>
      </c>
      <c r="OO18" s="119">
        <v>287234642</v>
      </c>
      <c r="OP18" s="119">
        <v>343557370</v>
      </c>
      <c r="OQ18" s="119">
        <v>254016689</v>
      </c>
      <c r="OR18" s="120">
        <v>1290369328</v>
      </c>
      <c r="OS18" s="143">
        <v>1338704195</v>
      </c>
    </row>
    <row r="19" spans="2:409" ht="21" customHeight="1" x14ac:dyDescent="0.2">
      <c r="B19" s="62" t="s">
        <v>13</v>
      </c>
      <c r="C19" s="110">
        <v>3562251</v>
      </c>
      <c r="D19" s="114">
        <v>5909008</v>
      </c>
      <c r="E19" s="113">
        <v>9471259</v>
      </c>
      <c r="F19" s="110">
        <v>0</v>
      </c>
      <c r="G19" s="170">
        <v>50443310</v>
      </c>
      <c r="H19" s="114">
        <v>59289136</v>
      </c>
      <c r="I19" s="114">
        <v>57299949</v>
      </c>
      <c r="J19" s="114">
        <v>59442055</v>
      </c>
      <c r="K19" s="114">
        <v>51431312</v>
      </c>
      <c r="L19" s="112">
        <v>277905762</v>
      </c>
      <c r="M19" s="116">
        <v>287377021</v>
      </c>
      <c r="N19" s="110">
        <v>799043</v>
      </c>
      <c r="O19" s="114">
        <v>1411680</v>
      </c>
      <c r="P19" s="113">
        <v>2210723</v>
      </c>
      <c r="Q19" s="110">
        <v>0</v>
      </c>
      <c r="R19" s="114">
        <v>15199947</v>
      </c>
      <c r="S19" s="114">
        <v>19055142</v>
      </c>
      <c r="T19" s="114">
        <v>19409552</v>
      </c>
      <c r="U19" s="114">
        <v>22284546</v>
      </c>
      <c r="V19" s="114">
        <v>28188242</v>
      </c>
      <c r="W19" s="113">
        <v>104137429</v>
      </c>
      <c r="X19" s="116">
        <v>106348152</v>
      </c>
      <c r="Y19" s="110">
        <v>0</v>
      </c>
      <c r="Z19" s="114">
        <v>0</v>
      </c>
      <c r="AA19" s="113">
        <v>0</v>
      </c>
      <c r="AB19" s="110">
        <v>0</v>
      </c>
      <c r="AC19" s="114">
        <v>7031676</v>
      </c>
      <c r="AD19" s="114">
        <v>9944867</v>
      </c>
      <c r="AE19" s="114">
        <v>11655219</v>
      </c>
      <c r="AF19" s="114">
        <v>13575287</v>
      </c>
      <c r="AG19" s="114">
        <v>18102207</v>
      </c>
      <c r="AH19" s="113">
        <v>60309256</v>
      </c>
      <c r="AI19" s="116">
        <v>60309256</v>
      </c>
      <c r="AJ19" s="110">
        <v>0</v>
      </c>
      <c r="AK19" s="114">
        <v>0</v>
      </c>
      <c r="AL19" s="113">
        <v>0</v>
      </c>
      <c r="AM19" s="110">
        <v>0</v>
      </c>
      <c r="AN19" s="114">
        <v>40753</v>
      </c>
      <c r="AO19" s="114">
        <v>80924</v>
      </c>
      <c r="AP19" s="114">
        <v>284670</v>
      </c>
      <c r="AQ19" s="114">
        <v>718851</v>
      </c>
      <c r="AR19" s="114">
        <v>2681431</v>
      </c>
      <c r="AS19" s="113">
        <v>3806629</v>
      </c>
      <c r="AT19" s="116">
        <v>3806629</v>
      </c>
      <c r="AU19" s="110">
        <v>223305</v>
      </c>
      <c r="AV19" s="114">
        <v>781086</v>
      </c>
      <c r="AW19" s="113">
        <v>1004391</v>
      </c>
      <c r="AX19" s="110">
        <v>0</v>
      </c>
      <c r="AY19" s="114">
        <v>4969692</v>
      </c>
      <c r="AZ19" s="114">
        <v>5698994</v>
      </c>
      <c r="BA19" s="114">
        <v>4494916</v>
      </c>
      <c r="BB19" s="114">
        <v>4407709</v>
      </c>
      <c r="BC19" s="114">
        <v>4429705</v>
      </c>
      <c r="BD19" s="113">
        <v>24001016</v>
      </c>
      <c r="BE19" s="116">
        <v>25005407</v>
      </c>
      <c r="BF19" s="110">
        <v>26507</v>
      </c>
      <c r="BG19" s="114">
        <v>251235</v>
      </c>
      <c r="BH19" s="112">
        <v>277742</v>
      </c>
      <c r="BI19" s="111">
        <v>0</v>
      </c>
      <c r="BJ19" s="114">
        <v>591441</v>
      </c>
      <c r="BK19" s="114">
        <v>728186</v>
      </c>
      <c r="BL19" s="114">
        <v>469236</v>
      </c>
      <c r="BM19" s="114">
        <v>457731</v>
      </c>
      <c r="BN19" s="114">
        <v>326827</v>
      </c>
      <c r="BO19" s="113">
        <v>2573421</v>
      </c>
      <c r="BP19" s="116">
        <v>2851163</v>
      </c>
      <c r="BQ19" s="110">
        <v>549231</v>
      </c>
      <c r="BR19" s="114">
        <v>379359</v>
      </c>
      <c r="BS19" s="113">
        <v>928590</v>
      </c>
      <c r="BT19" s="110">
        <v>0</v>
      </c>
      <c r="BU19" s="114">
        <v>2566385</v>
      </c>
      <c r="BV19" s="114">
        <v>2602171</v>
      </c>
      <c r="BW19" s="114">
        <v>2505511</v>
      </c>
      <c r="BX19" s="114">
        <v>3124968</v>
      </c>
      <c r="BY19" s="114">
        <v>2648072</v>
      </c>
      <c r="BZ19" s="113">
        <v>13447107</v>
      </c>
      <c r="CA19" s="116">
        <v>14375697</v>
      </c>
      <c r="CB19" s="110">
        <v>271971</v>
      </c>
      <c r="CC19" s="114">
        <v>1004271</v>
      </c>
      <c r="CD19" s="113">
        <v>1276242</v>
      </c>
      <c r="CE19" s="110">
        <v>0</v>
      </c>
      <c r="CF19" s="114">
        <v>9901409</v>
      </c>
      <c r="CG19" s="114">
        <v>14393168</v>
      </c>
      <c r="CH19" s="114">
        <v>10479988</v>
      </c>
      <c r="CI19" s="114">
        <v>8881087</v>
      </c>
      <c r="CJ19" s="114">
        <v>3309915</v>
      </c>
      <c r="CK19" s="113">
        <v>46965567</v>
      </c>
      <c r="CL19" s="116">
        <v>48241809</v>
      </c>
      <c r="CM19" s="110">
        <v>0</v>
      </c>
      <c r="CN19" s="114">
        <v>0</v>
      </c>
      <c r="CO19" s="113">
        <v>0</v>
      </c>
      <c r="CP19" s="111">
        <v>0</v>
      </c>
      <c r="CQ19" s="114">
        <v>8870798</v>
      </c>
      <c r="CR19" s="114">
        <v>12226578</v>
      </c>
      <c r="CS19" s="114">
        <v>9360642</v>
      </c>
      <c r="CT19" s="114">
        <v>6233655</v>
      </c>
      <c r="CU19" s="114">
        <v>2480542</v>
      </c>
      <c r="CV19" s="113">
        <v>39172215</v>
      </c>
      <c r="CW19" s="116">
        <v>39172215</v>
      </c>
      <c r="CX19" s="110">
        <v>271971</v>
      </c>
      <c r="CY19" s="114">
        <v>1004271</v>
      </c>
      <c r="CZ19" s="113">
        <v>1276242</v>
      </c>
      <c r="DA19" s="110">
        <v>0</v>
      </c>
      <c r="DB19" s="114">
        <v>1030611</v>
      </c>
      <c r="DC19" s="114">
        <v>2166590</v>
      </c>
      <c r="DD19" s="114">
        <v>1119346</v>
      </c>
      <c r="DE19" s="114">
        <v>2647432</v>
      </c>
      <c r="DF19" s="114">
        <v>829373</v>
      </c>
      <c r="DG19" s="113">
        <v>7793352</v>
      </c>
      <c r="DH19" s="116">
        <v>9069594</v>
      </c>
      <c r="DI19" s="110">
        <v>0</v>
      </c>
      <c r="DJ19" s="114">
        <v>49933</v>
      </c>
      <c r="DK19" s="112">
        <v>49933</v>
      </c>
      <c r="DL19" s="111">
        <v>0</v>
      </c>
      <c r="DM19" s="114">
        <v>1420950</v>
      </c>
      <c r="DN19" s="114">
        <v>1698267</v>
      </c>
      <c r="DO19" s="114">
        <v>5745541</v>
      </c>
      <c r="DP19" s="114">
        <v>4002881</v>
      </c>
      <c r="DQ19" s="114">
        <v>2264139</v>
      </c>
      <c r="DR19" s="113">
        <v>15131778</v>
      </c>
      <c r="DS19" s="116">
        <v>15181711</v>
      </c>
      <c r="DT19" s="110">
        <v>0</v>
      </c>
      <c r="DU19" s="114">
        <v>49933</v>
      </c>
      <c r="DV19" s="113">
        <v>49933</v>
      </c>
      <c r="DW19" s="110">
        <v>0</v>
      </c>
      <c r="DX19" s="114">
        <v>1336558</v>
      </c>
      <c r="DY19" s="114">
        <v>1437228</v>
      </c>
      <c r="DZ19" s="114">
        <v>5360717</v>
      </c>
      <c r="EA19" s="114">
        <v>3582171</v>
      </c>
      <c r="EB19" s="114">
        <v>2179908</v>
      </c>
      <c r="EC19" s="113">
        <v>13896582</v>
      </c>
      <c r="ED19" s="116">
        <v>13946515</v>
      </c>
      <c r="EE19" s="110">
        <v>0</v>
      </c>
      <c r="EF19" s="112">
        <v>0</v>
      </c>
      <c r="EG19" s="113">
        <v>0</v>
      </c>
      <c r="EH19" s="110">
        <v>0</v>
      </c>
      <c r="EI19" s="114">
        <v>84392</v>
      </c>
      <c r="EJ19" s="114">
        <v>261039</v>
      </c>
      <c r="EK19" s="114">
        <v>384824</v>
      </c>
      <c r="EL19" s="114">
        <v>420710</v>
      </c>
      <c r="EM19" s="114">
        <v>84231</v>
      </c>
      <c r="EN19" s="112">
        <v>1235196</v>
      </c>
      <c r="EO19" s="116">
        <v>1235196</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5"/>
      <c r="FE19" s="114">
        <v>0</v>
      </c>
      <c r="FF19" s="114">
        <v>0</v>
      </c>
      <c r="FG19" s="114">
        <v>0</v>
      </c>
      <c r="FH19" s="114">
        <v>0</v>
      </c>
      <c r="FI19" s="114">
        <v>0</v>
      </c>
      <c r="FJ19" s="113">
        <v>0</v>
      </c>
      <c r="FK19" s="116">
        <v>0</v>
      </c>
      <c r="FL19" s="110">
        <v>648247</v>
      </c>
      <c r="FM19" s="114">
        <v>1281368</v>
      </c>
      <c r="FN19" s="113">
        <v>1929615</v>
      </c>
      <c r="FO19" s="110">
        <v>0</v>
      </c>
      <c r="FP19" s="114">
        <v>2063322</v>
      </c>
      <c r="FQ19" s="114">
        <v>5103949</v>
      </c>
      <c r="FR19" s="114">
        <v>3682734</v>
      </c>
      <c r="FS19" s="114">
        <v>4256273</v>
      </c>
      <c r="FT19" s="114">
        <v>2809339</v>
      </c>
      <c r="FU19" s="113">
        <v>17915617</v>
      </c>
      <c r="FV19" s="116">
        <v>19845232</v>
      </c>
      <c r="FW19" s="115">
        <v>367231</v>
      </c>
      <c r="FX19" s="114">
        <v>934827</v>
      </c>
      <c r="FY19" s="112">
        <v>1302058</v>
      </c>
      <c r="FZ19" s="111">
        <v>0</v>
      </c>
      <c r="GA19" s="114">
        <v>1657864</v>
      </c>
      <c r="GB19" s="114">
        <v>4515200</v>
      </c>
      <c r="GC19" s="114">
        <v>3611802</v>
      </c>
      <c r="GD19" s="114">
        <v>3989128</v>
      </c>
      <c r="GE19" s="114">
        <v>2692701</v>
      </c>
      <c r="GF19" s="113">
        <v>16466695</v>
      </c>
      <c r="GG19" s="316">
        <v>17768753</v>
      </c>
      <c r="GH19" s="115">
        <v>31248</v>
      </c>
      <c r="GI19" s="114">
        <v>107424</v>
      </c>
      <c r="GJ19" s="112">
        <v>138672</v>
      </c>
      <c r="GK19" s="111">
        <v>0</v>
      </c>
      <c r="GL19" s="114">
        <v>145455</v>
      </c>
      <c r="GM19" s="114">
        <v>145629</v>
      </c>
      <c r="GN19" s="114">
        <v>54732</v>
      </c>
      <c r="GO19" s="114">
        <v>87045</v>
      </c>
      <c r="GP19" s="114">
        <v>116638</v>
      </c>
      <c r="GQ19" s="113">
        <v>549499</v>
      </c>
      <c r="GR19" s="116">
        <v>688171</v>
      </c>
      <c r="GS19" s="110">
        <v>249768</v>
      </c>
      <c r="GT19" s="114">
        <v>239117</v>
      </c>
      <c r="GU19" s="113">
        <v>488885</v>
      </c>
      <c r="GV19" s="110">
        <v>0</v>
      </c>
      <c r="GW19" s="114">
        <v>260003</v>
      </c>
      <c r="GX19" s="114">
        <v>443120</v>
      </c>
      <c r="GY19" s="114">
        <v>16200</v>
      </c>
      <c r="GZ19" s="114">
        <v>180100</v>
      </c>
      <c r="HA19" s="114">
        <v>0</v>
      </c>
      <c r="HB19" s="112">
        <v>899423</v>
      </c>
      <c r="HC19" s="116">
        <v>1388308</v>
      </c>
      <c r="HD19" s="110">
        <v>1389406</v>
      </c>
      <c r="HE19" s="114">
        <v>1232559</v>
      </c>
      <c r="HF19" s="112">
        <v>2621965</v>
      </c>
      <c r="HG19" s="111">
        <v>0</v>
      </c>
      <c r="HH19" s="114">
        <v>13719251</v>
      </c>
      <c r="HI19" s="114">
        <v>11649967</v>
      </c>
      <c r="HJ19" s="114">
        <v>12494645</v>
      </c>
      <c r="HK19" s="114">
        <v>15721674</v>
      </c>
      <c r="HL19" s="114">
        <v>12099388</v>
      </c>
      <c r="HM19" s="113">
        <v>65684925</v>
      </c>
      <c r="HN19" s="109">
        <v>68306890</v>
      </c>
      <c r="HO19" s="115">
        <v>453584</v>
      </c>
      <c r="HP19" s="114">
        <v>929197</v>
      </c>
      <c r="HQ19" s="113">
        <v>1382781</v>
      </c>
      <c r="HR19" s="110">
        <v>0</v>
      </c>
      <c r="HS19" s="114">
        <v>8138431</v>
      </c>
      <c r="HT19" s="114">
        <v>7388643</v>
      </c>
      <c r="HU19" s="114">
        <v>5487489</v>
      </c>
      <c r="HV19" s="114">
        <v>4295594</v>
      </c>
      <c r="HW19" s="114">
        <v>2760289</v>
      </c>
      <c r="HX19" s="112">
        <v>28070446</v>
      </c>
      <c r="HY19" s="116">
        <v>29453227</v>
      </c>
      <c r="HZ19" s="131">
        <v>32984</v>
      </c>
      <c r="IA19" s="132">
        <v>199974</v>
      </c>
      <c r="IB19" s="133">
        <v>232958</v>
      </c>
      <c r="IC19" s="146">
        <v>0</v>
      </c>
      <c r="ID19" s="132">
        <v>11191313</v>
      </c>
      <c r="IE19" s="147">
        <v>13302415</v>
      </c>
      <c r="IF19" s="133">
        <v>16003188</v>
      </c>
      <c r="IG19" s="132">
        <v>10372773</v>
      </c>
      <c r="IH19" s="133">
        <v>7017628</v>
      </c>
      <c r="II19" s="148">
        <v>57887317</v>
      </c>
      <c r="IJ19" s="139">
        <v>58120275</v>
      </c>
      <c r="IK19" s="232">
        <v>0</v>
      </c>
      <c r="IL19" s="236">
        <v>0</v>
      </c>
      <c r="IM19" s="237">
        <v>0</v>
      </c>
      <c r="IN19" s="140"/>
      <c r="IO19" s="119">
        <v>80834</v>
      </c>
      <c r="IP19" s="119">
        <v>139182</v>
      </c>
      <c r="IQ19" s="119">
        <v>393839</v>
      </c>
      <c r="IR19" s="119">
        <v>248668</v>
      </c>
      <c r="IS19" s="119">
        <v>336488</v>
      </c>
      <c r="IT19" s="141">
        <v>1199011</v>
      </c>
      <c r="IU19" s="318">
        <v>1199011</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603007</v>
      </c>
      <c r="JL19" s="119">
        <v>7008735</v>
      </c>
      <c r="JM19" s="119">
        <v>5785696</v>
      </c>
      <c r="JN19" s="119">
        <v>3796237</v>
      </c>
      <c r="JO19" s="119">
        <v>1743709</v>
      </c>
      <c r="JP19" s="120">
        <v>24937384</v>
      </c>
      <c r="JQ19" s="318">
        <v>24937384</v>
      </c>
      <c r="JR19" s="142">
        <v>0</v>
      </c>
      <c r="JS19" s="119">
        <v>0</v>
      </c>
      <c r="JT19" s="141">
        <v>0</v>
      </c>
      <c r="JU19" s="118">
        <v>0</v>
      </c>
      <c r="JV19" s="119">
        <v>159547</v>
      </c>
      <c r="JW19" s="119">
        <v>509051</v>
      </c>
      <c r="JX19" s="119">
        <v>947594</v>
      </c>
      <c r="JY19" s="119">
        <v>454241</v>
      </c>
      <c r="JZ19" s="119">
        <v>395156</v>
      </c>
      <c r="KA19" s="120">
        <v>2465589</v>
      </c>
      <c r="KB19" s="318">
        <v>2465589</v>
      </c>
      <c r="KC19" s="234">
        <v>32984</v>
      </c>
      <c r="KD19" s="230">
        <v>199974</v>
      </c>
      <c r="KE19" s="120">
        <v>232958</v>
      </c>
      <c r="KF19" s="118">
        <v>0</v>
      </c>
      <c r="KG19" s="119">
        <v>1502569</v>
      </c>
      <c r="KH19" s="119">
        <v>1545804</v>
      </c>
      <c r="KI19" s="119">
        <v>1434141</v>
      </c>
      <c r="KJ19" s="119">
        <v>550178</v>
      </c>
      <c r="KK19" s="119">
        <v>0</v>
      </c>
      <c r="KL19" s="120">
        <v>5032692</v>
      </c>
      <c r="KM19" s="143">
        <v>5265650</v>
      </c>
      <c r="KN19" s="232">
        <v>0</v>
      </c>
      <c r="KO19" s="236">
        <v>0</v>
      </c>
      <c r="KP19" s="237">
        <v>0</v>
      </c>
      <c r="KQ19" s="140"/>
      <c r="KR19" s="119">
        <v>2752270</v>
      </c>
      <c r="KS19" s="119">
        <v>4099643</v>
      </c>
      <c r="KT19" s="119">
        <v>7217679</v>
      </c>
      <c r="KU19" s="119">
        <v>3913292</v>
      </c>
      <c r="KV19" s="119">
        <v>4006413</v>
      </c>
      <c r="KW19" s="120">
        <v>21989297</v>
      </c>
      <c r="KX19" s="318">
        <v>21989297</v>
      </c>
      <c r="KY19" s="142">
        <v>0</v>
      </c>
      <c r="KZ19" s="119">
        <v>0</v>
      </c>
      <c r="LA19" s="120">
        <v>0</v>
      </c>
      <c r="LB19" s="145"/>
      <c r="LC19" s="119">
        <v>93086</v>
      </c>
      <c r="LD19" s="119">
        <v>0</v>
      </c>
      <c r="LE19" s="119">
        <v>224239</v>
      </c>
      <c r="LF19" s="119">
        <v>1410157</v>
      </c>
      <c r="LG19" s="119">
        <v>535862</v>
      </c>
      <c r="LH19" s="120">
        <v>2263344</v>
      </c>
      <c r="LI19" s="121">
        <v>2263344</v>
      </c>
      <c r="LJ19" s="142">
        <v>0</v>
      </c>
      <c r="LK19" s="119">
        <v>0</v>
      </c>
      <c r="LL19" s="120">
        <v>0</v>
      </c>
      <c r="LM19" s="145"/>
      <c r="LN19" s="119">
        <v>0</v>
      </c>
      <c r="LO19" s="119">
        <v>0</v>
      </c>
      <c r="LP19" s="119">
        <v>0</v>
      </c>
      <c r="LQ19" s="119">
        <v>0</v>
      </c>
      <c r="LR19" s="119">
        <v>0</v>
      </c>
      <c r="LS19" s="120">
        <v>0</v>
      </c>
      <c r="LT19" s="318">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3136473</v>
      </c>
      <c r="MK19" s="119">
        <v>8870688</v>
      </c>
      <c r="ML19" s="119">
        <v>28893409</v>
      </c>
      <c r="MM19" s="119">
        <v>54448182</v>
      </c>
      <c r="MN19" s="119">
        <v>44395649</v>
      </c>
      <c r="MO19" s="120">
        <v>139744401</v>
      </c>
      <c r="MP19" s="143">
        <v>139744401</v>
      </c>
      <c r="MQ19" s="142">
        <v>0</v>
      </c>
      <c r="MR19" s="119">
        <v>0</v>
      </c>
      <c r="MS19" s="120">
        <v>0</v>
      </c>
      <c r="MT19" s="145"/>
      <c r="MU19" s="119">
        <v>390348</v>
      </c>
      <c r="MV19" s="119">
        <v>705040</v>
      </c>
      <c r="MW19" s="119">
        <v>17079135</v>
      </c>
      <c r="MX19" s="119">
        <v>44950351</v>
      </c>
      <c r="MY19" s="119">
        <v>36325336</v>
      </c>
      <c r="MZ19" s="120">
        <v>99450210</v>
      </c>
      <c r="NA19" s="143">
        <v>99450210</v>
      </c>
      <c r="NB19" s="142">
        <v>0</v>
      </c>
      <c r="NC19" s="119">
        <v>0</v>
      </c>
      <c r="ND19" s="120">
        <v>0</v>
      </c>
      <c r="NE19" s="145"/>
      <c r="NF19" s="119">
        <v>2746125</v>
      </c>
      <c r="NG19" s="119">
        <v>8165648</v>
      </c>
      <c r="NH19" s="119">
        <v>11814274</v>
      </c>
      <c r="NI19" s="119">
        <v>9497831</v>
      </c>
      <c r="NJ19" s="119">
        <v>7643492</v>
      </c>
      <c r="NK19" s="120">
        <v>39867370</v>
      </c>
      <c r="NL19" s="318">
        <v>39867370</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426821</v>
      </c>
      <c r="OG19" s="120">
        <v>426821</v>
      </c>
      <c r="OH19" s="121">
        <v>426821</v>
      </c>
      <c r="OI19" s="142">
        <v>3595235</v>
      </c>
      <c r="OJ19" s="119">
        <v>6108982</v>
      </c>
      <c r="OK19" s="141">
        <v>9704217</v>
      </c>
      <c r="OL19" s="118">
        <v>0</v>
      </c>
      <c r="OM19" s="119">
        <v>64771096</v>
      </c>
      <c r="ON19" s="119">
        <v>81462239</v>
      </c>
      <c r="OO19" s="119">
        <v>102196546</v>
      </c>
      <c r="OP19" s="119">
        <v>124263010</v>
      </c>
      <c r="OQ19" s="119">
        <v>102844589</v>
      </c>
      <c r="OR19" s="120">
        <v>475537480</v>
      </c>
      <c r="OS19" s="143">
        <v>485241697</v>
      </c>
    </row>
    <row r="20" spans="2:409" ht="21" customHeight="1" x14ac:dyDescent="0.2">
      <c r="B20" s="62" t="s">
        <v>15</v>
      </c>
      <c r="C20" s="110">
        <v>2120045</v>
      </c>
      <c r="D20" s="114">
        <v>3935445</v>
      </c>
      <c r="E20" s="113">
        <v>6055490</v>
      </c>
      <c r="F20" s="109">
        <v>0</v>
      </c>
      <c r="G20" s="114">
        <v>32537507</v>
      </c>
      <c r="H20" s="114">
        <v>44538125</v>
      </c>
      <c r="I20" s="114">
        <v>38419418</v>
      </c>
      <c r="J20" s="114">
        <v>37916586</v>
      </c>
      <c r="K20" s="114">
        <v>25377524</v>
      </c>
      <c r="L20" s="109">
        <v>178789160</v>
      </c>
      <c r="M20" s="116">
        <v>184844650</v>
      </c>
      <c r="N20" s="110">
        <v>197571</v>
      </c>
      <c r="O20" s="114">
        <v>549925</v>
      </c>
      <c r="P20" s="113">
        <v>747496</v>
      </c>
      <c r="Q20" s="110">
        <v>0</v>
      </c>
      <c r="R20" s="114">
        <v>6894542</v>
      </c>
      <c r="S20" s="114">
        <v>12351551</v>
      </c>
      <c r="T20" s="114">
        <v>10503359</v>
      </c>
      <c r="U20" s="114">
        <v>10021952</v>
      </c>
      <c r="V20" s="114">
        <v>13037290</v>
      </c>
      <c r="W20" s="113">
        <v>52808694</v>
      </c>
      <c r="X20" s="116">
        <v>53556190</v>
      </c>
      <c r="Y20" s="110">
        <v>0</v>
      </c>
      <c r="Z20" s="114">
        <v>0</v>
      </c>
      <c r="AA20" s="113">
        <v>0</v>
      </c>
      <c r="AB20" s="110">
        <v>0</v>
      </c>
      <c r="AC20" s="114">
        <v>3188381</v>
      </c>
      <c r="AD20" s="114">
        <v>6947637</v>
      </c>
      <c r="AE20" s="114">
        <v>6108181</v>
      </c>
      <c r="AF20" s="114">
        <v>5219361</v>
      </c>
      <c r="AG20" s="114">
        <v>8064972</v>
      </c>
      <c r="AH20" s="113">
        <v>29528532</v>
      </c>
      <c r="AI20" s="116">
        <v>29528532</v>
      </c>
      <c r="AJ20" s="110">
        <v>0</v>
      </c>
      <c r="AK20" s="114">
        <v>0</v>
      </c>
      <c r="AL20" s="113">
        <v>0</v>
      </c>
      <c r="AM20" s="110">
        <v>0</v>
      </c>
      <c r="AN20" s="114">
        <v>0</v>
      </c>
      <c r="AO20" s="114">
        <v>54706</v>
      </c>
      <c r="AP20" s="114">
        <v>723411</v>
      </c>
      <c r="AQ20" s="114">
        <v>1102492</v>
      </c>
      <c r="AR20" s="114">
        <v>1459998</v>
      </c>
      <c r="AS20" s="113">
        <v>3340607</v>
      </c>
      <c r="AT20" s="116">
        <v>3340607</v>
      </c>
      <c r="AU20" s="110">
        <v>32165</v>
      </c>
      <c r="AV20" s="114">
        <v>445204</v>
      </c>
      <c r="AW20" s="113">
        <v>477369</v>
      </c>
      <c r="AX20" s="110">
        <v>0</v>
      </c>
      <c r="AY20" s="114">
        <v>1754956</v>
      </c>
      <c r="AZ20" s="114">
        <v>3384898</v>
      </c>
      <c r="BA20" s="114">
        <v>2026465</v>
      </c>
      <c r="BB20" s="114">
        <v>1992555</v>
      </c>
      <c r="BC20" s="114">
        <v>2289463</v>
      </c>
      <c r="BD20" s="113">
        <v>11448337</v>
      </c>
      <c r="BE20" s="116">
        <v>11925706</v>
      </c>
      <c r="BF20" s="110">
        <v>0</v>
      </c>
      <c r="BG20" s="114">
        <v>0</v>
      </c>
      <c r="BH20" s="112">
        <v>0</v>
      </c>
      <c r="BI20" s="111">
        <v>0</v>
      </c>
      <c r="BJ20" s="114">
        <v>250671</v>
      </c>
      <c r="BK20" s="114">
        <v>478485</v>
      </c>
      <c r="BL20" s="114">
        <v>122216</v>
      </c>
      <c r="BM20" s="114">
        <v>152520</v>
      </c>
      <c r="BN20" s="114">
        <v>192510</v>
      </c>
      <c r="BO20" s="113">
        <v>1196402</v>
      </c>
      <c r="BP20" s="116">
        <v>1196402</v>
      </c>
      <c r="BQ20" s="110">
        <v>165406</v>
      </c>
      <c r="BR20" s="114">
        <v>104721</v>
      </c>
      <c r="BS20" s="113">
        <v>270127</v>
      </c>
      <c r="BT20" s="110">
        <v>0</v>
      </c>
      <c r="BU20" s="114">
        <v>1700534</v>
      </c>
      <c r="BV20" s="114">
        <v>1485825</v>
      </c>
      <c r="BW20" s="114">
        <v>1523086</v>
      </c>
      <c r="BX20" s="114">
        <v>1555024</v>
      </c>
      <c r="BY20" s="114">
        <v>1030347</v>
      </c>
      <c r="BZ20" s="113">
        <v>7294816</v>
      </c>
      <c r="CA20" s="116">
        <v>7564943</v>
      </c>
      <c r="CB20" s="110">
        <v>0</v>
      </c>
      <c r="CC20" s="114">
        <v>265144</v>
      </c>
      <c r="CD20" s="113">
        <v>265144</v>
      </c>
      <c r="CE20" s="110">
        <v>0</v>
      </c>
      <c r="CF20" s="114">
        <v>8006979</v>
      </c>
      <c r="CG20" s="114">
        <v>11798476</v>
      </c>
      <c r="CH20" s="114">
        <v>7396792</v>
      </c>
      <c r="CI20" s="114">
        <v>4004465</v>
      </c>
      <c r="CJ20" s="114">
        <v>1652501</v>
      </c>
      <c r="CK20" s="113">
        <v>32859213</v>
      </c>
      <c r="CL20" s="116">
        <v>33124357</v>
      </c>
      <c r="CM20" s="110">
        <v>0</v>
      </c>
      <c r="CN20" s="114">
        <v>0</v>
      </c>
      <c r="CO20" s="113">
        <v>0</v>
      </c>
      <c r="CP20" s="111">
        <v>0</v>
      </c>
      <c r="CQ20" s="114">
        <v>6232027</v>
      </c>
      <c r="CR20" s="114">
        <v>9508544</v>
      </c>
      <c r="CS20" s="114">
        <v>5217962</v>
      </c>
      <c r="CT20" s="114">
        <v>2504733</v>
      </c>
      <c r="CU20" s="114">
        <v>1261951</v>
      </c>
      <c r="CV20" s="113">
        <v>24725217</v>
      </c>
      <c r="CW20" s="116">
        <v>24725217</v>
      </c>
      <c r="CX20" s="110">
        <v>0</v>
      </c>
      <c r="CY20" s="114">
        <v>265144</v>
      </c>
      <c r="CZ20" s="113">
        <v>265144</v>
      </c>
      <c r="DA20" s="110">
        <v>0</v>
      </c>
      <c r="DB20" s="114">
        <v>1774952</v>
      </c>
      <c r="DC20" s="114">
        <v>2289932</v>
      </c>
      <c r="DD20" s="114">
        <v>2178830</v>
      </c>
      <c r="DE20" s="114">
        <v>1499732</v>
      </c>
      <c r="DF20" s="114">
        <v>390550</v>
      </c>
      <c r="DG20" s="113">
        <v>8133996</v>
      </c>
      <c r="DH20" s="116">
        <v>8399140</v>
      </c>
      <c r="DI20" s="110">
        <v>0</v>
      </c>
      <c r="DJ20" s="114">
        <v>169388</v>
      </c>
      <c r="DK20" s="112">
        <v>169388</v>
      </c>
      <c r="DL20" s="111">
        <v>0</v>
      </c>
      <c r="DM20" s="114">
        <v>527366</v>
      </c>
      <c r="DN20" s="114">
        <v>3014430</v>
      </c>
      <c r="DO20" s="114">
        <v>6795686</v>
      </c>
      <c r="DP20" s="114">
        <v>8819426</v>
      </c>
      <c r="DQ20" s="114">
        <v>2489659</v>
      </c>
      <c r="DR20" s="113">
        <v>21646567</v>
      </c>
      <c r="DS20" s="116">
        <v>21815955</v>
      </c>
      <c r="DT20" s="110">
        <v>0</v>
      </c>
      <c r="DU20" s="114">
        <v>169388</v>
      </c>
      <c r="DV20" s="113">
        <v>169388</v>
      </c>
      <c r="DW20" s="110">
        <v>0</v>
      </c>
      <c r="DX20" s="114">
        <v>471780</v>
      </c>
      <c r="DY20" s="114">
        <v>2982515</v>
      </c>
      <c r="DZ20" s="114">
        <v>6709137</v>
      </c>
      <c r="EA20" s="114">
        <v>8516128</v>
      </c>
      <c r="EB20" s="114">
        <v>2453141</v>
      </c>
      <c r="EC20" s="113">
        <v>21132701</v>
      </c>
      <c r="ED20" s="116">
        <v>21302089</v>
      </c>
      <c r="EE20" s="110">
        <v>0</v>
      </c>
      <c r="EF20" s="112">
        <v>0</v>
      </c>
      <c r="EG20" s="113">
        <v>0</v>
      </c>
      <c r="EH20" s="110">
        <v>0</v>
      </c>
      <c r="EI20" s="114">
        <v>55586</v>
      </c>
      <c r="EJ20" s="114">
        <v>31915</v>
      </c>
      <c r="EK20" s="114">
        <v>86549</v>
      </c>
      <c r="EL20" s="114">
        <v>303298</v>
      </c>
      <c r="EM20" s="114">
        <v>36518</v>
      </c>
      <c r="EN20" s="112">
        <v>513866</v>
      </c>
      <c r="EO20" s="116">
        <v>513866</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5"/>
      <c r="FE20" s="114">
        <v>0</v>
      </c>
      <c r="FF20" s="114">
        <v>0</v>
      </c>
      <c r="FG20" s="114">
        <v>0</v>
      </c>
      <c r="FH20" s="114">
        <v>0</v>
      </c>
      <c r="FI20" s="114">
        <v>0</v>
      </c>
      <c r="FJ20" s="113">
        <v>0</v>
      </c>
      <c r="FK20" s="116">
        <v>0</v>
      </c>
      <c r="FL20" s="110">
        <v>386320</v>
      </c>
      <c r="FM20" s="114">
        <v>1175946</v>
      </c>
      <c r="FN20" s="113">
        <v>1562266</v>
      </c>
      <c r="FO20" s="110">
        <v>0</v>
      </c>
      <c r="FP20" s="114">
        <v>1658896</v>
      </c>
      <c r="FQ20" s="114">
        <v>4405191</v>
      </c>
      <c r="FR20" s="114">
        <v>3336001</v>
      </c>
      <c r="FS20" s="114">
        <v>2829977</v>
      </c>
      <c r="FT20" s="114">
        <v>1723648</v>
      </c>
      <c r="FU20" s="113">
        <v>13953713</v>
      </c>
      <c r="FV20" s="116">
        <v>15515979</v>
      </c>
      <c r="FW20" s="115">
        <v>362650</v>
      </c>
      <c r="FX20" s="114">
        <v>834270</v>
      </c>
      <c r="FY20" s="112">
        <v>1196920</v>
      </c>
      <c r="FZ20" s="111">
        <v>0</v>
      </c>
      <c r="GA20" s="114">
        <v>1264876</v>
      </c>
      <c r="GB20" s="114">
        <v>4139495</v>
      </c>
      <c r="GC20" s="114">
        <v>3004621</v>
      </c>
      <c r="GD20" s="114">
        <v>2734646</v>
      </c>
      <c r="GE20" s="114">
        <v>1723648</v>
      </c>
      <c r="GF20" s="113">
        <v>12867286</v>
      </c>
      <c r="GG20" s="316">
        <v>14064206</v>
      </c>
      <c r="GH20" s="115">
        <v>0</v>
      </c>
      <c r="GI20" s="114">
        <v>101376</v>
      </c>
      <c r="GJ20" s="112">
        <v>101376</v>
      </c>
      <c r="GK20" s="111">
        <v>0</v>
      </c>
      <c r="GL20" s="114">
        <v>151380</v>
      </c>
      <c r="GM20" s="114">
        <v>128896</v>
      </c>
      <c r="GN20" s="114">
        <v>34470</v>
      </c>
      <c r="GO20" s="114">
        <v>62488</v>
      </c>
      <c r="GP20" s="114">
        <v>0</v>
      </c>
      <c r="GQ20" s="113">
        <v>377234</v>
      </c>
      <c r="GR20" s="116">
        <v>478610</v>
      </c>
      <c r="GS20" s="110">
        <v>23670</v>
      </c>
      <c r="GT20" s="114">
        <v>240300</v>
      </c>
      <c r="GU20" s="113">
        <v>263970</v>
      </c>
      <c r="GV20" s="110">
        <v>0</v>
      </c>
      <c r="GW20" s="114">
        <v>242640</v>
      </c>
      <c r="GX20" s="114">
        <v>136800</v>
      </c>
      <c r="GY20" s="114">
        <v>296910</v>
      </c>
      <c r="GZ20" s="114">
        <v>32843</v>
      </c>
      <c r="HA20" s="114">
        <v>0</v>
      </c>
      <c r="HB20" s="112">
        <v>709193</v>
      </c>
      <c r="HC20" s="116">
        <v>973163</v>
      </c>
      <c r="HD20" s="110">
        <v>1227307</v>
      </c>
      <c r="HE20" s="114">
        <v>1026335</v>
      </c>
      <c r="HF20" s="112">
        <v>2253642</v>
      </c>
      <c r="HG20" s="111">
        <v>0</v>
      </c>
      <c r="HH20" s="114">
        <v>9309466</v>
      </c>
      <c r="HI20" s="114">
        <v>5563336</v>
      </c>
      <c r="HJ20" s="114">
        <v>6252129</v>
      </c>
      <c r="HK20" s="114">
        <v>9346661</v>
      </c>
      <c r="HL20" s="114">
        <v>4904271</v>
      </c>
      <c r="HM20" s="113">
        <v>35375863</v>
      </c>
      <c r="HN20" s="109">
        <v>37629505</v>
      </c>
      <c r="HO20" s="115">
        <v>308847</v>
      </c>
      <c r="HP20" s="114">
        <v>748707</v>
      </c>
      <c r="HQ20" s="113">
        <v>1057554</v>
      </c>
      <c r="HR20" s="110">
        <v>0</v>
      </c>
      <c r="HS20" s="114">
        <v>6140258</v>
      </c>
      <c r="HT20" s="114">
        <v>7405141</v>
      </c>
      <c r="HU20" s="114">
        <v>4135451</v>
      </c>
      <c r="HV20" s="114">
        <v>2894105</v>
      </c>
      <c r="HW20" s="114">
        <v>1570155</v>
      </c>
      <c r="HX20" s="112">
        <v>22145110</v>
      </c>
      <c r="HY20" s="116">
        <v>23202664</v>
      </c>
      <c r="HZ20" s="150">
        <v>138997</v>
      </c>
      <c r="IA20" s="135">
        <v>2085563</v>
      </c>
      <c r="IB20" s="150">
        <v>2224560</v>
      </c>
      <c r="IC20" s="134">
        <v>0</v>
      </c>
      <c r="ID20" s="135">
        <v>19707901</v>
      </c>
      <c r="IE20" s="136">
        <v>22468536</v>
      </c>
      <c r="IF20" s="137">
        <v>24977073</v>
      </c>
      <c r="IG20" s="135">
        <v>16780946</v>
      </c>
      <c r="IH20" s="137">
        <v>10292690</v>
      </c>
      <c r="II20" s="138">
        <v>94227146</v>
      </c>
      <c r="IJ20" s="150">
        <v>96451706</v>
      </c>
      <c r="IK20" s="232">
        <v>0</v>
      </c>
      <c r="IL20" s="236">
        <v>0</v>
      </c>
      <c r="IM20" s="237">
        <v>0</v>
      </c>
      <c r="IN20" s="140"/>
      <c r="IO20" s="119">
        <v>65623</v>
      </c>
      <c r="IP20" s="119">
        <v>323952</v>
      </c>
      <c r="IQ20" s="119">
        <v>887104</v>
      </c>
      <c r="IR20" s="119">
        <v>860128</v>
      </c>
      <c r="IS20" s="119">
        <v>1346189</v>
      </c>
      <c r="IT20" s="141">
        <v>3482996</v>
      </c>
      <c r="IU20" s="318">
        <v>3482996</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7611457</v>
      </c>
      <c r="JL20" s="119">
        <v>9763490</v>
      </c>
      <c r="JM20" s="119">
        <v>7212759</v>
      </c>
      <c r="JN20" s="119">
        <v>3657462</v>
      </c>
      <c r="JO20" s="119">
        <v>1203719</v>
      </c>
      <c r="JP20" s="120">
        <v>29448887</v>
      </c>
      <c r="JQ20" s="318">
        <v>29448887</v>
      </c>
      <c r="JR20" s="142">
        <v>0</v>
      </c>
      <c r="JS20" s="119">
        <v>0</v>
      </c>
      <c r="JT20" s="141">
        <v>0</v>
      </c>
      <c r="JU20" s="118">
        <v>0</v>
      </c>
      <c r="JV20" s="119">
        <v>276487</v>
      </c>
      <c r="JW20" s="119">
        <v>331982</v>
      </c>
      <c r="JX20" s="119">
        <v>202699</v>
      </c>
      <c r="JY20" s="119">
        <v>128470</v>
      </c>
      <c r="JZ20" s="119">
        <v>401616</v>
      </c>
      <c r="KA20" s="120">
        <v>1341254</v>
      </c>
      <c r="KB20" s="318">
        <v>1341254</v>
      </c>
      <c r="KC20" s="234">
        <v>138997</v>
      </c>
      <c r="KD20" s="230">
        <v>1085771</v>
      </c>
      <c r="KE20" s="120">
        <v>1224768</v>
      </c>
      <c r="KF20" s="118">
        <v>0</v>
      </c>
      <c r="KG20" s="119">
        <v>2331592</v>
      </c>
      <c r="KH20" s="119">
        <v>3229134</v>
      </c>
      <c r="KI20" s="119">
        <v>2717853</v>
      </c>
      <c r="KJ20" s="119">
        <v>1980618</v>
      </c>
      <c r="KK20" s="119">
        <v>1194575</v>
      </c>
      <c r="KL20" s="120">
        <v>11453772</v>
      </c>
      <c r="KM20" s="143">
        <v>12678540</v>
      </c>
      <c r="KN20" s="232">
        <v>0</v>
      </c>
      <c r="KO20" s="236">
        <v>999792</v>
      </c>
      <c r="KP20" s="237">
        <v>999792</v>
      </c>
      <c r="KQ20" s="140"/>
      <c r="KR20" s="119">
        <v>9422742</v>
      </c>
      <c r="KS20" s="119">
        <v>8819978</v>
      </c>
      <c r="KT20" s="119">
        <v>12134519</v>
      </c>
      <c r="KU20" s="119">
        <v>6258510</v>
      </c>
      <c r="KV20" s="119">
        <v>3821135</v>
      </c>
      <c r="KW20" s="120">
        <v>40456884</v>
      </c>
      <c r="KX20" s="318">
        <v>41456676</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1822139</v>
      </c>
      <c r="LQ20" s="119">
        <v>3895758</v>
      </c>
      <c r="LR20" s="119">
        <v>2325456</v>
      </c>
      <c r="LS20" s="120">
        <v>8043353</v>
      </c>
      <c r="LT20" s="318">
        <v>8043353</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6219991</v>
      </c>
      <c r="MK20" s="119">
        <v>9679587</v>
      </c>
      <c r="ML20" s="119">
        <v>38773847</v>
      </c>
      <c r="MM20" s="119">
        <v>54374834</v>
      </c>
      <c r="MN20" s="119">
        <v>35140750</v>
      </c>
      <c r="MO20" s="120">
        <v>144189009</v>
      </c>
      <c r="MP20" s="143">
        <v>144189009</v>
      </c>
      <c r="MQ20" s="142">
        <v>0</v>
      </c>
      <c r="MR20" s="119">
        <v>0</v>
      </c>
      <c r="MS20" s="120">
        <v>0</v>
      </c>
      <c r="MT20" s="145"/>
      <c r="MU20" s="119">
        <v>210634</v>
      </c>
      <c r="MV20" s="119">
        <v>215592</v>
      </c>
      <c r="MW20" s="119">
        <v>22972402</v>
      </c>
      <c r="MX20" s="119">
        <v>37704809</v>
      </c>
      <c r="MY20" s="119">
        <v>26187644</v>
      </c>
      <c r="MZ20" s="120">
        <v>87291081</v>
      </c>
      <c r="NA20" s="143">
        <v>87291081</v>
      </c>
      <c r="NB20" s="142">
        <v>0</v>
      </c>
      <c r="NC20" s="119">
        <v>0</v>
      </c>
      <c r="ND20" s="120">
        <v>0</v>
      </c>
      <c r="NE20" s="145"/>
      <c r="NF20" s="119">
        <v>6009357</v>
      </c>
      <c r="NG20" s="119">
        <v>9463995</v>
      </c>
      <c r="NH20" s="119">
        <v>15801445</v>
      </c>
      <c r="NI20" s="119">
        <v>16670025</v>
      </c>
      <c r="NJ20" s="119">
        <v>8953106</v>
      </c>
      <c r="NK20" s="120">
        <v>56897928</v>
      </c>
      <c r="NL20" s="318">
        <v>56897928</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259042</v>
      </c>
      <c r="OJ20" s="119">
        <v>6021008</v>
      </c>
      <c r="OK20" s="141">
        <v>8280050</v>
      </c>
      <c r="OL20" s="118">
        <v>0</v>
      </c>
      <c r="OM20" s="119">
        <v>58465399</v>
      </c>
      <c r="ON20" s="119">
        <v>76686248</v>
      </c>
      <c r="OO20" s="119">
        <v>102170338</v>
      </c>
      <c r="OP20" s="119">
        <v>109072366</v>
      </c>
      <c r="OQ20" s="119">
        <v>70810964</v>
      </c>
      <c r="OR20" s="120">
        <v>417205315</v>
      </c>
      <c r="OS20" s="143">
        <v>425485365</v>
      </c>
    </row>
    <row r="21" spans="2:409" ht="21" customHeight="1" x14ac:dyDescent="0.2">
      <c r="B21" s="62" t="s">
        <v>16</v>
      </c>
      <c r="C21" s="110">
        <v>6369990</v>
      </c>
      <c r="D21" s="114">
        <v>13633237</v>
      </c>
      <c r="E21" s="113">
        <v>20003227</v>
      </c>
      <c r="F21" s="109">
        <v>0</v>
      </c>
      <c r="G21" s="114">
        <v>87818090</v>
      </c>
      <c r="H21" s="114">
        <v>140801228</v>
      </c>
      <c r="I21" s="114">
        <v>107673030</v>
      </c>
      <c r="J21" s="114">
        <v>101083632</v>
      </c>
      <c r="K21" s="114">
        <v>74722123</v>
      </c>
      <c r="L21" s="109">
        <v>512098103</v>
      </c>
      <c r="M21" s="116">
        <v>532101330</v>
      </c>
      <c r="N21" s="110">
        <v>1339371</v>
      </c>
      <c r="O21" s="114">
        <v>2343244</v>
      </c>
      <c r="P21" s="113">
        <v>3682615</v>
      </c>
      <c r="Q21" s="110">
        <v>0</v>
      </c>
      <c r="R21" s="114">
        <v>18222685</v>
      </c>
      <c r="S21" s="114">
        <v>31750821</v>
      </c>
      <c r="T21" s="114">
        <v>27559535</v>
      </c>
      <c r="U21" s="114">
        <v>29497732</v>
      </c>
      <c r="V21" s="114">
        <v>24919409</v>
      </c>
      <c r="W21" s="113">
        <v>131950182</v>
      </c>
      <c r="X21" s="116">
        <v>135632797</v>
      </c>
      <c r="Y21" s="110">
        <v>0</v>
      </c>
      <c r="Z21" s="114">
        <v>0</v>
      </c>
      <c r="AA21" s="113">
        <v>0</v>
      </c>
      <c r="AB21" s="110">
        <v>0</v>
      </c>
      <c r="AC21" s="114">
        <v>7948967</v>
      </c>
      <c r="AD21" s="114">
        <v>12631083</v>
      </c>
      <c r="AE21" s="114">
        <v>14039669</v>
      </c>
      <c r="AF21" s="114">
        <v>15663523</v>
      </c>
      <c r="AG21" s="114">
        <v>11778939</v>
      </c>
      <c r="AH21" s="113">
        <v>62062181</v>
      </c>
      <c r="AI21" s="116">
        <v>62062181</v>
      </c>
      <c r="AJ21" s="110">
        <v>0</v>
      </c>
      <c r="AK21" s="114">
        <v>0</v>
      </c>
      <c r="AL21" s="113">
        <v>0</v>
      </c>
      <c r="AM21" s="110">
        <v>0</v>
      </c>
      <c r="AN21" s="114">
        <v>87682</v>
      </c>
      <c r="AO21" s="114">
        <v>572034</v>
      </c>
      <c r="AP21" s="114">
        <v>704189</v>
      </c>
      <c r="AQ21" s="114">
        <v>1384875</v>
      </c>
      <c r="AR21" s="114">
        <v>2528133</v>
      </c>
      <c r="AS21" s="113">
        <v>5276913</v>
      </c>
      <c r="AT21" s="116">
        <v>5276913</v>
      </c>
      <c r="AU21" s="110">
        <v>760233</v>
      </c>
      <c r="AV21" s="114">
        <v>1364693</v>
      </c>
      <c r="AW21" s="113">
        <v>2124926</v>
      </c>
      <c r="AX21" s="110">
        <v>0</v>
      </c>
      <c r="AY21" s="114">
        <v>7057653</v>
      </c>
      <c r="AZ21" s="114">
        <v>12985068</v>
      </c>
      <c r="BA21" s="114">
        <v>8444165</v>
      </c>
      <c r="BB21" s="114">
        <v>7899326</v>
      </c>
      <c r="BC21" s="114">
        <v>6622402</v>
      </c>
      <c r="BD21" s="113">
        <v>43008614</v>
      </c>
      <c r="BE21" s="116">
        <v>45133540</v>
      </c>
      <c r="BF21" s="110">
        <v>36675</v>
      </c>
      <c r="BG21" s="114">
        <v>468248</v>
      </c>
      <c r="BH21" s="112">
        <v>504923</v>
      </c>
      <c r="BI21" s="111">
        <v>0</v>
      </c>
      <c r="BJ21" s="114">
        <v>342019</v>
      </c>
      <c r="BK21" s="114">
        <v>1705421</v>
      </c>
      <c r="BL21" s="114">
        <v>511303</v>
      </c>
      <c r="BM21" s="114">
        <v>349656</v>
      </c>
      <c r="BN21" s="114">
        <v>555836</v>
      </c>
      <c r="BO21" s="113">
        <v>3464235</v>
      </c>
      <c r="BP21" s="116">
        <v>3969158</v>
      </c>
      <c r="BQ21" s="110">
        <v>542463</v>
      </c>
      <c r="BR21" s="114">
        <v>510303</v>
      </c>
      <c r="BS21" s="113">
        <v>1052766</v>
      </c>
      <c r="BT21" s="110">
        <v>0</v>
      </c>
      <c r="BU21" s="114">
        <v>2786364</v>
      </c>
      <c r="BV21" s="114">
        <v>3857215</v>
      </c>
      <c r="BW21" s="114">
        <v>3860209</v>
      </c>
      <c r="BX21" s="114">
        <v>4200352</v>
      </c>
      <c r="BY21" s="114">
        <v>3434099</v>
      </c>
      <c r="BZ21" s="113">
        <v>18138239</v>
      </c>
      <c r="CA21" s="116">
        <v>19191005</v>
      </c>
      <c r="CB21" s="110">
        <v>925412</v>
      </c>
      <c r="CC21" s="114">
        <v>3751934</v>
      </c>
      <c r="CD21" s="113">
        <v>4677346</v>
      </c>
      <c r="CE21" s="110">
        <v>0</v>
      </c>
      <c r="CF21" s="114">
        <v>30931365</v>
      </c>
      <c r="CG21" s="114">
        <v>53793224</v>
      </c>
      <c r="CH21" s="114">
        <v>35617193</v>
      </c>
      <c r="CI21" s="114">
        <v>23151326</v>
      </c>
      <c r="CJ21" s="114">
        <v>17111852</v>
      </c>
      <c r="CK21" s="113">
        <v>160604960</v>
      </c>
      <c r="CL21" s="116">
        <v>165282306</v>
      </c>
      <c r="CM21" s="110">
        <v>0</v>
      </c>
      <c r="CN21" s="114">
        <v>0</v>
      </c>
      <c r="CO21" s="113">
        <v>0</v>
      </c>
      <c r="CP21" s="111">
        <v>0</v>
      </c>
      <c r="CQ21" s="114">
        <v>19889614</v>
      </c>
      <c r="CR21" s="114">
        <v>34848020</v>
      </c>
      <c r="CS21" s="114">
        <v>24704076</v>
      </c>
      <c r="CT21" s="114">
        <v>18181547</v>
      </c>
      <c r="CU21" s="114">
        <v>14882948</v>
      </c>
      <c r="CV21" s="113">
        <v>112506205</v>
      </c>
      <c r="CW21" s="116">
        <v>112506205</v>
      </c>
      <c r="CX21" s="110">
        <v>925412</v>
      </c>
      <c r="CY21" s="114">
        <v>3751934</v>
      </c>
      <c r="CZ21" s="113">
        <v>4677346</v>
      </c>
      <c r="DA21" s="110">
        <v>0</v>
      </c>
      <c r="DB21" s="114">
        <v>11041751</v>
      </c>
      <c r="DC21" s="114">
        <v>18945204</v>
      </c>
      <c r="DD21" s="114">
        <v>10913117</v>
      </c>
      <c r="DE21" s="114">
        <v>4969779</v>
      </c>
      <c r="DF21" s="114">
        <v>2228904</v>
      </c>
      <c r="DG21" s="113">
        <v>48098755</v>
      </c>
      <c r="DH21" s="116">
        <v>52776101</v>
      </c>
      <c r="DI21" s="110">
        <v>0</v>
      </c>
      <c r="DJ21" s="114">
        <v>113719</v>
      </c>
      <c r="DK21" s="112">
        <v>113719</v>
      </c>
      <c r="DL21" s="111">
        <v>0</v>
      </c>
      <c r="DM21" s="114">
        <v>2465397</v>
      </c>
      <c r="DN21" s="114">
        <v>5808470</v>
      </c>
      <c r="DO21" s="114">
        <v>8181426</v>
      </c>
      <c r="DP21" s="114">
        <v>5249105</v>
      </c>
      <c r="DQ21" s="114">
        <v>2718819</v>
      </c>
      <c r="DR21" s="113">
        <v>24423217</v>
      </c>
      <c r="DS21" s="116">
        <v>24536936</v>
      </c>
      <c r="DT21" s="110">
        <v>0</v>
      </c>
      <c r="DU21" s="114">
        <v>113719</v>
      </c>
      <c r="DV21" s="113">
        <v>113719</v>
      </c>
      <c r="DW21" s="110">
        <v>0</v>
      </c>
      <c r="DX21" s="114">
        <v>2424848</v>
      </c>
      <c r="DY21" s="114">
        <v>5560885</v>
      </c>
      <c r="DZ21" s="114">
        <v>7688352</v>
      </c>
      <c r="EA21" s="114">
        <v>4747822</v>
      </c>
      <c r="EB21" s="114">
        <v>2346570</v>
      </c>
      <c r="EC21" s="113">
        <v>22768477</v>
      </c>
      <c r="ED21" s="116">
        <v>22882196</v>
      </c>
      <c r="EE21" s="110">
        <v>0</v>
      </c>
      <c r="EF21" s="112">
        <v>0</v>
      </c>
      <c r="EG21" s="113">
        <v>0</v>
      </c>
      <c r="EH21" s="110">
        <v>0</v>
      </c>
      <c r="EI21" s="114">
        <v>40549</v>
      </c>
      <c r="EJ21" s="114">
        <v>247585</v>
      </c>
      <c r="EK21" s="114">
        <v>493074</v>
      </c>
      <c r="EL21" s="114">
        <v>501283</v>
      </c>
      <c r="EM21" s="114">
        <v>372249</v>
      </c>
      <c r="EN21" s="112">
        <v>1654740</v>
      </c>
      <c r="EO21" s="116">
        <v>1654740</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5"/>
      <c r="FE21" s="114">
        <v>0</v>
      </c>
      <c r="FF21" s="114">
        <v>0</v>
      </c>
      <c r="FG21" s="114">
        <v>0</v>
      </c>
      <c r="FH21" s="114">
        <v>0</v>
      </c>
      <c r="FI21" s="114">
        <v>0</v>
      </c>
      <c r="FJ21" s="113">
        <v>0</v>
      </c>
      <c r="FK21" s="116">
        <v>0</v>
      </c>
      <c r="FL21" s="110">
        <v>1457934</v>
      </c>
      <c r="FM21" s="114">
        <v>2787452</v>
      </c>
      <c r="FN21" s="113">
        <v>4245386</v>
      </c>
      <c r="FO21" s="110">
        <v>0</v>
      </c>
      <c r="FP21" s="114">
        <v>4143245</v>
      </c>
      <c r="FQ21" s="114">
        <v>13502806</v>
      </c>
      <c r="FR21" s="114">
        <v>7809562</v>
      </c>
      <c r="FS21" s="114">
        <v>7386556</v>
      </c>
      <c r="FT21" s="114">
        <v>5429114</v>
      </c>
      <c r="FU21" s="113">
        <v>38271283</v>
      </c>
      <c r="FV21" s="116">
        <v>42516669</v>
      </c>
      <c r="FW21" s="115">
        <v>770151</v>
      </c>
      <c r="FX21" s="114">
        <v>2097821</v>
      </c>
      <c r="FY21" s="112">
        <v>2867972</v>
      </c>
      <c r="FZ21" s="111">
        <v>0</v>
      </c>
      <c r="GA21" s="114">
        <v>2987437</v>
      </c>
      <c r="GB21" s="114">
        <v>11874313</v>
      </c>
      <c r="GC21" s="114">
        <v>7394522</v>
      </c>
      <c r="GD21" s="114">
        <v>6880792</v>
      </c>
      <c r="GE21" s="114">
        <v>5186942</v>
      </c>
      <c r="GF21" s="113">
        <v>34324006</v>
      </c>
      <c r="GG21" s="316">
        <v>37191978</v>
      </c>
      <c r="GH21" s="115">
        <v>41844</v>
      </c>
      <c r="GI21" s="114">
        <v>134208</v>
      </c>
      <c r="GJ21" s="112">
        <v>176052</v>
      </c>
      <c r="GK21" s="111">
        <v>0</v>
      </c>
      <c r="GL21" s="114">
        <v>133900</v>
      </c>
      <c r="GM21" s="114">
        <v>475677</v>
      </c>
      <c r="GN21" s="114">
        <v>120406</v>
      </c>
      <c r="GO21" s="114">
        <v>280764</v>
      </c>
      <c r="GP21" s="114">
        <v>36696</v>
      </c>
      <c r="GQ21" s="113">
        <v>1047443</v>
      </c>
      <c r="GR21" s="116">
        <v>1223495</v>
      </c>
      <c r="GS21" s="110">
        <v>645939</v>
      </c>
      <c r="GT21" s="114">
        <v>555423</v>
      </c>
      <c r="GU21" s="113">
        <v>1201362</v>
      </c>
      <c r="GV21" s="110">
        <v>0</v>
      </c>
      <c r="GW21" s="114">
        <v>1021908</v>
      </c>
      <c r="GX21" s="114">
        <v>1152816</v>
      </c>
      <c r="GY21" s="114">
        <v>294634</v>
      </c>
      <c r="GZ21" s="114">
        <v>225000</v>
      </c>
      <c r="HA21" s="114">
        <v>205476</v>
      </c>
      <c r="HB21" s="112">
        <v>2899834</v>
      </c>
      <c r="HC21" s="116">
        <v>4101196</v>
      </c>
      <c r="HD21" s="110">
        <v>1596468</v>
      </c>
      <c r="HE21" s="114">
        <v>2713088</v>
      </c>
      <c r="HF21" s="112">
        <v>4309556</v>
      </c>
      <c r="HG21" s="111">
        <v>0</v>
      </c>
      <c r="HH21" s="114">
        <v>19279318</v>
      </c>
      <c r="HI21" s="114">
        <v>18922492</v>
      </c>
      <c r="HJ21" s="114">
        <v>18576494</v>
      </c>
      <c r="HK21" s="114">
        <v>29363961</v>
      </c>
      <c r="HL21" s="114">
        <v>20280965</v>
      </c>
      <c r="HM21" s="113">
        <v>106423230</v>
      </c>
      <c r="HN21" s="109">
        <v>110732786</v>
      </c>
      <c r="HO21" s="115">
        <v>1050805</v>
      </c>
      <c r="HP21" s="114">
        <v>1923800</v>
      </c>
      <c r="HQ21" s="113">
        <v>2974605</v>
      </c>
      <c r="HR21" s="110">
        <v>0</v>
      </c>
      <c r="HS21" s="114">
        <v>12776080</v>
      </c>
      <c r="HT21" s="114">
        <v>17023415</v>
      </c>
      <c r="HU21" s="114">
        <v>9928820</v>
      </c>
      <c r="HV21" s="114">
        <v>6434952</v>
      </c>
      <c r="HW21" s="114">
        <v>4261964</v>
      </c>
      <c r="HX21" s="112">
        <v>50425231</v>
      </c>
      <c r="HY21" s="116">
        <v>53399836</v>
      </c>
      <c r="HZ21" s="131">
        <v>36146</v>
      </c>
      <c r="IA21" s="132">
        <v>83570</v>
      </c>
      <c r="IB21" s="133">
        <v>119716</v>
      </c>
      <c r="IC21" s="146">
        <v>0</v>
      </c>
      <c r="ID21" s="132">
        <v>15626191</v>
      </c>
      <c r="IE21" s="147">
        <v>29997571</v>
      </c>
      <c r="IF21" s="133">
        <v>36723474</v>
      </c>
      <c r="IG21" s="132">
        <v>26063643</v>
      </c>
      <c r="IH21" s="133">
        <v>24527920</v>
      </c>
      <c r="II21" s="148">
        <v>132938799</v>
      </c>
      <c r="IJ21" s="139">
        <v>133058515</v>
      </c>
      <c r="IK21" s="232">
        <v>0</v>
      </c>
      <c r="IL21" s="236">
        <v>0</v>
      </c>
      <c r="IM21" s="237">
        <v>0</v>
      </c>
      <c r="IN21" s="140"/>
      <c r="IO21" s="119">
        <v>953725</v>
      </c>
      <c r="IP21" s="119">
        <v>1814299</v>
      </c>
      <c r="IQ21" s="119">
        <v>2727622</v>
      </c>
      <c r="IR21" s="119">
        <v>2139598</v>
      </c>
      <c r="IS21" s="119">
        <v>2509129</v>
      </c>
      <c r="IT21" s="141">
        <v>10144373</v>
      </c>
      <c r="IU21" s="318">
        <v>10144373</v>
      </c>
      <c r="IV21" s="142">
        <v>0</v>
      </c>
      <c r="IW21" s="119">
        <v>0</v>
      </c>
      <c r="IX21" s="120">
        <v>0</v>
      </c>
      <c r="IY21" s="144"/>
      <c r="IZ21" s="119">
        <v>18446</v>
      </c>
      <c r="JA21" s="119">
        <v>18446</v>
      </c>
      <c r="JB21" s="119">
        <v>61746</v>
      </c>
      <c r="JC21" s="119">
        <v>74975</v>
      </c>
      <c r="JD21" s="119">
        <v>142908</v>
      </c>
      <c r="JE21" s="120">
        <v>316521</v>
      </c>
      <c r="JF21" s="121">
        <v>316521</v>
      </c>
      <c r="JG21" s="142">
        <v>0</v>
      </c>
      <c r="JH21" s="119">
        <v>0</v>
      </c>
      <c r="JI21" s="141">
        <v>0</v>
      </c>
      <c r="JJ21" s="118">
        <v>0</v>
      </c>
      <c r="JK21" s="119">
        <v>8011759</v>
      </c>
      <c r="JL21" s="119">
        <v>10113512</v>
      </c>
      <c r="JM21" s="119">
        <v>9606531</v>
      </c>
      <c r="JN21" s="119">
        <v>4530869</v>
      </c>
      <c r="JO21" s="119">
        <v>4055484</v>
      </c>
      <c r="JP21" s="120">
        <v>36318155</v>
      </c>
      <c r="JQ21" s="318">
        <v>36318155</v>
      </c>
      <c r="JR21" s="142">
        <v>0</v>
      </c>
      <c r="JS21" s="119">
        <v>0</v>
      </c>
      <c r="JT21" s="141">
        <v>0</v>
      </c>
      <c r="JU21" s="118">
        <v>0</v>
      </c>
      <c r="JV21" s="119">
        <v>192138</v>
      </c>
      <c r="JW21" s="119">
        <v>1088288</v>
      </c>
      <c r="JX21" s="119">
        <v>991069</v>
      </c>
      <c r="JY21" s="119">
        <v>378265</v>
      </c>
      <c r="JZ21" s="119">
        <v>761244</v>
      </c>
      <c r="KA21" s="120">
        <v>3411004</v>
      </c>
      <c r="KB21" s="318">
        <v>3411004</v>
      </c>
      <c r="KC21" s="234">
        <v>36146</v>
      </c>
      <c r="KD21" s="230">
        <v>83570</v>
      </c>
      <c r="KE21" s="120">
        <v>119716</v>
      </c>
      <c r="KF21" s="118">
        <v>0</v>
      </c>
      <c r="KG21" s="119">
        <v>1924317</v>
      </c>
      <c r="KH21" s="119">
        <v>5077943</v>
      </c>
      <c r="KI21" s="119">
        <v>3283545</v>
      </c>
      <c r="KJ21" s="119">
        <v>6112339</v>
      </c>
      <c r="KK21" s="119">
        <v>1860781</v>
      </c>
      <c r="KL21" s="120">
        <v>18258925</v>
      </c>
      <c r="KM21" s="143">
        <v>18378641</v>
      </c>
      <c r="KN21" s="232">
        <v>0</v>
      </c>
      <c r="KO21" s="236">
        <v>0</v>
      </c>
      <c r="KP21" s="237">
        <v>0</v>
      </c>
      <c r="KQ21" s="140"/>
      <c r="KR21" s="119">
        <v>4384000</v>
      </c>
      <c r="KS21" s="119">
        <v>10003081</v>
      </c>
      <c r="KT21" s="119">
        <v>16009780</v>
      </c>
      <c r="KU21" s="119">
        <v>10042586</v>
      </c>
      <c r="KV21" s="119">
        <v>10317129</v>
      </c>
      <c r="KW21" s="120">
        <v>50756576</v>
      </c>
      <c r="KX21" s="318">
        <v>50756576</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755760</v>
      </c>
      <c r="LP21" s="119">
        <v>2758520</v>
      </c>
      <c r="LQ21" s="119">
        <v>2084605</v>
      </c>
      <c r="LR21" s="119">
        <v>3202088</v>
      </c>
      <c r="LS21" s="120">
        <v>8800973</v>
      </c>
      <c r="LT21" s="318">
        <v>8800973</v>
      </c>
      <c r="LU21" s="142">
        <v>0</v>
      </c>
      <c r="LV21" s="119">
        <v>0</v>
      </c>
      <c r="LW21" s="120">
        <v>0</v>
      </c>
      <c r="LX21" s="145"/>
      <c r="LY21" s="119">
        <v>141806</v>
      </c>
      <c r="LZ21" s="119">
        <v>1126242</v>
      </c>
      <c r="MA21" s="119">
        <v>1284661</v>
      </c>
      <c r="MB21" s="119">
        <v>700406</v>
      </c>
      <c r="MC21" s="119">
        <v>1679157</v>
      </c>
      <c r="MD21" s="120">
        <v>4932272</v>
      </c>
      <c r="ME21" s="121">
        <v>4932272</v>
      </c>
      <c r="MF21" s="142">
        <v>0</v>
      </c>
      <c r="MG21" s="119">
        <v>0</v>
      </c>
      <c r="MH21" s="120">
        <v>0</v>
      </c>
      <c r="MI21" s="145"/>
      <c r="MJ21" s="119">
        <v>14585818</v>
      </c>
      <c r="MK21" s="119">
        <v>30694046</v>
      </c>
      <c r="ML21" s="119">
        <v>94623661</v>
      </c>
      <c r="MM21" s="119">
        <v>132100850</v>
      </c>
      <c r="MN21" s="119">
        <v>86238380</v>
      </c>
      <c r="MO21" s="120">
        <v>358242755</v>
      </c>
      <c r="MP21" s="143">
        <v>358242755</v>
      </c>
      <c r="MQ21" s="142">
        <v>0</v>
      </c>
      <c r="MR21" s="119">
        <v>0</v>
      </c>
      <c r="MS21" s="120">
        <v>0</v>
      </c>
      <c r="MT21" s="145"/>
      <c r="MU21" s="119">
        <v>1455158</v>
      </c>
      <c r="MV21" s="119">
        <v>3899404</v>
      </c>
      <c r="MW21" s="119">
        <v>51860409</v>
      </c>
      <c r="MX21" s="119">
        <v>85022752</v>
      </c>
      <c r="MY21" s="119">
        <v>58301793</v>
      </c>
      <c r="MZ21" s="120">
        <v>200539516</v>
      </c>
      <c r="NA21" s="143">
        <v>200539516</v>
      </c>
      <c r="NB21" s="142">
        <v>0</v>
      </c>
      <c r="NC21" s="119">
        <v>0</v>
      </c>
      <c r="ND21" s="120">
        <v>0</v>
      </c>
      <c r="NE21" s="145"/>
      <c r="NF21" s="119">
        <v>13130660</v>
      </c>
      <c r="NG21" s="119">
        <v>26650058</v>
      </c>
      <c r="NH21" s="119">
        <v>41726851</v>
      </c>
      <c r="NI21" s="119">
        <v>43631339</v>
      </c>
      <c r="NJ21" s="119">
        <v>19254173</v>
      </c>
      <c r="NK21" s="120">
        <v>144393081</v>
      </c>
      <c r="NL21" s="318">
        <v>144393081</v>
      </c>
      <c r="NM21" s="142">
        <v>0</v>
      </c>
      <c r="NN21" s="119">
        <v>0</v>
      </c>
      <c r="NO21" s="120">
        <v>0</v>
      </c>
      <c r="NP21" s="145"/>
      <c r="NQ21" s="119">
        <v>0</v>
      </c>
      <c r="NR21" s="119">
        <v>0</v>
      </c>
      <c r="NS21" s="119">
        <v>0</v>
      </c>
      <c r="NT21" s="119">
        <v>0</v>
      </c>
      <c r="NU21" s="119">
        <v>365543</v>
      </c>
      <c r="NV21" s="120">
        <v>365543</v>
      </c>
      <c r="NW21" s="121">
        <v>365543</v>
      </c>
      <c r="NX21" s="142">
        <v>0</v>
      </c>
      <c r="NY21" s="119">
        <v>0</v>
      </c>
      <c r="NZ21" s="120">
        <v>0</v>
      </c>
      <c r="OA21" s="145"/>
      <c r="OB21" s="119">
        <v>0</v>
      </c>
      <c r="OC21" s="119">
        <v>144584</v>
      </c>
      <c r="OD21" s="119">
        <v>1036401</v>
      </c>
      <c r="OE21" s="119">
        <v>3446759</v>
      </c>
      <c r="OF21" s="119">
        <v>8316871</v>
      </c>
      <c r="OG21" s="120">
        <v>12944615</v>
      </c>
      <c r="OH21" s="121">
        <v>12944615</v>
      </c>
      <c r="OI21" s="142">
        <v>6406136</v>
      </c>
      <c r="OJ21" s="119">
        <v>13716807</v>
      </c>
      <c r="OK21" s="141">
        <v>20122943</v>
      </c>
      <c r="OL21" s="118">
        <v>0</v>
      </c>
      <c r="OM21" s="119">
        <v>118030099</v>
      </c>
      <c r="ON21" s="119">
        <v>201492845</v>
      </c>
      <c r="OO21" s="119">
        <v>239020165</v>
      </c>
      <c r="OP21" s="119">
        <v>259248125</v>
      </c>
      <c r="OQ21" s="119">
        <v>185488423</v>
      </c>
      <c r="OR21" s="120">
        <v>1003279657</v>
      </c>
      <c r="OS21" s="143">
        <v>1023402600</v>
      </c>
    </row>
    <row r="22" spans="2:409" ht="21" customHeight="1" x14ac:dyDescent="0.2">
      <c r="B22" s="62" t="s">
        <v>17</v>
      </c>
      <c r="C22" s="110">
        <v>6546671</v>
      </c>
      <c r="D22" s="114">
        <v>17413771</v>
      </c>
      <c r="E22" s="113">
        <v>23960442</v>
      </c>
      <c r="F22" s="109">
        <v>0</v>
      </c>
      <c r="G22" s="114">
        <v>83548382</v>
      </c>
      <c r="H22" s="114">
        <v>169195417</v>
      </c>
      <c r="I22" s="114">
        <v>145741810</v>
      </c>
      <c r="J22" s="114">
        <v>132333675</v>
      </c>
      <c r="K22" s="114">
        <v>108960618</v>
      </c>
      <c r="L22" s="109">
        <v>639779902</v>
      </c>
      <c r="M22" s="116">
        <v>663740344</v>
      </c>
      <c r="N22" s="110">
        <v>1338955</v>
      </c>
      <c r="O22" s="114">
        <v>3845464</v>
      </c>
      <c r="P22" s="113">
        <v>5184419</v>
      </c>
      <c r="Q22" s="110">
        <v>0</v>
      </c>
      <c r="R22" s="114">
        <v>20187841</v>
      </c>
      <c r="S22" s="114">
        <v>44943033</v>
      </c>
      <c r="T22" s="114">
        <v>46740249</v>
      </c>
      <c r="U22" s="114">
        <v>49646241</v>
      </c>
      <c r="V22" s="114">
        <v>55627798</v>
      </c>
      <c r="W22" s="113">
        <v>217145162</v>
      </c>
      <c r="X22" s="116">
        <v>222329581</v>
      </c>
      <c r="Y22" s="110">
        <v>0</v>
      </c>
      <c r="Z22" s="114">
        <v>0</v>
      </c>
      <c r="AA22" s="113">
        <v>0</v>
      </c>
      <c r="AB22" s="110">
        <v>0</v>
      </c>
      <c r="AC22" s="114">
        <v>9901843</v>
      </c>
      <c r="AD22" s="114">
        <v>22977031</v>
      </c>
      <c r="AE22" s="114">
        <v>28058496</v>
      </c>
      <c r="AF22" s="114">
        <v>30871282</v>
      </c>
      <c r="AG22" s="114">
        <v>34532383</v>
      </c>
      <c r="AH22" s="113">
        <v>126341035</v>
      </c>
      <c r="AI22" s="116">
        <v>126341035</v>
      </c>
      <c r="AJ22" s="110">
        <v>0</v>
      </c>
      <c r="AK22" s="114">
        <v>45062</v>
      </c>
      <c r="AL22" s="113">
        <v>45062</v>
      </c>
      <c r="AM22" s="110">
        <v>0</v>
      </c>
      <c r="AN22" s="114">
        <v>15443</v>
      </c>
      <c r="AO22" s="114">
        <v>358233</v>
      </c>
      <c r="AP22" s="114">
        <v>1069800</v>
      </c>
      <c r="AQ22" s="114">
        <v>2497052</v>
      </c>
      <c r="AR22" s="114">
        <v>5373390</v>
      </c>
      <c r="AS22" s="113">
        <v>9313918</v>
      </c>
      <c r="AT22" s="116">
        <v>9358980</v>
      </c>
      <c r="AU22" s="110">
        <v>710472</v>
      </c>
      <c r="AV22" s="114">
        <v>2833547</v>
      </c>
      <c r="AW22" s="113">
        <v>3544019</v>
      </c>
      <c r="AX22" s="110">
        <v>0</v>
      </c>
      <c r="AY22" s="114">
        <v>6282127</v>
      </c>
      <c r="AZ22" s="114">
        <v>13815346</v>
      </c>
      <c r="BA22" s="114">
        <v>10739432</v>
      </c>
      <c r="BB22" s="114">
        <v>9554295</v>
      </c>
      <c r="BC22" s="114">
        <v>10018595</v>
      </c>
      <c r="BD22" s="113">
        <v>50409795</v>
      </c>
      <c r="BE22" s="116">
        <v>53953814</v>
      </c>
      <c r="BF22" s="110">
        <v>169100</v>
      </c>
      <c r="BG22" s="114">
        <v>427967</v>
      </c>
      <c r="BH22" s="112">
        <v>597067</v>
      </c>
      <c r="BI22" s="111">
        <v>0</v>
      </c>
      <c r="BJ22" s="114">
        <v>479402</v>
      </c>
      <c r="BK22" s="114">
        <v>1647241</v>
      </c>
      <c r="BL22" s="114">
        <v>1186448</v>
      </c>
      <c r="BM22" s="114">
        <v>988662</v>
      </c>
      <c r="BN22" s="114">
        <v>992291</v>
      </c>
      <c r="BO22" s="113">
        <v>5294044</v>
      </c>
      <c r="BP22" s="116">
        <v>5891111</v>
      </c>
      <c r="BQ22" s="110">
        <v>459383</v>
      </c>
      <c r="BR22" s="114">
        <v>538888</v>
      </c>
      <c r="BS22" s="113">
        <v>998271</v>
      </c>
      <c r="BT22" s="110">
        <v>0</v>
      </c>
      <c r="BU22" s="114">
        <v>3509026</v>
      </c>
      <c r="BV22" s="114">
        <v>6145182</v>
      </c>
      <c r="BW22" s="114">
        <v>5686073</v>
      </c>
      <c r="BX22" s="114">
        <v>5734950</v>
      </c>
      <c r="BY22" s="114">
        <v>4711139</v>
      </c>
      <c r="BZ22" s="113">
        <v>25786370</v>
      </c>
      <c r="CA22" s="116">
        <v>26784641</v>
      </c>
      <c r="CB22" s="110">
        <v>830540</v>
      </c>
      <c r="CC22" s="114">
        <v>3355302</v>
      </c>
      <c r="CD22" s="113">
        <v>4185842</v>
      </c>
      <c r="CE22" s="110">
        <v>0</v>
      </c>
      <c r="CF22" s="114">
        <v>27149479</v>
      </c>
      <c r="CG22" s="114">
        <v>57724816</v>
      </c>
      <c r="CH22" s="114">
        <v>40323412</v>
      </c>
      <c r="CI22" s="114">
        <v>26553286</v>
      </c>
      <c r="CJ22" s="114">
        <v>14849643</v>
      </c>
      <c r="CK22" s="113">
        <v>166600636</v>
      </c>
      <c r="CL22" s="116">
        <v>170786478</v>
      </c>
      <c r="CM22" s="110">
        <v>0</v>
      </c>
      <c r="CN22" s="114">
        <v>0</v>
      </c>
      <c r="CO22" s="113">
        <v>0</v>
      </c>
      <c r="CP22" s="111">
        <v>0</v>
      </c>
      <c r="CQ22" s="114">
        <v>22984049</v>
      </c>
      <c r="CR22" s="114">
        <v>44871541</v>
      </c>
      <c r="CS22" s="114">
        <v>31995832</v>
      </c>
      <c r="CT22" s="114">
        <v>22240368</v>
      </c>
      <c r="CU22" s="114">
        <v>12593440</v>
      </c>
      <c r="CV22" s="113">
        <v>134685230</v>
      </c>
      <c r="CW22" s="116">
        <v>134685230</v>
      </c>
      <c r="CX22" s="110">
        <v>830540</v>
      </c>
      <c r="CY22" s="114">
        <v>3355302</v>
      </c>
      <c r="CZ22" s="113">
        <v>4185842</v>
      </c>
      <c r="DA22" s="110">
        <v>0</v>
      </c>
      <c r="DB22" s="114">
        <v>4165430</v>
      </c>
      <c r="DC22" s="114">
        <v>12853275</v>
      </c>
      <c r="DD22" s="114">
        <v>8327580</v>
      </c>
      <c r="DE22" s="114">
        <v>4312918</v>
      </c>
      <c r="DF22" s="114">
        <v>2256203</v>
      </c>
      <c r="DG22" s="113">
        <v>31915406</v>
      </c>
      <c r="DH22" s="116">
        <v>36101248</v>
      </c>
      <c r="DI22" s="110">
        <v>0</v>
      </c>
      <c r="DJ22" s="114">
        <v>69209</v>
      </c>
      <c r="DK22" s="112">
        <v>69209</v>
      </c>
      <c r="DL22" s="111">
        <v>0</v>
      </c>
      <c r="DM22" s="114">
        <v>3477981</v>
      </c>
      <c r="DN22" s="114">
        <v>6857627</v>
      </c>
      <c r="DO22" s="114">
        <v>13152506</v>
      </c>
      <c r="DP22" s="114">
        <v>11666819</v>
      </c>
      <c r="DQ22" s="114">
        <v>6992976</v>
      </c>
      <c r="DR22" s="113">
        <v>42147909</v>
      </c>
      <c r="DS22" s="116">
        <v>42217118</v>
      </c>
      <c r="DT22" s="110">
        <v>0</v>
      </c>
      <c r="DU22" s="114">
        <v>69209</v>
      </c>
      <c r="DV22" s="113">
        <v>69209</v>
      </c>
      <c r="DW22" s="110">
        <v>0</v>
      </c>
      <c r="DX22" s="114">
        <v>3211916</v>
      </c>
      <c r="DY22" s="114">
        <v>5682632</v>
      </c>
      <c r="DZ22" s="114">
        <v>12136749</v>
      </c>
      <c r="EA22" s="114">
        <v>10875388</v>
      </c>
      <c r="EB22" s="114">
        <v>5218660</v>
      </c>
      <c r="EC22" s="113">
        <v>37125345</v>
      </c>
      <c r="ED22" s="116">
        <v>37194554</v>
      </c>
      <c r="EE22" s="110">
        <v>0</v>
      </c>
      <c r="EF22" s="112">
        <v>0</v>
      </c>
      <c r="EG22" s="113">
        <v>0</v>
      </c>
      <c r="EH22" s="110">
        <v>0</v>
      </c>
      <c r="EI22" s="114">
        <v>266065</v>
      </c>
      <c r="EJ22" s="114">
        <v>1174995</v>
      </c>
      <c r="EK22" s="114">
        <v>1015757</v>
      </c>
      <c r="EL22" s="114">
        <v>791431</v>
      </c>
      <c r="EM22" s="114">
        <v>1774316</v>
      </c>
      <c r="EN22" s="112">
        <v>5022564</v>
      </c>
      <c r="EO22" s="116">
        <v>5022564</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5"/>
      <c r="FE22" s="114">
        <v>0</v>
      </c>
      <c r="FF22" s="114">
        <v>0</v>
      </c>
      <c r="FG22" s="114">
        <v>0</v>
      </c>
      <c r="FH22" s="114">
        <v>0</v>
      </c>
      <c r="FI22" s="114">
        <v>0</v>
      </c>
      <c r="FJ22" s="113">
        <v>0</v>
      </c>
      <c r="FK22" s="116">
        <v>0</v>
      </c>
      <c r="FL22" s="110">
        <v>1383731</v>
      </c>
      <c r="FM22" s="114">
        <v>4400250</v>
      </c>
      <c r="FN22" s="113">
        <v>5783981</v>
      </c>
      <c r="FO22" s="110">
        <v>0</v>
      </c>
      <c r="FP22" s="114">
        <v>3944929</v>
      </c>
      <c r="FQ22" s="114">
        <v>16237260</v>
      </c>
      <c r="FR22" s="114">
        <v>12114337</v>
      </c>
      <c r="FS22" s="114">
        <v>10363862</v>
      </c>
      <c r="FT22" s="114">
        <v>8512166</v>
      </c>
      <c r="FU22" s="113">
        <v>51172554</v>
      </c>
      <c r="FV22" s="116">
        <v>56956535</v>
      </c>
      <c r="FW22" s="115">
        <v>946124</v>
      </c>
      <c r="FX22" s="114">
        <v>3153594</v>
      </c>
      <c r="FY22" s="112">
        <v>4099718</v>
      </c>
      <c r="FZ22" s="111">
        <v>0</v>
      </c>
      <c r="GA22" s="114">
        <v>3167844</v>
      </c>
      <c r="GB22" s="114">
        <v>14801859</v>
      </c>
      <c r="GC22" s="114">
        <v>10860514</v>
      </c>
      <c r="GD22" s="114">
        <v>9608483</v>
      </c>
      <c r="GE22" s="114">
        <v>8277198</v>
      </c>
      <c r="GF22" s="113">
        <v>46715898</v>
      </c>
      <c r="GG22" s="316">
        <v>50815616</v>
      </c>
      <c r="GH22" s="115">
        <v>143012</v>
      </c>
      <c r="GI22" s="114">
        <v>298198</v>
      </c>
      <c r="GJ22" s="112">
        <v>441210</v>
      </c>
      <c r="GK22" s="111">
        <v>0</v>
      </c>
      <c r="GL22" s="114">
        <v>241101</v>
      </c>
      <c r="GM22" s="114">
        <v>432787</v>
      </c>
      <c r="GN22" s="114">
        <v>290096</v>
      </c>
      <c r="GO22" s="114">
        <v>357696</v>
      </c>
      <c r="GP22" s="114">
        <v>170168</v>
      </c>
      <c r="GQ22" s="113">
        <v>1491848</v>
      </c>
      <c r="GR22" s="116">
        <v>1933058</v>
      </c>
      <c r="GS22" s="110">
        <v>294595</v>
      </c>
      <c r="GT22" s="114">
        <v>948458</v>
      </c>
      <c r="GU22" s="113">
        <v>1243053</v>
      </c>
      <c r="GV22" s="110">
        <v>0</v>
      </c>
      <c r="GW22" s="114">
        <v>535984</v>
      </c>
      <c r="GX22" s="114">
        <v>1002614</v>
      </c>
      <c r="GY22" s="114">
        <v>963727</v>
      </c>
      <c r="GZ22" s="114">
        <v>397683</v>
      </c>
      <c r="HA22" s="114">
        <v>64800</v>
      </c>
      <c r="HB22" s="112">
        <v>2964808</v>
      </c>
      <c r="HC22" s="116">
        <v>4207861</v>
      </c>
      <c r="HD22" s="110">
        <v>1754087</v>
      </c>
      <c r="HE22" s="114">
        <v>2957346</v>
      </c>
      <c r="HF22" s="112">
        <v>4711433</v>
      </c>
      <c r="HG22" s="111">
        <v>0</v>
      </c>
      <c r="HH22" s="114">
        <v>15034987</v>
      </c>
      <c r="HI22" s="114">
        <v>21819552</v>
      </c>
      <c r="HJ22" s="114">
        <v>18445638</v>
      </c>
      <c r="HK22" s="114">
        <v>23762054</v>
      </c>
      <c r="HL22" s="114">
        <v>16012772</v>
      </c>
      <c r="HM22" s="113">
        <v>95075003</v>
      </c>
      <c r="HN22" s="109">
        <v>99786436</v>
      </c>
      <c r="HO22" s="115">
        <v>1239358</v>
      </c>
      <c r="HP22" s="114">
        <v>2786200</v>
      </c>
      <c r="HQ22" s="113">
        <v>4025558</v>
      </c>
      <c r="HR22" s="110">
        <v>0</v>
      </c>
      <c r="HS22" s="114">
        <v>13753165</v>
      </c>
      <c r="HT22" s="114">
        <v>21613129</v>
      </c>
      <c r="HU22" s="114">
        <v>14965668</v>
      </c>
      <c r="HV22" s="114">
        <v>10341413</v>
      </c>
      <c r="HW22" s="114">
        <v>6965263</v>
      </c>
      <c r="HX22" s="112">
        <v>67638638</v>
      </c>
      <c r="HY22" s="116">
        <v>71664196</v>
      </c>
      <c r="HZ22" s="150">
        <v>33530</v>
      </c>
      <c r="IA22" s="135">
        <v>205942</v>
      </c>
      <c r="IB22" s="150">
        <v>239472</v>
      </c>
      <c r="IC22" s="134">
        <v>0</v>
      </c>
      <c r="ID22" s="135">
        <v>27494716</v>
      </c>
      <c r="IE22" s="136">
        <v>43865802</v>
      </c>
      <c r="IF22" s="137">
        <v>51781420</v>
      </c>
      <c r="IG22" s="135">
        <v>49255730</v>
      </c>
      <c r="IH22" s="137">
        <v>34850524</v>
      </c>
      <c r="II22" s="138">
        <v>207248192</v>
      </c>
      <c r="IJ22" s="150">
        <v>207487664</v>
      </c>
      <c r="IK22" s="232">
        <v>0</v>
      </c>
      <c r="IL22" s="236">
        <v>0</v>
      </c>
      <c r="IM22" s="237">
        <v>0</v>
      </c>
      <c r="IN22" s="140"/>
      <c r="IO22" s="119">
        <v>162273</v>
      </c>
      <c r="IP22" s="119">
        <v>466140</v>
      </c>
      <c r="IQ22" s="119">
        <v>566819</v>
      </c>
      <c r="IR22" s="119">
        <v>972927</v>
      </c>
      <c r="IS22" s="119">
        <v>388434</v>
      </c>
      <c r="IT22" s="141">
        <v>2556593</v>
      </c>
      <c r="IU22" s="318">
        <v>2556593</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2361248</v>
      </c>
      <c r="JL22" s="119">
        <v>18924475</v>
      </c>
      <c r="JM22" s="119">
        <v>15717845</v>
      </c>
      <c r="JN22" s="119">
        <v>13257345</v>
      </c>
      <c r="JO22" s="119">
        <v>8097910</v>
      </c>
      <c r="JP22" s="120">
        <v>68358823</v>
      </c>
      <c r="JQ22" s="318">
        <v>68358823</v>
      </c>
      <c r="JR22" s="142">
        <v>33530</v>
      </c>
      <c r="JS22" s="119">
        <v>112507</v>
      </c>
      <c r="JT22" s="141">
        <v>146037</v>
      </c>
      <c r="JU22" s="118">
        <v>0</v>
      </c>
      <c r="JV22" s="119">
        <v>1987542</v>
      </c>
      <c r="JW22" s="119">
        <v>2230099</v>
      </c>
      <c r="JX22" s="119">
        <v>2213111</v>
      </c>
      <c r="JY22" s="119">
        <v>2059391</v>
      </c>
      <c r="JZ22" s="119">
        <v>683434</v>
      </c>
      <c r="KA22" s="120">
        <v>9173577</v>
      </c>
      <c r="KB22" s="318">
        <v>9319614</v>
      </c>
      <c r="KC22" s="234">
        <v>0</v>
      </c>
      <c r="KD22" s="230">
        <v>93435</v>
      </c>
      <c r="KE22" s="120">
        <v>93435</v>
      </c>
      <c r="KF22" s="118">
        <v>0</v>
      </c>
      <c r="KG22" s="119">
        <v>2633752</v>
      </c>
      <c r="KH22" s="119">
        <v>5380052</v>
      </c>
      <c r="KI22" s="119">
        <v>8690324</v>
      </c>
      <c r="KJ22" s="119">
        <v>6967090</v>
      </c>
      <c r="KK22" s="119">
        <v>3535269</v>
      </c>
      <c r="KL22" s="120">
        <v>27206487</v>
      </c>
      <c r="KM22" s="143">
        <v>27299922</v>
      </c>
      <c r="KN22" s="232">
        <v>0</v>
      </c>
      <c r="KO22" s="236">
        <v>0</v>
      </c>
      <c r="KP22" s="237">
        <v>0</v>
      </c>
      <c r="KQ22" s="140"/>
      <c r="KR22" s="119">
        <v>10162560</v>
      </c>
      <c r="KS22" s="119">
        <v>15657305</v>
      </c>
      <c r="KT22" s="119">
        <v>16451061</v>
      </c>
      <c r="KU22" s="119">
        <v>13573344</v>
      </c>
      <c r="KV22" s="119">
        <v>6410910</v>
      </c>
      <c r="KW22" s="120">
        <v>62255180</v>
      </c>
      <c r="KX22" s="318">
        <v>62255180</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514404</v>
      </c>
      <c r="LP22" s="119">
        <v>7472980</v>
      </c>
      <c r="LQ22" s="119">
        <v>11402631</v>
      </c>
      <c r="LR22" s="119">
        <v>12170946</v>
      </c>
      <c r="LS22" s="120">
        <v>31560961</v>
      </c>
      <c r="LT22" s="318">
        <v>31560961</v>
      </c>
      <c r="LU22" s="142">
        <v>0</v>
      </c>
      <c r="LV22" s="119">
        <v>0</v>
      </c>
      <c r="LW22" s="120">
        <v>0</v>
      </c>
      <c r="LX22" s="145"/>
      <c r="LY22" s="119">
        <v>187341</v>
      </c>
      <c r="LZ22" s="119">
        <v>693327</v>
      </c>
      <c r="MA22" s="119">
        <v>669280</v>
      </c>
      <c r="MB22" s="119">
        <v>1023002</v>
      </c>
      <c r="MC22" s="119">
        <v>3563621</v>
      </c>
      <c r="MD22" s="120">
        <v>6136571</v>
      </c>
      <c r="ME22" s="121">
        <v>6136571</v>
      </c>
      <c r="MF22" s="142">
        <v>0</v>
      </c>
      <c r="MG22" s="119">
        <v>0</v>
      </c>
      <c r="MH22" s="120">
        <v>0</v>
      </c>
      <c r="MI22" s="145"/>
      <c r="MJ22" s="119">
        <v>12088591</v>
      </c>
      <c r="MK22" s="119">
        <v>36629809</v>
      </c>
      <c r="ML22" s="119">
        <v>94819818</v>
      </c>
      <c r="MM22" s="119">
        <v>120894928</v>
      </c>
      <c r="MN22" s="119">
        <v>100839028</v>
      </c>
      <c r="MO22" s="120">
        <v>365272174</v>
      </c>
      <c r="MP22" s="143">
        <v>365272174</v>
      </c>
      <c r="MQ22" s="142">
        <v>0</v>
      </c>
      <c r="MR22" s="119">
        <v>0</v>
      </c>
      <c r="MS22" s="120">
        <v>0</v>
      </c>
      <c r="MT22" s="145"/>
      <c r="MU22" s="119">
        <v>457062</v>
      </c>
      <c r="MV22" s="119">
        <v>3718470</v>
      </c>
      <c r="MW22" s="119">
        <v>49452980</v>
      </c>
      <c r="MX22" s="119">
        <v>76698926</v>
      </c>
      <c r="MY22" s="119">
        <v>66954711</v>
      </c>
      <c r="MZ22" s="120">
        <v>197282149</v>
      </c>
      <c r="NA22" s="143">
        <v>197282149</v>
      </c>
      <c r="NB22" s="142">
        <v>0</v>
      </c>
      <c r="NC22" s="119">
        <v>0</v>
      </c>
      <c r="ND22" s="120">
        <v>0</v>
      </c>
      <c r="NE22" s="145"/>
      <c r="NF22" s="119">
        <v>11631529</v>
      </c>
      <c r="NG22" s="119">
        <v>32911339</v>
      </c>
      <c r="NH22" s="119">
        <v>44998225</v>
      </c>
      <c r="NI22" s="119">
        <v>43042270</v>
      </c>
      <c r="NJ22" s="119">
        <v>28789777</v>
      </c>
      <c r="NK22" s="120">
        <v>161373140</v>
      </c>
      <c r="NL22" s="318">
        <v>161373140</v>
      </c>
      <c r="NM22" s="142">
        <v>0</v>
      </c>
      <c r="NN22" s="119">
        <v>0</v>
      </c>
      <c r="NO22" s="120">
        <v>0</v>
      </c>
      <c r="NP22" s="145"/>
      <c r="NQ22" s="119">
        <v>0</v>
      </c>
      <c r="NR22" s="119">
        <v>0</v>
      </c>
      <c r="NS22" s="119">
        <v>0</v>
      </c>
      <c r="NT22" s="119">
        <v>0</v>
      </c>
      <c r="NU22" s="119">
        <v>1400204</v>
      </c>
      <c r="NV22" s="120">
        <v>1400204</v>
      </c>
      <c r="NW22" s="121">
        <v>1400204</v>
      </c>
      <c r="NX22" s="142">
        <v>0</v>
      </c>
      <c r="NY22" s="119">
        <v>0</v>
      </c>
      <c r="NZ22" s="120">
        <v>0</v>
      </c>
      <c r="OA22" s="145"/>
      <c r="OB22" s="119">
        <v>0</v>
      </c>
      <c r="OC22" s="119">
        <v>0</v>
      </c>
      <c r="OD22" s="119">
        <v>368613</v>
      </c>
      <c r="OE22" s="119">
        <v>1153732</v>
      </c>
      <c r="OF22" s="119">
        <v>3694336</v>
      </c>
      <c r="OG22" s="120">
        <v>5216681</v>
      </c>
      <c r="OH22" s="121">
        <v>5216681</v>
      </c>
      <c r="OI22" s="142">
        <v>6580201</v>
      </c>
      <c r="OJ22" s="119">
        <v>17619713</v>
      </c>
      <c r="OK22" s="141">
        <v>24199914</v>
      </c>
      <c r="OL22" s="118">
        <v>0</v>
      </c>
      <c r="OM22" s="119">
        <v>123131689</v>
      </c>
      <c r="ON22" s="119">
        <v>249691028</v>
      </c>
      <c r="OO22" s="119">
        <v>292343048</v>
      </c>
      <c r="OP22" s="119">
        <v>302484333</v>
      </c>
      <c r="OQ22" s="119">
        <v>244650170</v>
      </c>
      <c r="OR22" s="120">
        <v>1212300268</v>
      </c>
      <c r="OS22" s="143">
        <v>1236500182</v>
      </c>
    </row>
    <row r="23" spans="2:409" ht="21" customHeight="1" x14ac:dyDescent="0.2">
      <c r="B23" s="62" t="s">
        <v>18</v>
      </c>
      <c r="C23" s="110">
        <v>8488755</v>
      </c>
      <c r="D23" s="114">
        <v>16362945</v>
      </c>
      <c r="E23" s="113">
        <v>24851700</v>
      </c>
      <c r="F23" s="109">
        <v>0</v>
      </c>
      <c r="G23" s="114">
        <v>146583344</v>
      </c>
      <c r="H23" s="114">
        <v>180645484</v>
      </c>
      <c r="I23" s="114">
        <v>164514993</v>
      </c>
      <c r="J23" s="114">
        <v>142142187</v>
      </c>
      <c r="K23" s="114">
        <v>114460957</v>
      </c>
      <c r="L23" s="109">
        <v>748346965</v>
      </c>
      <c r="M23" s="116">
        <v>773198665</v>
      </c>
      <c r="N23" s="110">
        <v>2385658</v>
      </c>
      <c r="O23" s="114">
        <v>5152070</v>
      </c>
      <c r="P23" s="113">
        <v>7537728</v>
      </c>
      <c r="Q23" s="110">
        <v>0</v>
      </c>
      <c r="R23" s="114">
        <v>41752164</v>
      </c>
      <c r="S23" s="114">
        <v>54481542</v>
      </c>
      <c r="T23" s="114">
        <v>51167083</v>
      </c>
      <c r="U23" s="114">
        <v>53110254</v>
      </c>
      <c r="V23" s="114">
        <v>56001416</v>
      </c>
      <c r="W23" s="113">
        <v>256512459</v>
      </c>
      <c r="X23" s="116">
        <v>264050187</v>
      </c>
      <c r="Y23" s="110">
        <v>0</v>
      </c>
      <c r="Z23" s="114">
        <v>0</v>
      </c>
      <c r="AA23" s="113">
        <v>0</v>
      </c>
      <c r="AB23" s="110">
        <v>0</v>
      </c>
      <c r="AC23" s="114">
        <v>18476499</v>
      </c>
      <c r="AD23" s="114">
        <v>26331663</v>
      </c>
      <c r="AE23" s="114">
        <v>27962781</v>
      </c>
      <c r="AF23" s="114">
        <v>31690441</v>
      </c>
      <c r="AG23" s="114">
        <v>32521712</v>
      </c>
      <c r="AH23" s="113">
        <v>136983096</v>
      </c>
      <c r="AI23" s="116">
        <v>136983096</v>
      </c>
      <c r="AJ23" s="110">
        <v>0</v>
      </c>
      <c r="AK23" s="114">
        <v>0</v>
      </c>
      <c r="AL23" s="113">
        <v>0</v>
      </c>
      <c r="AM23" s="110">
        <v>0</v>
      </c>
      <c r="AN23" s="114">
        <v>90373</v>
      </c>
      <c r="AO23" s="114">
        <v>630518</v>
      </c>
      <c r="AP23" s="114">
        <v>1122024</v>
      </c>
      <c r="AQ23" s="114">
        <v>3077575</v>
      </c>
      <c r="AR23" s="114">
        <v>6168935</v>
      </c>
      <c r="AS23" s="113">
        <v>11089425</v>
      </c>
      <c r="AT23" s="116">
        <v>11089425</v>
      </c>
      <c r="AU23" s="110">
        <v>1491426</v>
      </c>
      <c r="AV23" s="114">
        <v>3912740</v>
      </c>
      <c r="AW23" s="113">
        <v>5404166</v>
      </c>
      <c r="AX23" s="110">
        <v>0</v>
      </c>
      <c r="AY23" s="114">
        <v>15194381</v>
      </c>
      <c r="AZ23" s="114">
        <v>17342396</v>
      </c>
      <c r="BA23" s="114">
        <v>13182395</v>
      </c>
      <c r="BB23" s="114">
        <v>10636260</v>
      </c>
      <c r="BC23" s="114">
        <v>10674171</v>
      </c>
      <c r="BD23" s="113">
        <v>67029603</v>
      </c>
      <c r="BE23" s="116">
        <v>72433769</v>
      </c>
      <c r="BF23" s="110">
        <v>198807</v>
      </c>
      <c r="BG23" s="114">
        <v>427493</v>
      </c>
      <c r="BH23" s="112">
        <v>626300</v>
      </c>
      <c r="BI23" s="111">
        <v>0</v>
      </c>
      <c r="BJ23" s="114">
        <v>1766706</v>
      </c>
      <c r="BK23" s="114">
        <v>2722444</v>
      </c>
      <c r="BL23" s="114">
        <v>1616663</v>
      </c>
      <c r="BM23" s="114">
        <v>962264</v>
      </c>
      <c r="BN23" s="114">
        <v>700694</v>
      </c>
      <c r="BO23" s="113">
        <v>7768771</v>
      </c>
      <c r="BP23" s="116">
        <v>8395071</v>
      </c>
      <c r="BQ23" s="110">
        <v>695425</v>
      </c>
      <c r="BR23" s="114">
        <v>811837</v>
      </c>
      <c r="BS23" s="113">
        <v>1507262</v>
      </c>
      <c r="BT23" s="110">
        <v>0</v>
      </c>
      <c r="BU23" s="114">
        <v>6224205</v>
      </c>
      <c r="BV23" s="114">
        <v>7454521</v>
      </c>
      <c r="BW23" s="114">
        <v>7283220</v>
      </c>
      <c r="BX23" s="114">
        <v>6743714</v>
      </c>
      <c r="BY23" s="114">
        <v>5935904</v>
      </c>
      <c r="BZ23" s="113">
        <v>33641564</v>
      </c>
      <c r="CA23" s="116">
        <v>35148826</v>
      </c>
      <c r="CB23" s="110">
        <v>1260348</v>
      </c>
      <c r="CC23" s="114">
        <v>3362441</v>
      </c>
      <c r="CD23" s="113">
        <v>4622789</v>
      </c>
      <c r="CE23" s="110">
        <v>0</v>
      </c>
      <c r="CF23" s="114">
        <v>50505188</v>
      </c>
      <c r="CG23" s="114">
        <v>60716042</v>
      </c>
      <c r="CH23" s="114">
        <v>47408469</v>
      </c>
      <c r="CI23" s="114">
        <v>30943475</v>
      </c>
      <c r="CJ23" s="114">
        <v>14228122</v>
      </c>
      <c r="CK23" s="113">
        <v>203801296</v>
      </c>
      <c r="CL23" s="116">
        <v>208424085</v>
      </c>
      <c r="CM23" s="110">
        <v>0</v>
      </c>
      <c r="CN23" s="114">
        <v>0</v>
      </c>
      <c r="CO23" s="113">
        <v>0</v>
      </c>
      <c r="CP23" s="111">
        <v>0</v>
      </c>
      <c r="CQ23" s="114">
        <v>41501548</v>
      </c>
      <c r="CR23" s="114">
        <v>48439655</v>
      </c>
      <c r="CS23" s="114">
        <v>38248261</v>
      </c>
      <c r="CT23" s="114">
        <v>24797965</v>
      </c>
      <c r="CU23" s="114">
        <v>11999014</v>
      </c>
      <c r="CV23" s="113">
        <v>164986443</v>
      </c>
      <c r="CW23" s="116">
        <v>164986443</v>
      </c>
      <c r="CX23" s="110">
        <v>1260348</v>
      </c>
      <c r="CY23" s="114">
        <v>3362441</v>
      </c>
      <c r="CZ23" s="113">
        <v>4622789</v>
      </c>
      <c r="DA23" s="110">
        <v>0</v>
      </c>
      <c r="DB23" s="114">
        <v>9003640</v>
      </c>
      <c r="DC23" s="114">
        <v>12276387</v>
      </c>
      <c r="DD23" s="114">
        <v>9160208</v>
      </c>
      <c r="DE23" s="114">
        <v>6145510</v>
      </c>
      <c r="DF23" s="114">
        <v>2229108</v>
      </c>
      <c r="DG23" s="113">
        <v>38814853</v>
      </c>
      <c r="DH23" s="116">
        <v>43437642</v>
      </c>
      <c r="DI23" s="110">
        <v>0</v>
      </c>
      <c r="DJ23" s="114">
        <v>87152</v>
      </c>
      <c r="DK23" s="112">
        <v>87152</v>
      </c>
      <c r="DL23" s="111">
        <v>0</v>
      </c>
      <c r="DM23" s="114">
        <v>3258171</v>
      </c>
      <c r="DN23" s="114">
        <v>7435140</v>
      </c>
      <c r="DO23" s="114">
        <v>18353542</v>
      </c>
      <c r="DP23" s="114">
        <v>14196658</v>
      </c>
      <c r="DQ23" s="114">
        <v>10153434</v>
      </c>
      <c r="DR23" s="113">
        <v>53396945</v>
      </c>
      <c r="DS23" s="116">
        <v>53484097</v>
      </c>
      <c r="DT23" s="110">
        <v>0</v>
      </c>
      <c r="DU23" s="114">
        <v>87152</v>
      </c>
      <c r="DV23" s="113">
        <v>87152</v>
      </c>
      <c r="DW23" s="110">
        <v>0</v>
      </c>
      <c r="DX23" s="114">
        <v>3233342</v>
      </c>
      <c r="DY23" s="114">
        <v>7212100</v>
      </c>
      <c r="DZ23" s="114">
        <v>18353542</v>
      </c>
      <c r="EA23" s="114">
        <v>14020523</v>
      </c>
      <c r="EB23" s="114">
        <v>10033069</v>
      </c>
      <c r="EC23" s="113">
        <v>52852576</v>
      </c>
      <c r="ED23" s="116">
        <v>52939728</v>
      </c>
      <c r="EE23" s="110">
        <v>0</v>
      </c>
      <c r="EF23" s="112">
        <v>0</v>
      </c>
      <c r="EG23" s="113">
        <v>0</v>
      </c>
      <c r="EH23" s="110">
        <v>0</v>
      </c>
      <c r="EI23" s="114">
        <v>24829</v>
      </c>
      <c r="EJ23" s="114">
        <v>223040</v>
      </c>
      <c r="EK23" s="114">
        <v>0</v>
      </c>
      <c r="EL23" s="114">
        <v>176135</v>
      </c>
      <c r="EM23" s="114">
        <v>120365</v>
      </c>
      <c r="EN23" s="112">
        <v>544369</v>
      </c>
      <c r="EO23" s="116">
        <v>544369</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5"/>
      <c r="FE23" s="114">
        <v>0</v>
      </c>
      <c r="FF23" s="114">
        <v>0</v>
      </c>
      <c r="FG23" s="114">
        <v>0</v>
      </c>
      <c r="FH23" s="114">
        <v>0</v>
      </c>
      <c r="FI23" s="114">
        <v>0</v>
      </c>
      <c r="FJ23" s="113">
        <v>0</v>
      </c>
      <c r="FK23" s="116">
        <v>0</v>
      </c>
      <c r="FL23" s="110">
        <v>1836486</v>
      </c>
      <c r="FM23" s="114">
        <v>3455465</v>
      </c>
      <c r="FN23" s="113">
        <v>5291951</v>
      </c>
      <c r="FO23" s="110">
        <v>0</v>
      </c>
      <c r="FP23" s="114">
        <v>7704096</v>
      </c>
      <c r="FQ23" s="114">
        <v>14983648</v>
      </c>
      <c r="FR23" s="114">
        <v>11311848</v>
      </c>
      <c r="FS23" s="114">
        <v>10489042</v>
      </c>
      <c r="FT23" s="114">
        <v>8308517</v>
      </c>
      <c r="FU23" s="113">
        <v>52797151</v>
      </c>
      <c r="FV23" s="116">
        <v>58089102</v>
      </c>
      <c r="FW23" s="115">
        <v>1124554</v>
      </c>
      <c r="FX23" s="114">
        <v>2647527</v>
      </c>
      <c r="FY23" s="112">
        <v>3772081</v>
      </c>
      <c r="FZ23" s="111">
        <v>0</v>
      </c>
      <c r="GA23" s="114">
        <v>5886011</v>
      </c>
      <c r="GB23" s="114">
        <v>13657531</v>
      </c>
      <c r="GC23" s="114">
        <v>10190471</v>
      </c>
      <c r="GD23" s="114">
        <v>10001987</v>
      </c>
      <c r="GE23" s="114">
        <v>8194065</v>
      </c>
      <c r="GF23" s="113">
        <v>47930065</v>
      </c>
      <c r="GG23" s="316">
        <v>51702146</v>
      </c>
      <c r="GH23" s="115">
        <v>166940</v>
      </c>
      <c r="GI23" s="114">
        <v>204390</v>
      </c>
      <c r="GJ23" s="112">
        <v>371330</v>
      </c>
      <c r="GK23" s="111">
        <v>0</v>
      </c>
      <c r="GL23" s="114">
        <v>479520</v>
      </c>
      <c r="GM23" s="114">
        <v>384651</v>
      </c>
      <c r="GN23" s="114">
        <v>402107</v>
      </c>
      <c r="GO23" s="114">
        <v>121255</v>
      </c>
      <c r="GP23" s="114">
        <v>114452</v>
      </c>
      <c r="GQ23" s="113">
        <v>1501985</v>
      </c>
      <c r="GR23" s="116">
        <v>1873315</v>
      </c>
      <c r="GS23" s="110">
        <v>544992</v>
      </c>
      <c r="GT23" s="114">
        <v>603548</v>
      </c>
      <c r="GU23" s="113">
        <v>1148540</v>
      </c>
      <c r="GV23" s="110">
        <v>0</v>
      </c>
      <c r="GW23" s="114">
        <v>1338565</v>
      </c>
      <c r="GX23" s="114">
        <v>941466</v>
      </c>
      <c r="GY23" s="114">
        <v>719270</v>
      </c>
      <c r="GZ23" s="114">
        <v>365800</v>
      </c>
      <c r="HA23" s="114">
        <v>0</v>
      </c>
      <c r="HB23" s="112">
        <v>3365101</v>
      </c>
      <c r="HC23" s="116">
        <v>4513641</v>
      </c>
      <c r="HD23" s="110">
        <v>1548099</v>
      </c>
      <c r="HE23" s="114">
        <v>1420658</v>
      </c>
      <c r="HF23" s="112">
        <v>2968757</v>
      </c>
      <c r="HG23" s="111">
        <v>0</v>
      </c>
      <c r="HH23" s="114">
        <v>20171484</v>
      </c>
      <c r="HI23" s="114">
        <v>21480745</v>
      </c>
      <c r="HJ23" s="114">
        <v>21328630</v>
      </c>
      <c r="HK23" s="114">
        <v>23720188</v>
      </c>
      <c r="HL23" s="114">
        <v>19845209</v>
      </c>
      <c r="HM23" s="113">
        <v>106546256</v>
      </c>
      <c r="HN23" s="109">
        <v>109515013</v>
      </c>
      <c r="HO23" s="115">
        <v>1458164</v>
      </c>
      <c r="HP23" s="114">
        <v>2885159</v>
      </c>
      <c r="HQ23" s="113">
        <v>4343323</v>
      </c>
      <c r="HR23" s="110">
        <v>0</v>
      </c>
      <c r="HS23" s="114">
        <v>23192241</v>
      </c>
      <c r="HT23" s="114">
        <v>21548367</v>
      </c>
      <c r="HU23" s="114">
        <v>14945421</v>
      </c>
      <c r="HV23" s="114">
        <v>9682570</v>
      </c>
      <c r="HW23" s="114">
        <v>5924259</v>
      </c>
      <c r="HX23" s="112">
        <v>75292858</v>
      </c>
      <c r="HY23" s="116">
        <v>79636181</v>
      </c>
      <c r="HZ23" s="131">
        <v>446611</v>
      </c>
      <c r="IA23" s="132">
        <v>2233186</v>
      </c>
      <c r="IB23" s="133">
        <v>2679797</v>
      </c>
      <c r="IC23" s="146">
        <v>0</v>
      </c>
      <c r="ID23" s="132">
        <v>35371619</v>
      </c>
      <c r="IE23" s="147">
        <v>48176663</v>
      </c>
      <c r="IF23" s="133">
        <v>54740878</v>
      </c>
      <c r="IG23" s="132">
        <v>40296290</v>
      </c>
      <c r="IH23" s="133">
        <v>25715623</v>
      </c>
      <c r="II23" s="148">
        <v>204301073</v>
      </c>
      <c r="IJ23" s="139">
        <v>206980870</v>
      </c>
      <c r="IK23" s="232">
        <v>0</v>
      </c>
      <c r="IL23" s="236">
        <v>0</v>
      </c>
      <c r="IM23" s="237">
        <v>0</v>
      </c>
      <c r="IN23" s="140"/>
      <c r="IO23" s="119">
        <v>133186</v>
      </c>
      <c r="IP23" s="119">
        <v>551764</v>
      </c>
      <c r="IQ23" s="119">
        <v>180667</v>
      </c>
      <c r="IR23" s="119">
        <v>250660</v>
      </c>
      <c r="IS23" s="119">
        <v>237450</v>
      </c>
      <c r="IT23" s="141">
        <v>1353727</v>
      </c>
      <c r="IU23" s="318">
        <v>1353727</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3409276</v>
      </c>
      <c r="JL23" s="119">
        <v>12802297</v>
      </c>
      <c r="JM23" s="119">
        <v>9373281</v>
      </c>
      <c r="JN23" s="119">
        <v>4767591</v>
      </c>
      <c r="JO23" s="119">
        <v>1639704</v>
      </c>
      <c r="JP23" s="120">
        <v>41992149</v>
      </c>
      <c r="JQ23" s="318">
        <v>41992149</v>
      </c>
      <c r="JR23" s="142">
        <v>0</v>
      </c>
      <c r="JS23" s="119">
        <v>0</v>
      </c>
      <c r="JT23" s="141">
        <v>0</v>
      </c>
      <c r="JU23" s="118">
        <v>0</v>
      </c>
      <c r="JV23" s="119">
        <v>1167194</v>
      </c>
      <c r="JW23" s="119">
        <v>516599</v>
      </c>
      <c r="JX23" s="119">
        <v>2939032</v>
      </c>
      <c r="JY23" s="119">
        <v>1992975</v>
      </c>
      <c r="JZ23" s="119">
        <v>1598357</v>
      </c>
      <c r="KA23" s="120">
        <v>8214157</v>
      </c>
      <c r="KB23" s="318">
        <v>8214157</v>
      </c>
      <c r="KC23" s="234">
        <v>446611</v>
      </c>
      <c r="KD23" s="230">
        <v>1217892</v>
      </c>
      <c r="KE23" s="120">
        <v>1664503</v>
      </c>
      <c r="KF23" s="118">
        <v>0</v>
      </c>
      <c r="KG23" s="119">
        <v>5339144</v>
      </c>
      <c r="KH23" s="119">
        <v>10254814</v>
      </c>
      <c r="KI23" s="119">
        <v>10064745</v>
      </c>
      <c r="KJ23" s="119">
        <v>5578271</v>
      </c>
      <c r="KK23" s="119">
        <v>3783339</v>
      </c>
      <c r="KL23" s="120">
        <v>35020313</v>
      </c>
      <c r="KM23" s="143">
        <v>36684816</v>
      </c>
      <c r="KN23" s="232">
        <v>0</v>
      </c>
      <c r="KO23" s="236">
        <v>1015294</v>
      </c>
      <c r="KP23" s="237">
        <v>1015294</v>
      </c>
      <c r="KQ23" s="140"/>
      <c r="KR23" s="119">
        <v>14144559</v>
      </c>
      <c r="KS23" s="119">
        <v>20011250</v>
      </c>
      <c r="KT23" s="119">
        <v>25894969</v>
      </c>
      <c r="KU23" s="119">
        <v>16747290</v>
      </c>
      <c r="KV23" s="119">
        <v>8187999</v>
      </c>
      <c r="KW23" s="120">
        <v>84986067</v>
      </c>
      <c r="KX23" s="318">
        <v>86001361</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548272</v>
      </c>
      <c r="LP23" s="119">
        <v>1697005</v>
      </c>
      <c r="LQ23" s="119">
        <v>5390831</v>
      </c>
      <c r="LR23" s="119">
        <v>1031172</v>
      </c>
      <c r="LS23" s="120">
        <v>8667280</v>
      </c>
      <c r="LT23" s="318">
        <v>8667280</v>
      </c>
      <c r="LU23" s="142">
        <v>0</v>
      </c>
      <c r="LV23" s="119">
        <v>0</v>
      </c>
      <c r="LW23" s="120">
        <v>0</v>
      </c>
      <c r="LX23" s="145"/>
      <c r="LY23" s="119">
        <v>1178260</v>
      </c>
      <c r="LZ23" s="119">
        <v>3491667</v>
      </c>
      <c r="MA23" s="119">
        <v>4591179</v>
      </c>
      <c r="MB23" s="119">
        <v>5568672</v>
      </c>
      <c r="MC23" s="119">
        <v>9237602</v>
      </c>
      <c r="MD23" s="120">
        <v>24067380</v>
      </c>
      <c r="ME23" s="121">
        <v>24067380</v>
      </c>
      <c r="MF23" s="142">
        <v>0</v>
      </c>
      <c r="MG23" s="119">
        <v>0</v>
      </c>
      <c r="MH23" s="120">
        <v>0</v>
      </c>
      <c r="MI23" s="145"/>
      <c r="MJ23" s="119">
        <v>11198310</v>
      </c>
      <c r="MK23" s="119">
        <v>23197810</v>
      </c>
      <c r="ML23" s="119">
        <v>83739508</v>
      </c>
      <c r="MM23" s="119">
        <v>158034200</v>
      </c>
      <c r="MN23" s="119">
        <v>113017268</v>
      </c>
      <c r="MO23" s="120">
        <v>389187096</v>
      </c>
      <c r="MP23" s="143">
        <v>389187096</v>
      </c>
      <c r="MQ23" s="142">
        <v>0</v>
      </c>
      <c r="MR23" s="119">
        <v>0</v>
      </c>
      <c r="MS23" s="120">
        <v>0</v>
      </c>
      <c r="MT23" s="145"/>
      <c r="MU23" s="119">
        <v>959014</v>
      </c>
      <c r="MV23" s="119">
        <v>3597405</v>
      </c>
      <c r="MW23" s="119">
        <v>46765111</v>
      </c>
      <c r="MX23" s="119">
        <v>113610395</v>
      </c>
      <c r="MY23" s="119">
        <v>78516169</v>
      </c>
      <c r="MZ23" s="120">
        <v>243448094</v>
      </c>
      <c r="NA23" s="143">
        <v>243448094</v>
      </c>
      <c r="NB23" s="142">
        <v>0</v>
      </c>
      <c r="NC23" s="119">
        <v>0</v>
      </c>
      <c r="ND23" s="120">
        <v>0</v>
      </c>
      <c r="NE23" s="145"/>
      <c r="NF23" s="119">
        <v>10239296</v>
      </c>
      <c r="NG23" s="119">
        <v>19600405</v>
      </c>
      <c r="NH23" s="119">
        <v>36578602</v>
      </c>
      <c r="NI23" s="119">
        <v>40647716</v>
      </c>
      <c r="NJ23" s="119">
        <v>24820281</v>
      </c>
      <c r="NK23" s="120">
        <v>131886300</v>
      </c>
      <c r="NL23" s="318">
        <v>131886300</v>
      </c>
      <c r="NM23" s="142">
        <v>0</v>
      </c>
      <c r="NN23" s="119">
        <v>0</v>
      </c>
      <c r="NO23" s="120">
        <v>0</v>
      </c>
      <c r="NP23" s="145"/>
      <c r="NQ23" s="119">
        <v>0</v>
      </c>
      <c r="NR23" s="119">
        <v>0</v>
      </c>
      <c r="NS23" s="119">
        <v>0</v>
      </c>
      <c r="NT23" s="119">
        <v>385552</v>
      </c>
      <c r="NU23" s="119">
        <v>1368414</v>
      </c>
      <c r="NV23" s="120">
        <v>1753966</v>
      </c>
      <c r="NW23" s="121">
        <v>1753966</v>
      </c>
      <c r="NX23" s="142">
        <v>0</v>
      </c>
      <c r="NY23" s="119">
        <v>0</v>
      </c>
      <c r="NZ23" s="120">
        <v>0</v>
      </c>
      <c r="OA23" s="145"/>
      <c r="OB23" s="119">
        <v>0</v>
      </c>
      <c r="OC23" s="119">
        <v>0</v>
      </c>
      <c r="OD23" s="119">
        <v>395795</v>
      </c>
      <c r="OE23" s="119">
        <v>3390537</v>
      </c>
      <c r="OF23" s="119">
        <v>8312404</v>
      </c>
      <c r="OG23" s="120">
        <v>12098736</v>
      </c>
      <c r="OH23" s="121">
        <v>12098736</v>
      </c>
      <c r="OI23" s="142">
        <v>8935366</v>
      </c>
      <c r="OJ23" s="119">
        <v>18596131</v>
      </c>
      <c r="OK23" s="141">
        <v>27531497</v>
      </c>
      <c r="OL23" s="118">
        <v>0</v>
      </c>
      <c r="OM23" s="119">
        <v>193153273</v>
      </c>
      <c r="ON23" s="119">
        <v>252019957</v>
      </c>
      <c r="OO23" s="119">
        <v>302995379</v>
      </c>
      <c r="OP23" s="119">
        <v>340472677</v>
      </c>
      <c r="OQ23" s="119">
        <v>253193848</v>
      </c>
      <c r="OR23" s="120">
        <v>1341835134</v>
      </c>
      <c r="OS23" s="143">
        <v>1369366631</v>
      </c>
    </row>
    <row r="24" spans="2:409" ht="21" customHeight="1" x14ac:dyDescent="0.2">
      <c r="B24" s="62" t="s">
        <v>19</v>
      </c>
      <c r="C24" s="110">
        <v>5026455</v>
      </c>
      <c r="D24" s="114">
        <v>9794500</v>
      </c>
      <c r="E24" s="113">
        <v>14820955</v>
      </c>
      <c r="F24" s="109">
        <v>0</v>
      </c>
      <c r="G24" s="114">
        <v>62752887</v>
      </c>
      <c r="H24" s="114">
        <v>74239167</v>
      </c>
      <c r="I24" s="114">
        <v>62157499</v>
      </c>
      <c r="J24" s="114">
        <v>48997441</v>
      </c>
      <c r="K24" s="114">
        <v>38096896</v>
      </c>
      <c r="L24" s="109">
        <v>286243890</v>
      </c>
      <c r="M24" s="116">
        <v>301064845</v>
      </c>
      <c r="N24" s="110">
        <v>1335821</v>
      </c>
      <c r="O24" s="114">
        <v>2174344</v>
      </c>
      <c r="P24" s="113">
        <v>3510165</v>
      </c>
      <c r="Q24" s="110">
        <v>0</v>
      </c>
      <c r="R24" s="114">
        <v>15140540</v>
      </c>
      <c r="S24" s="114">
        <v>18176657</v>
      </c>
      <c r="T24" s="114">
        <v>18251204</v>
      </c>
      <c r="U24" s="114">
        <v>18593308</v>
      </c>
      <c r="V24" s="114">
        <v>16085142</v>
      </c>
      <c r="W24" s="113">
        <v>86246851</v>
      </c>
      <c r="X24" s="116">
        <v>89757016</v>
      </c>
      <c r="Y24" s="110">
        <v>0</v>
      </c>
      <c r="Z24" s="114">
        <v>0</v>
      </c>
      <c r="AA24" s="113">
        <v>0</v>
      </c>
      <c r="AB24" s="110">
        <v>0</v>
      </c>
      <c r="AC24" s="114">
        <v>5839784</v>
      </c>
      <c r="AD24" s="114">
        <v>7967986</v>
      </c>
      <c r="AE24" s="114">
        <v>8491405</v>
      </c>
      <c r="AF24" s="114">
        <v>10615312</v>
      </c>
      <c r="AG24" s="114">
        <v>7872605</v>
      </c>
      <c r="AH24" s="113">
        <v>40787092</v>
      </c>
      <c r="AI24" s="116">
        <v>40787092</v>
      </c>
      <c r="AJ24" s="110">
        <v>0</v>
      </c>
      <c r="AK24" s="114">
        <v>36676</v>
      </c>
      <c r="AL24" s="113">
        <v>36676</v>
      </c>
      <c r="AM24" s="110">
        <v>0</v>
      </c>
      <c r="AN24" s="114">
        <v>251719</v>
      </c>
      <c r="AO24" s="114">
        <v>253160</v>
      </c>
      <c r="AP24" s="114">
        <v>1008177</v>
      </c>
      <c r="AQ24" s="114">
        <v>1298620</v>
      </c>
      <c r="AR24" s="114">
        <v>2061773</v>
      </c>
      <c r="AS24" s="113">
        <v>4873449</v>
      </c>
      <c r="AT24" s="116">
        <v>4910125</v>
      </c>
      <c r="AU24" s="110">
        <v>798253</v>
      </c>
      <c r="AV24" s="114">
        <v>1542889</v>
      </c>
      <c r="AW24" s="113">
        <v>2341142</v>
      </c>
      <c r="AX24" s="110">
        <v>0</v>
      </c>
      <c r="AY24" s="114">
        <v>5947069</v>
      </c>
      <c r="AZ24" s="114">
        <v>6265715</v>
      </c>
      <c r="BA24" s="114">
        <v>5226646</v>
      </c>
      <c r="BB24" s="114">
        <v>3639606</v>
      </c>
      <c r="BC24" s="114">
        <v>3968775</v>
      </c>
      <c r="BD24" s="113">
        <v>25047811</v>
      </c>
      <c r="BE24" s="116">
        <v>27388953</v>
      </c>
      <c r="BF24" s="110">
        <v>79716</v>
      </c>
      <c r="BG24" s="114">
        <v>165665</v>
      </c>
      <c r="BH24" s="112">
        <v>245381</v>
      </c>
      <c r="BI24" s="111">
        <v>0</v>
      </c>
      <c r="BJ24" s="114">
        <v>862475</v>
      </c>
      <c r="BK24" s="114">
        <v>695104</v>
      </c>
      <c r="BL24" s="114">
        <v>483297</v>
      </c>
      <c r="BM24" s="114">
        <v>468705</v>
      </c>
      <c r="BN24" s="114">
        <v>254899</v>
      </c>
      <c r="BO24" s="113">
        <v>2764480</v>
      </c>
      <c r="BP24" s="116">
        <v>3009861</v>
      </c>
      <c r="BQ24" s="110">
        <v>457852</v>
      </c>
      <c r="BR24" s="114">
        <v>429114</v>
      </c>
      <c r="BS24" s="113">
        <v>886966</v>
      </c>
      <c r="BT24" s="110">
        <v>0</v>
      </c>
      <c r="BU24" s="114">
        <v>2239493</v>
      </c>
      <c r="BV24" s="114">
        <v>2994692</v>
      </c>
      <c r="BW24" s="114">
        <v>3041679</v>
      </c>
      <c r="BX24" s="114">
        <v>2571065</v>
      </c>
      <c r="BY24" s="114">
        <v>1927090</v>
      </c>
      <c r="BZ24" s="113">
        <v>12774019</v>
      </c>
      <c r="CA24" s="116">
        <v>13660985</v>
      </c>
      <c r="CB24" s="110">
        <v>807228</v>
      </c>
      <c r="CC24" s="114">
        <v>2768886</v>
      </c>
      <c r="CD24" s="113">
        <v>3576114</v>
      </c>
      <c r="CE24" s="110">
        <v>0</v>
      </c>
      <c r="CF24" s="114">
        <v>20673843</v>
      </c>
      <c r="CG24" s="114">
        <v>26508478</v>
      </c>
      <c r="CH24" s="114">
        <v>18361963</v>
      </c>
      <c r="CI24" s="114">
        <v>8925913</v>
      </c>
      <c r="CJ24" s="114">
        <v>6322509</v>
      </c>
      <c r="CK24" s="113">
        <v>80792706</v>
      </c>
      <c r="CL24" s="116">
        <v>84368820</v>
      </c>
      <c r="CM24" s="110">
        <v>0</v>
      </c>
      <c r="CN24" s="114">
        <v>0</v>
      </c>
      <c r="CO24" s="113">
        <v>0</v>
      </c>
      <c r="CP24" s="111">
        <v>0</v>
      </c>
      <c r="CQ24" s="114">
        <v>15278357</v>
      </c>
      <c r="CR24" s="114">
        <v>19477152</v>
      </c>
      <c r="CS24" s="114">
        <v>13192037</v>
      </c>
      <c r="CT24" s="114">
        <v>5926260</v>
      </c>
      <c r="CU24" s="114">
        <v>4808126</v>
      </c>
      <c r="CV24" s="113">
        <v>58681932</v>
      </c>
      <c r="CW24" s="116">
        <v>58681932</v>
      </c>
      <c r="CX24" s="110">
        <v>807228</v>
      </c>
      <c r="CY24" s="114">
        <v>2768886</v>
      </c>
      <c r="CZ24" s="113">
        <v>3576114</v>
      </c>
      <c r="DA24" s="110">
        <v>0</v>
      </c>
      <c r="DB24" s="114">
        <v>5395486</v>
      </c>
      <c r="DC24" s="114">
        <v>7031326</v>
      </c>
      <c r="DD24" s="114">
        <v>5169926</v>
      </c>
      <c r="DE24" s="114">
        <v>2999653</v>
      </c>
      <c r="DF24" s="114">
        <v>1514383</v>
      </c>
      <c r="DG24" s="113">
        <v>22110774</v>
      </c>
      <c r="DH24" s="116">
        <v>25686888</v>
      </c>
      <c r="DI24" s="110">
        <v>43015</v>
      </c>
      <c r="DJ24" s="114">
        <v>36742</v>
      </c>
      <c r="DK24" s="112">
        <v>79757</v>
      </c>
      <c r="DL24" s="111">
        <v>0</v>
      </c>
      <c r="DM24" s="114">
        <v>1267718</v>
      </c>
      <c r="DN24" s="114">
        <v>3581051</v>
      </c>
      <c r="DO24" s="114">
        <v>5260344</v>
      </c>
      <c r="DP24" s="114">
        <v>3506749</v>
      </c>
      <c r="DQ24" s="114">
        <v>3411592</v>
      </c>
      <c r="DR24" s="113">
        <v>17027454</v>
      </c>
      <c r="DS24" s="116">
        <v>17107211</v>
      </c>
      <c r="DT24" s="110">
        <v>43015</v>
      </c>
      <c r="DU24" s="114">
        <v>36742</v>
      </c>
      <c r="DV24" s="113">
        <v>79757</v>
      </c>
      <c r="DW24" s="110">
        <v>0</v>
      </c>
      <c r="DX24" s="114">
        <v>1116800</v>
      </c>
      <c r="DY24" s="114">
        <v>2718747</v>
      </c>
      <c r="DZ24" s="114">
        <v>4571150</v>
      </c>
      <c r="EA24" s="114">
        <v>1802636</v>
      </c>
      <c r="EB24" s="114">
        <v>2692779</v>
      </c>
      <c r="EC24" s="113">
        <v>12902112</v>
      </c>
      <c r="ED24" s="116">
        <v>12981869</v>
      </c>
      <c r="EE24" s="110">
        <v>0</v>
      </c>
      <c r="EF24" s="112">
        <v>0</v>
      </c>
      <c r="EG24" s="113">
        <v>0</v>
      </c>
      <c r="EH24" s="110">
        <v>0</v>
      </c>
      <c r="EI24" s="114">
        <v>150918</v>
      </c>
      <c r="EJ24" s="114">
        <v>862304</v>
      </c>
      <c r="EK24" s="114">
        <v>689194</v>
      </c>
      <c r="EL24" s="114">
        <v>1704113</v>
      </c>
      <c r="EM24" s="114">
        <v>718813</v>
      </c>
      <c r="EN24" s="112">
        <v>4125342</v>
      </c>
      <c r="EO24" s="116">
        <v>4125342</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5"/>
      <c r="FE24" s="114">
        <v>0</v>
      </c>
      <c r="FF24" s="114">
        <v>0</v>
      </c>
      <c r="FG24" s="114">
        <v>0</v>
      </c>
      <c r="FH24" s="114">
        <v>0</v>
      </c>
      <c r="FI24" s="114">
        <v>0</v>
      </c>
      <c r="FJ24" s="113">
        <v>0</v>
      </c>
      <c r="FK24" s="116">
        <v>0</v>
      </c>
      <c r="FL24" s="110">
        <v>1097569</v>
      </c>
      <c r="FM24" s="114">
        <v>1993214</v>
      </c>
      <c r="FN24" s="113">
        <v>3090783</v>
      </c>
      <c r="FO24" s="110">
        <v>0</v>
      </c>
      <c r="FP24" s="114">
        <v>4202499</v>
      </c>
      <c r="FQ24" s="114">
        <v>6274404</v>
      </c>
      <c r="FR24" s="114">
        <v>4974933</v>
      </c>
      <c r="FS24" s="114">
        <v>3776339</v>
      </c>
      <c r="FT24" s="114">
        <v>3300547</v>
      </c>
      <c r="FU24" s="113">
        <v>22528722</v>
      </c>
      <c r="FV24" s="116">
        <v>25619505</v>
      </c>
      <c r="FW24" s="115">
        <v>768900</v>
      </c>
      <c r="FX24" s="114">
        <v>1460935</v>
      </c>
      <c r="FY24" s="112">
        <v>2229835</v>
      </c>
      <c r="FZ24" s="111">
        <v>0</v>
      </c>
      <c r="GA24" s="114">
        <v>3351921</v>
      </c>
      <c r="GB24" s="114">
        <v>5782937</v>
      </c>
      <c r="GC24" s="114">
        <v>4564558</v>
      </c>
      <c r="GD24" s="114">
        <v>3478621</v>
      </c>
      <c r="GE24" s="114">
        <v>3177987</v>
      </c>
      <c r="GF24" s="113">
        <v>20356024</v>
      </c>
      <c r="GG24" s="316">
        <v>22585859</v>
      </c>
      <c r="GH24" s="115">
        <v>159390</v>
      </c>
      <c r="GI24" s="114">
        <v>214805</v>
      </c>
      <c r="GJ24" s="112">
        <v>374195</v>
      </c>
      <c r="GK24" s="111">
        <v>0</v>
      </c>
      <c r="GL24" s="114">
        <v>251245</v>
      </c>
      <c r="GM24" s="114">
        <v>292284</v>
      </c>
      <c r="GN24" s="114">
        <v>258894</v>
      </c>
      <c r="GO24" s="114">
        <v>137718</v>
      </c>
      <c r="GP24" s="114">
        <v>122560</v>
      </c>
      <c r="GQ24" s="113">
        <v>1062701</v>
      </c>
      <c r="GR24" s="116">
        <v>1436896</v>
      </c>
      <c r="GS24" s="110">
        <v>169279</v>
      </c>
      <c r="GT24" s="114">
        <v>317474</v>
      </c>
      <c r="GU24" s="113">
        <v>486753</v>
      </c>
      <c r="GV24" s="110">
        <v>0</v>
      </c>
      <c r="GW24" s="114">
        <v>599333</v>
      </c>
      <c r="GX24" s="114">
        <v>199183</v>
      </c>
      <c r="GY24" s="114">
        <v>151481</v>
      </c>
      <c r="GZ24" s="114">
        <v>160000</v>
      </c>
      <c r="HA24" s="114">
        <v>0</v>
      </c>
      <c r="HB24" s="112">
        <v>1109997</v>
      </c>
      <c r="HC24" s="116">
        <v>1596750</v>
      </c>
      <c r="HD24" s="110">
        <v>857244</v>
      </c>
      <c r="HE24" s="114">
        <v>1389441</v>
      </c>
      <c r="HF24" s="112">
        <v>2246685</v>
      </c>
      <c r="HG24" s="111">
        <v>0</v>
      </c>
      <c r="HH24" s="114">
        <v>11340735</v>
      </c>
      <c r="HI24" s="114">
        <v>11399963</v>
      </c>
      <c r="HJ24" s="114">
        <v>9526164</v>
      </c>
      <c r="HK24" s="114">
        <v>10977566</v>
      </c>
      <c r="HL24" s="114">
        <v>6755515</v>
      </c>
      <c r="HM24" s="113">
        <v>49999943</v>
      </c>
      <c r="HN24" s="109">
        <v>52246628</v>
      </c>
      <c r="HO24" s="115">
        <v>885578</v>
      </c>
      <c r="HP24" s="114">
        <v>1431873</v>
      </c>
      <c r="HQ24" s="113">
        <v>2317451</v>
      </c>
      <c r="HR24" s="110">
        <v>0</v>
      </c>
      <c r="HS24" s="114">
        <v>10127552</v>
      </c>
      <c r="HT24" s="114">
        <v>8298614</v>
      </c>
      <c r="HU24" s="114">
        <v>5782891</v>
      </c>
      <c r="HV24" s="114">
        <v>3217566</v>
      </c>
      <c r="HW24" s="114">
        <v>2221591</v>
      </c>
      <c r="HX24" s="112">
        <v>29648214</v>
      </c>
      <c r="HY24" s="116">
        <v>31965665</v>
      </c>
      <c r="HZ24" s="150">
        <v>0</v>
      </c>
      <c r="IA24" s="135">
        <v>188816</v>
      </c>
      <c r="IB24" s="150">
        <v>188816</v>
      </c>
      <c r="IC24" s="134">
        <v>0</v>
      </c>
      <c r="ID24" s="135">
        <v>15439248</v>
      </c>
      <c r="IE24" s="136">
        <v>21970173</v>
      </c>
      <c r="IF24" s="137">
        <v>26562178</v>
      </c>
      <c r="IG24" s="135">
        <v>13964553</v>
      </c>
      <c r="IH24" s="137">
        <v>15015607</v>
      </c>
      <c r="II24" s="138">
        <v>92951759</v>
      </c>
      <c r="IJ24" s="150">
        <v>93140575</v>
      </c>
      <c r="IK24" s="232">
        <v>0</v>
      </c>
      <c r="IL24" s="236">
        <v>0</v>
      </c>
      <c r="IM24" s="237">
        <v>0</v>
      </c>
      <c r="IN24" s="140"/>
      <c r="IO24" s="119">
        <v>861124</v>
      </c>
      <c r="IP24" s="119">
        <v>1392946</v>
      </c>
      <c r="IQ24" s="119">
        <v>599001</v>
      </c>
      <c r="IR24" s="119">
        <v>592955</v>
      </c>
      <c r="IS24" s="119">
        <v>1499608</v>
      </c>
      <c r="IT24" s="141">
        <v>4945634</v>
      </c>
      <c r="IU24" s="318">
        <v>4945634</v>
      </c>
      <c r="IV24" s="142">
        <v>0</v>
      </c>
      <c r="IW24" s="119">
        <v>0</v>
      </c>
      <c r="IX24" s="120">
        <v>0</v>
      </c>
      <c r="IY24" s="144"/>
      <c r="IZ24" s="119">
        <v>11459</v>
      </c>
      <c r="JA24" s="119">
        <v>49639</v>
      </c>
      <c r="JB24" s="119">
        <v>18036</v>
      </c>
      <c r="JC24" s="119">
        <v>74828</v>
      </c>
      <c r="JD24" s="119">
        <v>45982</v>
      </c>
      <c r="JE24" s="120">
        <v>199944</v>
      </c>
      <c r="JF24" s="121">
        <v>199944</v>
      </c>
      <c r="JG24" s="142">
        <v>0</v>
      </c>
      <c r="JH24" s="119">
        <v>0</v>
      </c>
      <c r="JI24" s="141">
        <v>0</v>
      </c>
      <c r="JJ24" s="118">
        <v>0</v>
      </c>
      <c r="JK24" s="119">
        <v>6803031</v>
      </c>
      <c r="JL24" s="119">
        <v>6762075</v>
      </c>
      <c r="JM24" s="119">
        <v>5036620</v>
      </c>
      <c r="JN24" s="119">
        <v>3774840</v>
      </c>
      <c r="JO24" s="119">
        <v>1669457</v>
      </c>
      <c r="JP24" s="120">
        <v>24046023</v>
      </c>
      <c r="JQ24" s="318">
        <v>24046023</v>
      </c>
      <c r="JR24" s="142">
        <v>0</v>
      </c>
      <c r="JS24" s="119">
        <v>0</v>
      </c>
      <c r="JT24" s="141">
        <v>0</v>
      </c>
      <c r="JU24" s="118">
        <v>0</v>
      </c>
      <c r="JV24" s="119">
        <v>1247162</v>
      </c>
      <c r="JW24" s="119">
        <v>1922182</v>
      </c>
      <c r="JX24" s="119">
        <v>3325247</v>
      </c>
      <c r="JY24" s="119">
        <v>106495</v>
      </c>
      <c r="JZ24" s="119">
        <v>343043</v>
      </c>
      <c r="KA24" s="120">
        <v>6944129</v>
      </c>
      <c r="KB24" s="318">
        <v>6944129</v>
      </c>
      <c r="KC24" s="234">
        <v>0</v>
      </c>
      <c r="KD24" s="230">
        <v>188816</v>
      </c>
      <c r="KE24" s="120">
        <v>188816</v>
      </c>
      <c r="KF24" s="118">
        <v>0</v>
      </c>
      <c r="KG24" s="119">
        <v>2881990</v>
      </c>
      <c r="KH24" s="119">
        <v>5427881</v>
      </c>
      <c r="KI24" s="119">
        <v>7032100</v>
      </c>
      <c r="KJ24" s="119">
        <v>4338275</v>
      </c>
      <c r="KK24" s="119">
        <v>2929932</v>
      </c>
      <c r="KL24" s="120">
        <v>22610178</v>
      </c>
      <c r="KM24" s="143">
        <v>22798994</v>
      </c>
      <c r="KN24" s="232">
        <v>0</v>
      </c>
      <c r="KO24" s="236">
        <v>0</v>
      </c>
      <c r="KP24" s="237">
        <v>0</v>
      </c>
      <c r="KQ24" s="140"/>
      <c r="KR24" s="119">
        <v>3242207</v>
      </c>
      <c r="KS24" s="119">
        <v>6138439</v>
      </c>
      <c r="KT24" s="119">
        <v>9264548</v>
      </c>
      <c r="KU24" s="119">
        <v>4775963</v>
      </c>
      <c r="KV24" s="119">
        <v>5024018</v>
      </c>
      <c r="KW24" s="120">
        <v>28445175</v>
      </c>
      <c r="KX24" s="318">
        <v>28445175</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18">
        <v>0</v>
      </c>
      <c r="LU24" s="142">
        <v>0</v>
      </c>
      <c r="LV24" s="119">
        <v>0</v>
      </c>
      <c r="LW24" s="120">
        <v>0</v>
      </c>
      <c r="LX24" s="145"/>
      <c r="LY24" s="119">
        <v>392275</v>
      </c>
      <c r="LZ24" s="119">
        <v>277011</v>
      </c>
      <c r="MA24" s="119">
        <v>1286626</v>
      </c>
      <c r="MB24" s="119">
        <v>301197</v>
      </c>
      <c r="MC24" s="119">
        <v>3503567</v>
      </c>
      <c r="MD24" s="120">
        <v>5760676</v>
      </c>
      <c r="ME24" s="121">
        <v>5760676</v>
      </c>
      <c r="MF24" s="142">
        <v>0</v>
      </c>
      <c r="MG24" s="119">
        <v>0</v>
      </c>
      <c r="MH24" s="120">
        <v>0</v>
      </c>
      <c r="MI24" s="145"/>
      <c r="MJ24" s="119">
        <v>5544861</v>
      </c>
      <c r="MK24" s="119">
        <v>15093120</v>
      </c>
      <c r="ML24" s="119">
        <v>54497871</v>
      </c>
      <c r="MM24" s="119">
        <v>55235859</v>
      </c>
      <c r="MN24" s="119">
        <v>43422162</v>
      </c>
      <c r="MO24" s="120">
        <v>173793873</v>
      </c>
      <c r="MP24" s="143">
        <v>173793873</v>
      </c>
      <c r="MQ24" s="142">
        <v>0</v>
      </c>
      <c r="MR24" s="119">
        <v>0</v>
      </c>
      <c r="MS24" s="120">
        <v>0</v>
      </c>
      <c r="MT24" s="145"/>
      <c r="MU24" s="119">
        <v>0</v>
      </c>
      <c r="MV24" s="119">
        <v>1695321</v>
      </c>
      <c r="MW24" s="119">
        <v>31251159</v>
      </c>
      <c r="MX24" s="119">
        <v>38204926</v>
      </c>
      <c r="MY24" s="119">
        <v>29091371</v>
      </c>
      <c r="MZ24" s="120">
        <v>100242777</v>
      </c>
      <c r="NA24" s="143">
        <v>100242777</v>
      </c>
      <c r="NB24" s="142">
        <v>0</v>
      </c>
      <c r="NC24" s="119">
        <v>0</v>
      </c>
      <c r="ND24" s="120">
        <v>0</v>
      </c>
      <c r="NE24" s="145"/>
      <c r="NF24" s="119">
        <v>5544861</v>
      </c>
      <c r="NG24" s="119">
        <v>13397799</v>
      </c>
      <c r="NH24" s="119">
        <v>23246712</v>
      </c>
      <c r="NI24" s="119">
        <v>15857641</v>
      </c>
      <c r="NJ24" s="119">
        <v>11584932</v>
      </c>
      <c r="NK24" s="120">
        <v>69631945</v>
      </c>
      <c r="NL24" s="318">
        <v>69631945</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173292</v>
      </c>
      <c r="OF24" s="119">
        <v>2745859</v>
      </c>
      <c r="OG24" s="120">
        <v>3919151</v>
      </c>
      <c r="OH24" s="121">
        <v>3919151</v>
      </c>
      <c r="OI24" s="142">
        <v>5026455</v>
      </c>
      <c r="OJ24" s="119">
        <v>9983316</v>
      </c>
      <c r="OK24" s="141">
        <v>15009771</v>
      </c>
      <c r="OL24" s="118">
        <v>0</v>
      </c>
      <c r="OM24" s="119">
        <v>83736996</v>
      </c>
      <c r="ON24" s="119">
        <v>111302460</v>
      </c>
      <c r="OO24" s="119">
        <v>143217548</v>
      </c>
      <c r="OP24" s="119">
        <v>118197853</v>
      </c>
      <c r="OQ24" s="119">
        <v>96534665</v>
      </c>
      <c r="OR24" s="120">
        <v>552989522</v>
      </c>
      <c r="OS24" s="143">
        <v>567999293</v>
      </c>
    </row>
    <row r="25" spans="2:409" ht="21" customHeight="1" x14ac:dyDescent="0.2">
      <c r="B25" s="62" t="s">
        <v>20</v>
      </c>
      <c r="C25" s="110">
        <v>5679202</v>
      </c>
      <c r="D25" s="114">
        <v>12981222</v>
      </c>
      <c r="E25" s="113">
        <v>18660424</v>
      </c>
      <c r="F25" s="110">
        <v>0</v>
      </c>
      <c r="G25" s="114">
        <v>90757250</v>
      </c>
      <c r="H25" s="114">
        <v>81394196</v>
      </c>
      <c r="I25" s="114">
        <v>88793715</v>
      </c>
      <c r="J25" s="114">
        <v>69880144</v>
      </c>
      <c r="K25" s="114">
        <v>39637248</v>
      </c>
      <c r="L25" s="173">
        <v>370462553</v>
      </c>
      <c r="M25" s="116">
        <v>389122977</v>
      </c>
      <c r="N25" s="110">
        <v>1923874</v>
      </c>
      <c r="O25" s="114">
        <v>4154459</v>
      </c>
      <c r="P25" s="113">
        <v>6078333</v>
      </c>
      <c r="Q25" s="110">
        <v>0</v>
      </c>
      <c r="R25" s="114">
        <v>27797120</v>
      </c>
      <c r="S25" s="114">
        <v>22944273</v>
      </c>
      <c r="T25" s="114">
        <v>29034577</v>
      </c>
      <c r="U25" s="114">
        <v>24360509</v>
      </c>
      <c r="V25" s="114">
        <v>19468691</v>
      </c>
      <c r="W25" s="113">
        <v>123605170</v>
      </c>
      <c r="X25" s="116">
        <v>129683503</v>
      </c>
      <c r="Y25" s="110">
        <v>0</v>
      </c>
      <c r="Z25" s="114">
        <v>0</v>
      </c>
      <c r="AA25" s="113">
        <v>0</v>
      </c>
      <c r="AB25" s="110">
        <v>0</v>
      </c>
      <c r="AC25" s="114">
        <v>11219720</v>
      </c>
      <c r="AD25" s="114">
        <v>8791904</v>
      </c>
      <c r="AE25" s="114">
        <v>16628899</v>
      </c>
      <c r="AF25" s="114">
        <v>13666153</v>
      </c>
      <c r="AG25" s="114">
        <v>10188192</v>
      </c>
      <c r="AH25" s="113">
        <v>60494868</v>
      </c>
      <c r="AI25" s="116">
        <v>60494868</v>
      </c>
      <c r="AJ25" s="110">
        <v>0</v>
      </c>
      <c r="AK25" s="114">
        <v>0</v>
      </c>
      <c r="AL25" s="113">
        <v>0</v>
      </c>
      <c r="AM25" s="110">
        <v>0</v>
      </c>
      <c r="AN25" s="114">
        <v>59220</v>
      </c>
      <c r="AO25" s="114">
        <v>161379</v>
      </c>
      <c r="AP25" s="114">
        <v>953624</v>
      </c>
      <c r="AQ25" s="114">
        <v>1645447</v>
      </c>
      <c r="AR25" s="114">
        <v>2632494</v>
      </c>
      <c r="AS25" s="113">
        <v>5452164</v>
      </c>
      <c r="AT25" s="116">
        <v>5452164</v>
      </c>
      <c r="AU25" s="110">
        <v>1176165</v>
      </c>
      <c r="AV25" s="114">
        <v>2295933</v>
      </c>
      <c r="AW25" s="113">
        <v>3472098</v>
      </c>
      <c r="AX25" s="110">
        <v>0</v>
      </c>
      <c r="AY25" s="114">
        <v>10334537</v>
      </c>
      <c r="AZ25" s="114">
        <v>8726144</v>
      </c>
      <c r="BA25" s="114">
        <v>5920575</v>
      </c>
      <c r="BB25" s="114">
        <v>4501991</v>
      </c>
      <c r="BC25" s="114">
        <v>4242751</v>
      </c>
      <c r="BD25" s="113">
        <v>33725998</v>
      </c>
      <c r="BE25" s="116">
        <v>37198096</v>
      </c>
      <c r="BF25" s="110">
        <v>343154</v>
      </c>
      <c r="BG25" s="114">
        <v>1420699</v>
      </c>
      <c r="BH25" s="112">
        <v>1763853</v>
      </c>
      <c r="BI25" s="111">
        <v>0</v>
      </c>
      <c r="BJ25" s="114">
        <v>2529716</v>
      </c>
      <c r="BK25" s="114">
        <v>2224655</v>
      </c>
      <c r="BL25" s="114">
        <v>1565080</v>
      </c>
      <c r="BM25" s="114">
        <v>1302726</v>
      </c>
      <c r="BN25" s="114">
        <v>486410</v>
      </c>
      <c r="BO25" s="113">
        <v>8108587</v>
      </c>
      <c r="BP25" s="116">
        <v>9872440</v>
      </c>
      <c r="BQ25" s="110">
        <v>404555</v>
      </c>
      <c r="BR25" s="114">
        <v>437827</v>
      </c>
      <c r="BS25" s="113">
        <v>842382</v>
      </c>
      <c r="BT25" s="110">
        <v>0</v>
      </c>
      <c r="BU25" s="114">
        <v>3653927</v>
      </c>
      <c r="BV25" s="114">
        <v>3040191</v>
      </c>
      <c r="BW25" s="114">
        <v>3966399</v>
      </c>
      <c r="BX25" s="114">
        <v>3244192</v>
      </c>
      <c r="BY25" s="114">
        <v>1918844</v>
      </c>
      <c r="BZ25" s="113">
        <v>15823553</v>
      </c>
      <c r="CA25" s="116">
        <v>16665935</v>
      </c>
      <c r="CB25" s="110">
        <v>517216</v>
      </c>
      <c r="CC25" s="114">
        <v>1823080</v>
      </c>
      <c r="CD25" s="113">
        <v>2340296</v>
      </c>
      <c r="CE25" s="110">
        <v>0</v>
      </c>
      <c r="CF25" s="114">
        <v>26222333</v>
      </c>
      <c r="CG25" s="114">
        <v>26762001</v>
      </c>
      <c r="CH25" s="114">
        <v>20626961</v>
      </c>
      <c r="CI25" s="114">
        <v>14091354</v>
      </c>
      <c r="CJ25" s="114">
        <v>5108588</v>
      </c>
      <c r="CK25" s="113">
        <v>92811237</v>
      </c>
      <c r="CL25" s="116">
        <v>95151533</v>
      </c>
      <c r="CM25" s="110">
        <v>0</v>
      </c>
      <c r="CN25" s="114">
        <v>0</v>
      </c>
      <c r="CO25" s="113">
        <v>0</v>
      </c>
      <c r="CP25" s="111">
        <v>0</v>
      </c>
      <c r="CQ25" s="114">
        <v>17716162</v>
      </c>
      <c r="CR25" s="114">
        <v>16947164</v>
      </c>
      <c r="CS25" s="114">
        <v>15153269</v>
      </c>
      <c r="CT25" s="114">
        <v>9611288</v>
      </c>
      <c r="CU25" s="114">
        <v>3594836</v>
      </c>
      <c r="CV25" s="113">
        <v>63022719</v>
      </c>
      <c r="CW25" s="116">
        <v>63022719</v>
      </c>
      <c r="CX25" s="110">
        <v>517216</v>
      </c>
      <c r="CY25" s="114">
        <v>1823080</v>
      </c>
      <c r="CZ25" s="113">
        <v>2340296</v>
      </c>
      <c r="DA25" s="110">
        <v>0</v>
      </c>
      <c r="DB25" s="114">
        <v>8506171</v>
      </c>
      <c r="DC25" s="114">
        <v>9814837</v>
      </c>
      <c r="DD25" s="114">
        <v>5473692</v>
      </c>
      <c r="DE25" s="114">
        <v>4480066</v>
      </c>
      <c r="DF25" s="114">
        <v>1513752</v>
      </c>
      <c r="DG25" s="113">
        <v>29788518</v>
      </c>
      <c r="DH25" s="116">
        <v>32128814</v>
      </c>
      <c r="DI25" s="110">
        <v>19647</v>
      </c>
      <c r="DJ25" s="114">
        <v>456377</v>
      </c>
      <c r="DK25" s="112">
        <v>476024</v>
      </c>
      <c r="DL25" s="111">
        <v>0</v>
      </c>
      <c r="DM25" s="114">
        <v>3642347</v>
      </c>
      <c r="DN25" s="114">
        <v>5119149</v>
      </c>
      <c r="DO25" s="114">
        <v>12748394</v>
      </c>
      <c r="DP25" s="114">
        <v>9800856</v>
      </c>
      <c r="DQ25" s="114">
        <v>2025855</v>
      </c>
      <c r="DR25" s="113">
        <v>33336601</v>
      </c>
      <c r="DS25" s="116">
        <v>33812625</v>
      </c>
      <c r="DT25" s="110">
        <v>19647</v>
      </c>
      <c r="DU25" s="114">
        <v>392025</v>
      </c>
      <c r="DV25" s="113">
        <v>411672</v>
      </c>
      <c r="DW25" s="110">
        <v>0</v>
      </c>
      <c r="DX25" s="114">
        <v>3281684</v>
      </c>
      <c r="DY25" s="114">
        <v>4869528</v>
      </c>
      <c r="DZ25" s="114">
        <v>12068487</v>
      </c>
      <c r="EA25" s="114">
        <v>9372888</v>
      </c>
      <c r="EB25" s="114">
        <v>1746967</v>
      </c>
      <c r="EC25" s="113">
        <v>31339554</v>
      </c>
      <c r="ED25" s="116">
        <v>31751226</v>
      </c>
      <c r="EE25" s="110">
        <v>0</v>
      </c>
      <c r="EF25" s="112">
        <v>64352</v>
      </c>
      <c r="EG25" s="113">
        <v>64352</v>
      </c>
      <c r="EH25" s="110">
        <v>0</v>
      </c>
      <c r="EI25" s="114">
        <v>360663</v>
      </c>
      <c r="EJ25" s="114">
        <v>249621</v>
      </c>
      <c r="EK25" s="114">
        <v>679907</v>
      </c>
      <c r="EL25" s="114">
        <v>427968</v>
      </c>
      <c r="EM25" s="114">
        <v>278888</v>
      </c>
      <c r="EN25" s="112">
        <v>1997047</v>
      </c>
      <c r="EO25" s="116">
        <v>2061399</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5"/>
      <c r="FE25" s="114">
        <v>0</v>
      </c>
      <c r="FF25" s="114">
        <v>0</v>
      </c>
      <c r="FG25" s="114">
        <v>0</v>
      </c>
      <c r="FH25" s="114">
        <v>0</v>
      </c>
      <c r="FI25" s="114">
        <v>0</v>
      </c>
      <c r="FJ25" s="113">
        <v>0</v>
      </c>
      <c r="FK25" s="116">
        <v>0</v>
      </c>
      <c r="FL25" s="110">
        <v>1377796</v>
      </c>
      <c r="FM25" s="114">
        <v>3278334</v>
      </c>
      <c r="FN25" s="113">
        <v>4656130</v>
      </c>
      <c r="FO25" s="110">
        <v>0</v>
      </c>
      <c r="FP25" s="114">
        <v>5508410</v>
      </c>
      <c r="FQ25" s="114">
        <v>7346083</v>
      </c>
      <c r="FR25" s="114">
        <v>5563173</v>
      </c>
      <c r="FS25" s="114">
        <v>5051809</v>
      </c>
      <c r="FT25" s="114">
        <v>3232269</v>
      </c>
      <c r="FU25" s="113">
        <v>26701744</v>
      </c>
      <c r="FV25" s="116">
        <v>31357874</v>
      </c>
      <c r="FW25" s="115">
        <v>646776</v>
      </c>
      <c r="FX25" s="114">
        <v>2319032</v>
      </c>
      <c r="FY25" s="112">
        <v>2965808</v>
      </c>
      <c r="FZ25" s="111">
        <v>0</v>
      </c>
      <c r="GA25" s="114">
        <v>5004082</v>
      </c>
      <c r="GB25" s="114">
        <v>6582232</v>
      </c>
      <c r="GC25" s="114">
        <v>5444385</v>
      </c>
      <c r="GD25" s="114">
        <v>4766848</v>
      </c>
      <c r="GE25" s="114">
        <v>3069882</v>
      </c>
      <c r="GF25" s="113">
        <v>24867429</v>
      </c>
      <c r="GG25" s="316">
        <v>27833237</v>
      </c>
      <c r="GH25" s="115">
        <v>105360</v>
      </c>
      <c r="GI25" s="114">
        <v>122612</v>
      </c>
      <c r="GJ25" s="112">
        <v>227972</v>
      </c>
      <c r="GK25" s="111">
        <v>0</v>
      </c>
      <c r="GL25" s="114">
        <v>160398</v>
      </c>
      <c r="GM25" s="114">
        <v>387700</v>
      </c>
      <c r="GN25" s="114">
        <v>100788</v>
      </c>
      <c r="GO25" s="114">
        <v>245568</v>
      </c>
      <c r="GP25" s="114">
        <v>104787</v>
      </c>
      <c r="GQ25" s="113">
        <v>999241</v>
      </c>
      <c r="GR25" s="116">
        <v>1227213</v>
      </c>
      <c r="GS25" s="110">
        <v>625660</v>
      </c>
      <c r="GT25" s="114">
        <v>836690</v>
      </c>
      <c r="GU25" s="113">
        <v>1462350</v>
      </c>
      <c r="GV25" s="110">
        <v>0</v>
      </c>
      <c r="GW25" s="114">
        <v>343930</v>
      </c>
      <c r="GX25" s="114">
        <v>376151</v>
      </c>
      <c r="GY25" s="114">
        <v>18000</v>
      </c>
      <c r="GZ25" s="114">
        <v>39393</v>
      </c>
      <c r="HA25" s="114">
        <v>57600</v>
      </c>
      <c r="HB25" s="112">
        <v>835074</v>
      </c>
      <c r="HC25" s="116">
        <v>2297424</v>
      </c>
      <c r="HD25" s="110">
        <v>931510</v>
      </c>
      <c r="HE25" s="114">
        <v>1200558</v>
      </c>
      <c r="HF25" s="112">
        <v>2132068</v>
      </c>
      <c r="HG25" s="111">
        <v>0</v>
      </c>
      <c r="HH25" s="114">
        <v>13419801</v>
      </c>
      <c r="HI25" s="114">
        <v>10412790</v>
      </c>
      <c r="HJ25" s="114">
        <v>13209605</v>
      </c>
      <c r="HK25" s="114">
        <v>11607750</v>
      </c>
      <c r="HL25" s="114">
        <v>7663544</v>
      </c>
      <c r="HM25" s="113">
        <v>56313490</v>
      </c>
      <c r="HN25" s="109">
        <v>58445558</v>
      </c>
      <c r="HO25" s="115">
        <v>909159</v>
      </c>
      <c r="HP25" s="114">
        <v>2068414</v>
      </c>
      <c r="HQ25" s="113">
        <v>2977573</v>
      </c>
      <c r="HR25" s="110">
        <v>0</v>
      </c>
      <c r="HS25" s="114">
        <v>14167239</v>
      </c>
      <c r="HT25" s="114">
        <v>8809900</v>
      </c>
      <c r="HU25" s="114">
        <v>7611005</v>
      </c>
      <c r="HV25" s="114">
        <v>4967866</v>
      </c>
      <c r="HW25" s="114">
        <v>2138301</v>
      </c>
      <c r="HX25" s="112">
        <v>37694311</v>
      </c>
      <c r="HY25" s="116">
        <v>40671884</v>
      </c>
      <c r="HZ25" s="131">
        <v>41925</v>
      </c>
      <c r="IA25" s="132">
        <v>64157</v>
      </c>
      <c r="IB25" s="133">
        <v>106082</v>
      </c>
      <c r="IC25" s="146">
        <v>0</v>
      </c>
      <c r="ID25" s="132">
        <v>14791975</v>
      </c>
      <c r="IE25" s="147">
        <v>12064114</v>
      </c>
      <c r="IF25" s="133">
        <v>16994797</v>
      </c>
      <c r="IG25" s="132">
        <v>7948916</v>
      </c>
      <c r="IH25" s="133">
        <v>5544652</v>
      </c>
      <c r="II25" s="148">
        <v>57344454</v>
      </c>
      <c r="IJ25" s="139">
        <v>57450536</v>
      </c>
      <c r="IK25" s="232">
        <v>0</v>
      </c>
      <c r="IL25" s="236">
        <v>0</v>
      </c>
      <c r="IM25" s="237">
        <v>0</v>
      </c>
      <c r="IN25" s="140"/>
      <c r="IO25" s="119">
        <v>88369</v>
      </c>
      <c r="IP25" s="119">
        <v>87345</v>
      </c>
      <c r="IQ25" s="119">
        <v>0</v>
      </c>
      <c r="IR25" s="119">
        <v>0</v>
      </c>
      <c r="IS25" s="119">
        <v>298542</v>
      </c>
      <c r="IT25" s="141">
        <v>474256</v>
      </c>
      <c r="IU25" s="318">
        <v>474256</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7991856</v>
      </c>
      <c r="JL25" s="119">
        <v>4383188</v>
      </c>
      <c r="JM25" s="119">
        <v>5744693</v>
      </c>
      <c r="JN25" s="119">
        <v>2042897</v>
      </c>
      <c r="JO25" s="119">
        <v>209712</v>
      </c>
      <c r="JP25" s="120">
        <v>20372346</v>
      </c>
      <c r="JQ25" s="318">
        <v>20372346</v>
      </c>
      <c r="JR25" s="142">
        <v>0</v>
      </c>
      <c r="JS25" s="119">
        <v>0</v>
      </c>
      <c r="JT25" s="141">
        <v>0</v>
      </c>
      <c r="JU25" s="118">
        <v>0</v>
      </c>
      <c r="JV25" s="119">
        <v>0</v>
      </c>
      <c r="JW25" s="119">
        <v>184241</v>
      </c>
      <c r="JX25" s="119">
        <v>138276</v>
      </c>
      <c r="JY25" s="119">
        <v>0</v>
      </c>
      <c r="JZ25" s="119">
        <v>544587</v>
      </c>
      <c r="KA25" s="120">
        <v>867104</v>
      </c>
      <c r="KB25" s="318">
        <v>867104</v>
      </c>
      <c r="KC25" s="234">
        <v>41925</v>
      </c>
      <c r="KD25" s="230">
        <v>64157</v>
      </c>
      <c r="KE25" s="120">
        <v>106082</v>
      </c>
      <c r="KF25" s="118">
        <v>0</v>
      </c>
      <c r="KG25" s="119">
        <v>2196279</v>
      </c>
      <c r="KH25" s="119">
        <v>2112383</v>
      </c>
      <c r="KI25" s="119">
        <v>2414758</v>
      </c>
      <c r="KJ25" s="119">
        <v>1132500</v>
      </c>
      <c r="KK25" s="119">
        <v>310739</v>
      </c>
      <c r="KL25" s="120">
        <v>8166659</v>
      </c>
      <c r="KM25" s="143">
        <v>8272741</v>
      </c>
      <c r="KN25" s="232">
        <v>0</v>
      </c>
      <c r="KO25" s="236">
        <v>0</v>
      </c>
      <c r="KP25" s="237">
        <v>0</v>
      </c>
      <c r="KQ25" s="140"/>
      <c r="KR25" s="119">
        <v>4515471</v>
      </c>
      <c r="KS25" s="119">
        <v>5296957</v>
      </c>
      <c r="KT25" s="119">
        <v>8697070</v>
      </c>
      <c r="KU25" s="119">
        <v>4773519</v>
      </c>
      <c r="KV25" s="119">
        <v>4181072</v>
      </c>
      <c r="KW25" s="120">
        <v>27464089</v>
      </c>
      <c r="KX25" s="318">
        <v>27464089</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18">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5566077</v>
      </c>
      <c r="MK25" s="119">
        <v>19581436</v>
      </c>
      <c r="ML25" s="119">
        <v>49009501</v>
      </c>
      <c r="MM25" s="119">
        <v>73220116</v>
      </c>
      <c r="MN25" s="119">
        <v>42456546</v>
      </c>
      <c r="MO25" s="120">
        <v>189833676</v>
      </c>
      <c r="MP25" s="143">
        <v>189833676</v>
      </c>
      <c r="MQ25" s="142">
        <v>0</v>
      </c>
      <c r="MR25" s="119">
        <v>0</v>
      </c>
      <c r="MS25" s="120">
        <v>0</v>
      </c>
      <c r="MT25" s="145"/>
      <c r="MU25" s="119">
        <v>1382868</v>
      </c>
      <c r="MV25" s="119">
        <v>7604403</v>
      </c>
      <c r="MW25" s="119">
        <v>37551450</v>
      </c>
      <c r="MX25" s="119">
        <v>55782546</v>
      </c>
      <c r="MY25" s="119">
        <v>32258272</v>
      </c>
      <c r="MZ25" s="120">
        <v>134579539</v>
      </c>
      <c r="NA25" s="143">
        <v>134579539</v>
      </c>
      <c r="NB25" s="142">
        <v>0</v>
      </c>
      <c r="NC25" s="119">
        <v>0</v>
      </c>
      <c r="ND25" s="120">
        <v>0</v>
      </c>
      <c r="NE25" s="145"/>
      <c r="NF25" s="119">
        <v>4183209</v>
      </c>
      <c r="NG25" s="119">
        <v>11977033</v>
      </c>
      <c r="NH25" s="119">
        <v>11458051</v>
      </c>
      <c r="NI25" s="119">
        <v>16051832</v>
      </c>
      <c r="NJ25" s="119">
        <v>8405815</v>
      </c>
      <c r="NK25" s="120">
        <v>52075940</v>
      </c>
      <c r="NL25" s="318">
        <v>52075940</v>
      </c>
      <c r="NM25" s="142">
        <v>0</v>
      </c>
      <c r="NN25" s="119">
        <v>0</v>
      </c>
      <c r="NO25" s="120">
        <v>0</v>
      </c>
      <c r="NP25" s="145"/>
      <c r="NQ25" s="119">
        <v>0</v>
      </c>
      <c r="NR25" s="119">
        <v>0</v>
      </c>
      <c r="NS25" s="119">
        <v>0</v>
      </c>
      <c r="NT25" s="119">
        <v>327510</v>
      </c>
      <c r="NU25" s="119">
        <v>0</v>
      </c>
      <c r="NV25" s="120">
        <v>327510</v>
      </c>
      <c r="NW25" s="121">
        <v>327510</v>
      </c>
      <c r="NX25" s="142">
        <v>0</v>
      </c>
      <c r="NY25" s="119">
        <v>0</v>
      </c>
      <c r="NZ25" s="120">
        <v>0</v>
      </c>
      <c r="OA25" s="145"/>
      <c r="OB25" s="119">
        <v>0</v>
      </c>
      <c r="OC25" s="119">
        <v>0</v>
      </c>
      <c r="OD25" s="119">
        <v>0</v>
      </c>
      <c r="OE25" s="119">
        <v>1058228</v>
      </c>
      <c r="OF25" s="119">
        <v>1792459</v>
      </c>
      <c r="OG25" s="120">
        <v>2850687</v>
      </c>
      <c r="OH25" s="121">
        <v>2850687</v>
      </c>
      <c r="OI25" s="142">
        <v>5721127</v>
      </c>
      <c r="OJ25" s="119">
        <v>13045379</v>
      </c>
      <c r="OK25" s="141">
        <v>18766506</v>
      </c>
      <c r="OL25" s="118">
        <v>0</v>
      </c>
      <c r="OM25" s="119">
        <v>111115302</v>
      </c>
      <c r="ON25" s="119">
        <v>113039746</v>
      </c>
      <c r="OO25" s="119">
        <v>154798013</v>
      </c>
      <c r="OP25" s="119">
        <v>151049176</v>
      </c>
      <c r="OQ25" s="119">
        <v>87638446</v>
      </c>
      <c r="OR25" s="120">
        <v>617640683</v>
      </c>
      <c r="OS25" s="143">
        <v>636407189</v>
      </c>
    </row>
    <row r="26" spans="2:409" ht="21" customHeight="1" x14ac:dyDescent="0.2">
      <c r="B26" s="62" t="s">
        <v>21</v>
      </c>
      <c r="C26" s="110">
        <v>6137376</v>
      </c>
      <c r="D26" s="114">
        <v>11623539</v>
      </c>
      <c r="E26" s="113">
        <v>17760915</v>
      </c>
      <c r="F26" s="109">
        <v>0</v>
      </c>
      <c r="G26" s="114">
        <v>70361993</v>
      </c>
      <c r="H26" s="114">
        <v>108425651</v>
      </c>
      <c r="I26" s="114">
        <v>93608858</v>
      </c>
      <c r="J26" s="114">
        <v>82003112</v>
      </c>
      <c r="K26" s="114">
        <v>56666891</v>
      </c>
      <c r="L26" s="173">
        <v>411066505</v>
      </c>
      <c r="M26" s="116">
        <v>428827420</v>
      </c>
      <c r="N26" s="110">
        <v>2279213</v>
      </c>
      <c r="O26" s="114">
        <v>4021703</v>
      </c>
      <c r="P26" s="113">
        <v>6300916</v>
      </c>
      <c r="Q26" s="110">
        <v>0</v>
      </c>
      <c r="R26" s="114">
        <v>22014428</v>
      </c>
      <c r="S26" s="114">
        <v>39476028</v>
      </c>
      <c r="T26" s="114">
        <v>31474225</v>
      </c>
      <c r="U26" s="114">
        <v>37367145</v>
      </c>
      <c r="V26" s="114">
        <v>28788097</v>
      </c>
      <c r="W26" s="113">
        <v>159119923</v>
      </c>
      <c r="X26" s="116">
        <v>165420839</v>
      </c>
      <c r="Y26" s="110">
        <v>0</v>
      </c>
      <c r="Z26" s="114">
        <v>0</v>
      </c>
      <c r="AA26" s="113">
        <v>0</v>
      </c>
      <c r="AB26" s="110">
        <v>0</v>
      </c>
      <c r="AC26" s="114">
        <v>8772197</v>
      </c>
      <c r="AD26" s="114">
        <v>19796484</v>
      </c>
      <c r="AE26" s="114">
        <v>18697980</v>
      </c>
      <c r="AF26" s="114">
        <v>23883016</v>
      </c>
      <c r="AG26" s="114">
        <v>17350754</v>
      </c>
      <c r="AH26" s="113">
        <v>88500431</v>
      </c>
      <c r="AI26" s="116">
        <v>88500431</v>
      </c>
      <c r="AJ26" s="110">
        <v>0</v>
      </c>
      <c r="AK26" s="114">
        <v>0</v>
      </c>
      <c r="AL26" s="113">
        <v>0</v>
      </c>
      <c r="AM26" s="110">
        <v>0</v>
      </c>
      <c r="AN26" s="114">
        <v>0</v>
      </c>
      <c r="AO26" s="114">
        <v>396434</v>
      </c>
      <c r="AP26" s="114">
        <v>765588</v>
      </c>
      <c r="AQ26" s="114">
        <v>1905390</v>
      </c>
      <c r="AR26" s="114">
        <v>3031516</v>
      </c>
      <c r="AS26" s="113">
        <v>6098928</v>
      </c>
      <c r="AT26" s="116">
        <v>6098928</v>
      </c>
      <c r="AU26" s="110">
        <v>1221170</v>
      </c>
      <c r="AV26" s="114">
        <v>2663910</v>
      </c>
      <c r="AW26" s="113">
        <v>3885080</v>
      </c>
      <c r="AX26" s="110">
        <v>0</v>
      </c>
      <c r="AY26" s="114">
        <v>8907516</v>
      </c>
      <c r="AZ26" s="114">
        <v>12830094</v>
      </c>
      <c r="BA26" s="114">
        <v>6725343</v>
      </c>
      <c r="BB26" s="114">
        <v>7707805</v>
      </c>
      <c r="BC26" s="114">
        <v>5205417</v>
      </c>
      <c r="BD26" s="113">
        <v>41376175</v>
      </c>
      <c r="BE26" s="116">
        <v>45261255</v>
      </c>
      <c r="BF26" s="110">
        <v>430533</v>
      </c>
      <c r="BG26" s="114">
        <v>908862</v>
      </c>
      <c r="BH26" s="112">
        <v>1339395</v>
      </c>
      <c r="BI26" s="111">
        <v>0</v>
      </c>
      <c r="BJ26" s="114">
        <v>742114</v>
      </c>
      <c r="BK26" s="114">
        <v>1357686</v>
      </c>
      <c r="BL26" s="114">
        <v>700549</v>
      </c>
      <c r="BM26" s="114">
        <v>463448</v>
      </c>
      <c r="BN26" s="114">
        <v>352844</v>
      </c>
      <c r="BO26" s="113">
        <v>3616641</v>
      </c>
      <c r="BP26" s="116">
        <v>4956036</v>
      </c>
      <c r="BQ26" s="110">
        <v>627510</v>
      </c>
      <c r="BR26" s="114">
        <v>448931</v>
      </c>
      <c r="BS26" s="113">
        <v>1076441</v>
      </c>
      <c r="BT26" s="110">
        <v>0</v>
      </c>
      <c r="BU26" s="114">
        <v>3592601</v>
      </c>
      <c r="BV26" s="114">
        <v>5095330</v>
      </c>
      <c r="BW26" s="114">
        <v>4584765</v>
      </c>
      <c r="BX26" s="114">
        <v>3407486</v>
      </c>
      <c r="BY26" s="114">
        <v>2847566</v>
      </c>
      <c r="BZ26" s="113">
        <v>19527748</v>
      </c>
      <c r="CA26" s="116">
        <v>20604189</v>
      </c>
      <c r="CB26" s="110">
        <v>622650</v>
      </c>
      <c r="CC26" s="114">
        <v>1870907</v>
      </c>
      <c r="CD26" s="113">
        <v>2493557</v>
      </c>
      <c r="CE26" s="110">
        <v>0</v>
      </c>
      <c r="CF26" s="114">
        <v>19928367</v>
      </c>
      <c r="CG26" s="114">
        <v>30208757</v>
      </c>
      <c r="CH26" s="114">
        <v>22207592</v>
      </c>
      <c r="CI26" s="114">
        <v>12137910</v>
      </c>
      <c r="CJ26" s="114">
        <v>4887451</v>
      </c>
      <c r="CK26" s="113">
        <v>89370077</v>
      </c>
      <c r="CL26" s="116">
        <v>91863634</v>
      </c>
      <c r="CM26" s="110">
        <v>0</v>
      </c>
      <c r="CN26" s="114">
        <v>0</v>
      </c>
      <c r="CO26" s="113">
        <v>0</v>
      </c>
      <c r="CP26" s="111">
        <v>0</v>
      </c>
      <c r="CQ26" s="114">
        <v>16737172</v>
      </c>
      <c r="CR26" s="114">
        <v>25500726</v>
      </c>
      <c r="CS26" s="114">
        <v>19491669</v>
      </c>
      <c r="CT26" s="114">
        <v>10487187</v>
      </c>
      <c r="CU26" s="114">
        <v>4022563</v>
      </c>
      <c r="CV26" s="113">
        <v>76239317</v>
      </c>
      <c r="CW26" s="116">
        <v>76239317</v>
      </c>
      <c r="CX26" s="110">
        <v>622650</v>
      </c>
      <c r="CY26" s="114">
        <v>1870907</v>
      </c>
      <c r="CZ26" s="113">
        <v>2493557</v>
      </c>
      <c r="DA26" s="110">
        <v>0</v>
      </c>
      <c r="DB26" s="114">
        <v>3191195</v>
      </c>
      <c r="DC26" s="114">
        <v>4708031</v>
      </c>
      <c r="DD26" s="114">
        <v>2715923</v>
      </c>
      <c r="DE26" s="114">
        <v>1650723</v>
      </c>
      <c r="DF26" s="114">
        <v>864888</v>
      </c>
      <c r="DG26" s="113">
        <v>13130760</v>
      </c>
      <c r="DH26" s="116">
        <v>15624317</v>
      </c>
      <c r="DI26" s="110">
        <v>20822</v>
      </c>
      <c r="DJ26" s="114">
        <v>19702</v>
      </c>
      <c r="DK26" s="112">
        <v>40524</v>
      </c>
      <c r="DL26" s="111">
        <v>0</v>
      </c>
      <c r="DM26" s="114">
        <v>1358727</v>
      </c>
      <c r="DN26" s="114">
        <v>3872094</v>
      </c>
      <c r="DO26" s="114">
        <v>9655959</v>
      </c>
      <c r="DP26" s="114">
        <v>9244591</v>
      </c>
      <c r="DQ26" s="114">
        <v>5638633</v>
      </c>
      <c r="DR26" s="113">
        <v>29770004</v>
      </c>
      <c r="DS26" s="116">
        <v>29810528</v>
      </c>
      <c r="DT26" s="110">
        <v>20822</v>
      </c>
      <c r="DU26" s="114">
        <v>19702</v>
      </c>
      <c r="DV26" s="113">
        <v>40524</v>
      </c>
      <c r="DW26" s="110">
        <v>0</v>
      </c>
      <c r="DX26" s="114">
        <v>1296825</v>
      </c>
      <c r="DY26" s="114">
        <v>3686587</v>
      </c>
      <c r="DZ26" s="114">
        <v>9330482</v>
      </c>
      <c r="EA26" s="114">
        <v>8358459</v>
      </c>
      <c r="EB26" s="114">
        <v>5489704</v>
      </c>
      <c r="EC26" s="113">
        <v>28162057</v>
      </c>
      <c r="ED26" s="116">
        <v>28202581</v>
      </c>
      <c r="EE26" s="110">
        <v>0</v>
      </c>
      <c r="EF26" s="112">
        <v>0</v>
      </c>
      <c r="EG26" s="113">
        <v>0</v>
      </c>
      <c r="EH26" s="110">
        <v>0</v>
      </c>
      <c r="EI26" s="114">
        <v>61902</v>
      </c>
      <c r="EJ26" s="114">
        <v>185507</v>
      </c>
      <c r="EK26" s="114">
        <v>325477</v>
      </c>
      <c r="EL26" s="114">
        <v>886132</v>
      </c>
      <c r="EM26" s="114">
        <v>148929</v>
      </c>
      <c r="EN26" s="112">
        <v>1607947</v>
      </c>
      <c r="EO26" s="116">
        <v>1607947</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5"/>
      <c r="FE26" s="114">
        <v>0</v>
      </c>
      <c r="FF26" s="114">
        <v>0</v>
      </c>
      <c r="FG26" s="114">
        <v>0</v>
      </c>
      <c r="FH26" s="114">
        <v>0</v>
      </c>
      <c r="FI26" s="114">
        <v>0</v>
      </c>
      <c r="FJ26" s="113">
        <v>0</v>
      </c>
      <c r="FK26" s="116">
        <v>0</v>
      </c>
      <c r="FL26" s="110">
        <v>1280335</v>
      </c>
      <c r="FM26" s="114">
        <v>2381902</v>
      </c>
      <c r="FN26" s="113">
        <v>3662237</v>
      </c>
      <c r="FO26" s="110">
        <v>0</v>
      </c>
      <c r="FP26" s="114">
        <v>3154578</v>
      </c>
      <c r="FQ26" s="114">
        <v>9428430</v>
      </c>
      <c r="FR26" s="114">
        <v>5806993</v>
      </c>
      <c r="FS26" s="114">
        <v>5570891</v>
      </c>
      <c r="FT26" s="114">
        <v>3450672</v>
      </c>
      <c r="FU26" s="113">
        <v>27411564</v>
      </c>
      <c r="FV26" s="116">
        <v>31073801</v>
      </c>
      <c r="FW26" s="115">
        <v>873555</v>
      </c>
      <c r="FX26" s="114">
        <v>2245552</v>
      </c>
      <c r="FY26" s="112">
        <v>3119107</v>
      </c>
      <c r="FZ26" s="111">
        <v>0</v>
      </c>
      <c r="GA26" s="114">
        <v>2854136</v>
      </c>
      <c r="GB26" s="114">
        <v>8853654</v>
      </c>
      <c r="GC26" s="114">
        <v>5706496</v>
      </c>
      <c r="GD26" s="114">
        <v>5321938</v>
      </c>
      <c r="GE26" s="114">
        <v>3237885</v>
      </c>
      <c r="GF26" s="113">
        <v>25974109</v>
      </c>
      <c r="GG26" s="316">
        <v>29093216</v>
      </c>
      <c r="GH26" s="115">
        <v>52560</v>
      </c>
      <c r="GI26" s="114">
        <v>11250</v>
      </c>
      <c r="GJ26" s="112">
        <v>63810</v>
      </c>
      <c r="GK26" s="111">
        <v>0</v>
      </c>
      <c r="GL26" s="114">
        <v>172912</v>
      </c>
      <c r="GM26" s="114">
        <v>16200</v>
      </c>
      <c r="GN26" s="114">
        <v>100497</v>
      </c>
      <c r="GO26" s="114">
        <v>248953</v>
      </c>
      <c r="GP26" s="114">
        <v>62766</v>
      </c>
      <c r="GQ26" s="113">
        <v>601328</v>
      </c>
      <c r="GR26" s="116">
        <v>665138</v>
      </c>
      <c r="GS26" s="110">
        <v>354220</v>
      </c>
      <c r="GT26" s="114">
        <v>125100</v>
      </c>
      <c r="GU26" s="113">
        <v>479320</v>
      </c>
      <c r="GV26" s="110">
        <v>0</v>
      </c>
      <c r="GW26" s="114">
        <v>127530</v>
      </c>
      <c r="GX26" s="114">
        <v>558576</v>
      </c>
      <c r="GY26" s="114">
        <v>0</v>
      </c>
      <c r="GZ26" s="114">
        <v>0</v>
      </c>
      <c r="HA26" s="114">
        <v>150021</v>
      </c>
      <c r="HB26" s="112">
        <v>836127</v>
      </c>
      <c r="HC26" s="116">
        <v>1315447</v>
      </c>
      <c r="HD26" s="110">
        <v>809125</v>
      </c>
      <c r="HE26" s="114">
        <v>1380563</v>
      </c>
      <c r="HF26" s="112">
        <v>2189688</v>
      </c>
      <c r="HG26" s="111">
        <v>0</v>
      </c>
      <c r="HH26" s="114">
        <v>12446949</v>
      </c>
      <c r="HI26" s="114">
        <v>12347441</v>
      </c>
      <c r="HJ26" s="114">
        <v>16391290</v>
      </c>
      <c r="HK26" s="114">
        <v>11962872</v>
      </c>
      <c r="HL26" s="114">
        <v>10982893</v>
      </c>
      <c r="HM26" s="113">
        <v>64131445</v>
      </c>
      <c r="HN26" s="109">
        <v>66321133</v>
      </c>
      <c r="HO26" s="115">
        <v>1125231</v>
      </c>
      <c r="HP26" s="114">
        <v>1948762</v>
      </c>
      <c r="HQ26" s="113">
        <v>3073993</v>
      </c>
      <c r="HR26" s="110">
        <v>0</v>
      </c>
      <c r="HS26" s="114">
        <v>11458944</v>
      </c>
      <c r="HT26" s="114">
        <v>13092901</v>
      </c>
      <c r="HU26" s="114">
        <v>8072799</v>
      </c>
      <c r="HV26" s="114">
        <v>5719703</v>
      </c>
      <c r="HW26" s="114">
        <v>2919145</v>
      </c>
      <c r="HX26" s="112">
        <v>41263492</v>
      </c>
      <c r="HY26" s="116">
        <v>44337485</v>
      </c>
      <c r="HZ26" s="150">
        <v>0</v>
      </c>
      <c r="IA26" s="135">
        <v>0</v>
      </c>
      <c r="IB26" s="150">
        <v>0</v>
      </c>
      <c r="IC26" s="134">
        <v>0</v>
      </c>
      <c r="ID26" s="135">
        <v>15810916</v>
      </c>
      <c r="IE26" s="136">
        <v>23978747</v>
      </c>
      <c r="IF26" s="137">
        <v>21851625</v>
      </c>
      <c r="IG26" s="135">
        <v>10465522</v>
      </c>
      <c r="IH26" s="137">
        <v>7416593</v>
      </c>
      <c r="II26" s="138">
        <v>79523403</v>
      </c>
      <c r="IJ26" s="150">
        <v>79523403</v>
      </c>
      <c r="IK26" s="232">
        <v>0</v>
      </c>
      <c r="IL26" s="236">
        <v>0</v>
      </c>
      <c r="IM26" s="237">
        <v>0</v>
      </c>
      <c r="IN26" s="140"/>
      <c r="IO26" s="119">
        <v>399871</v>
      </c>
      <c r="IP26" s="119">
        <v>914117</v>
      </c>
      <c r="IQ26" s="119">
        <v>406355</v>
      </c>
      <c r="IR26" s="119">
        <v>931794</v>
      </c>
      <c r="IS26" s="119">
        <v>0</v>
      </c>
      <c r="IT26" s="141">
        <v>2652137</v>
      </c>
      <c r="IU26" s="318">
        <v>2652137</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9155435</v>
      </c>
      <c r="JL26" s="119">
        <v>10949702</v>
      </c>
      <c r="JM26" s="119">
        <v>7079964</v>
      </c>
      <c r="JN26" s="119">
        <v>3251153</v>
      </c>
      <c r="JO26" s="119">
        <v>1596831</v>
      </c>
      <c r="JP26" s="120">
        <v>32033085</v>
      </c>
      <c r="JQ26" s="318">
        <v>32033085</v>
      </c>
      <c r="JR26" s="142">
        <v>0</v>
      </c>
      <c r="JS26" s="119">
        <v>0</v>
      </c>
      <c r="JT26" s="141">
        <v>0</v>
      </c>
      <c r="JU26" s="118">
        <v>0</v>
      </c>
      <c r="JV26" s="119">
        <v>0</v>
      </c>
      <c r="JW26" s="119">
        <v>0</v>
      </c>
      <c r="JX26" s="119">
        <v>126678</v>
      </c>
      <c r="JY26" s="119">
        <v>0</v>
      </c>
      <c r="JZ26" s="119">
        <v>14860</v>
      </c>
      <c r="KA26" s="120">
        <v>141538</v>
      </c>
      <c r="KB26" s="318">
        <v>141538</v>
      </c>
      <c r="KC26" s="234">
        <v>0</v>
      </c>
      <c r="KD26" s="230">
        <v>0</v>
      </c>
      <c r="KE26" s="120">
        <v>0</v>
      </c>
      <c r="KF26" s="118">
        <v>0</v>
      </c>
      <c r="KG26" s="119">
        <v>1037195</v>
      </c>
      <c r="KH26" s="119">
        <v>1216095</v>
      </c>
      <c r="KI26" s="119">
        <v>3777134</v>
      </c>
      <c r="KJ26" s="119">
        <v>1944483</v>
      </c>
      <c r="KK26" s="119">
        <v>939975</v>
      </c>
      <c r="KL26" s="120">
        <v>8914882</v>
      </c>
      <c r="KM26" s="143">
        <v>8914882</v>
      </c>
      <c r="KN26" s="232">
        <v>0</v>
      </c>
      <c r="KO26" s="236">
        <v>0</v>
      </c>
      <c r="KP26" s="237">
        <v>0</v>
      </c>
      <c r="KQ26" s="140"/>
      <c r="KR26" s="119">
        <v>4922495</v>
      </c>
      <c r="KS26" s="119">
        <v>10304668</v>
      </c>
      <c r="KT26" s="119">
        <v>10461494</v>
      </c>
      <c r="KU26" s="119">
        <v>3719836</v>
      </c>
      <c r="KV26" s="119">
        <v>3132833</v>
      </c>
      <c r="KW26" s="120">
        <v>32541326</v>
      </c>
      <c r="KX26" s="318">
        <v>32541326</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18">
        <v>0</v>
      </c>
      <c r="LU26" s="142">
        <v>0</v>
      </c>
      <c r="LV26" s="119">
        <v>0</v>
      </c>
      <c r="LW26" s="120">
        <v>0</v>
      </c>
      <c r="LX26" s="145"/>
      <c r="LY26" s="119">
        <v>295920</v>
      </c>
      <c r="LZ26" s="119">
        <v>594165</v>
      </c>
      <c r="MA26" s="119">
        <v>0</v>
      </c>
      <c r="MB26" s="119">
        <v>618256</v>
      </c>
      <c r="MC26" s="119">
        <v>1732094</v>
      </c>
      <c r="MD26" s="120">
        <v>3240435</v>
      </c>
      <c r="ME26" s="121">
        <v>3240435</v>
      </c>
      <c r="MF26" s="142">
        <v>0</v>
      </c>
      <c r="MG26" s="119">
        <v>0</v>
      </c>
      <c r="MH26" s="120">
        <v>0</v>
      </c>
      <c r="MI26" s="145"/>
      <c r="MJ26" s="119">
        <v>6430615</v>
      </c>
      <c r="MK26" s="119">
        <v>11452763</v>
      </c>
      <c r="ML26" s="119">
        <v>56651631</v>
      </c>
      <c r="MM26" s="119">
        <v>73400110</v>
      </c>
      <c r="MN26" s="119">
        <v>56515749</v>
      </c>
      <c r="MO26" s="120">
        <v>204450868</v>
      </c>
      <c r="MP26" s="143">
        <v>204450868</v>
      </c>
      <c r="MQ26" s="142">
        <v>0</v>
      </c>
      <c r="MR26" s="119">
        <v>0</v>
      </c>
      <c r="MS26" s="120">
        <v>0</v>
      </c>
      <c r="MT26" s="145"/>
      <c r="MU26" s="119">
        <v>1393660</v>
      </c>
      <c r="MV26" s="119">
        <v>3321105</v>
      </c>
      <c r="MW26" s="119">
        <v>45453423</v>
      </c>
      <c r="MX26" s="119">
        <v>53619098</v>
      </c>
      <c r="MY26" s="119">
        <v>41861286</v>
      </c>
      <c r="MZ26" s="120">
        <v>145648572</v>
      </c>
      <c r="NA26" s="143">
        <v>145648572</v>
      </c>
      <c r="NB26" s="142">
        <v>0</v>
      </c>
      <c r="NC26" s="119">
        <v>0</v>
      </c>
      <c r="ND26" s="120">
        <v>0</v>
      </c>
      <c r="NE26" s="145"/>
      <c r="NF26" s="119">
        <v>5036955</v>
      </c>
      <c r="NG26" s="119">
        <v>8131658</v>
      </c>
      <c r="NH26" s="119">
        <v>10445641</v>
      </c>
      <c r="NI26" s="119">
        <v>15181114</v>
      </c>
      <c r="NJ26" s="119">
        <v>8274868</v>
      </c>
      <c r="NK26" s="120">
        <v>47070236</v>
      </c>
      <c r="NL26" s="318">
        <v>47070236</v>
      </c>
      <c r="NM26" s="142">
        <v>0</v>
      </c>
      <c r="NN26" s="119">
        <v>0</v>
      </c>
      <c r="NO26" s="120">
        <v>0</v>
      </c>
      <c r="NP26" s="145"/>
      <c r="NQ26" s="119">
        <v>0</v>
      </c>
      <c r="NR26" s="119">
        <v>0</v>
      </c>
      <c r="NS26" s="119">
        <v>362074</v>
      </c>
      <c r="NT26" s="119">
        <v>658854</v>
      </c>
      <c r="NU26" s="119">
        <v>673961</v>
      </c>
      <c r="NV26" s="120">
        <v>1694889</v>
      </c>
      <c r="NW26" s="121">
        <v>1694889</v>
      </c>
      <c r="NX26" s="142">
        <v>0</v>
      </c>
      <c r="NY26" s="119">
        <v>0</v>
      </c>
      <c r="NZ26" s="120">
        <v>0</v>
      </c>
      <c r="OA26" s="145"/>
      <c r="OB26" s="119">
        <v>0</v>
      </c>
      <c r="OC26" s="119">
        <v>0</v>
      </c>
      <c r="OD26" s="119">
        <v>390493</v>
      </c>
      <c r="OE26" s="119">
        <v>3941044</v>
      </c>
      <c r="OF26" s="119">
        <v>5705634</v>
      </c>
      <c r="OG26" s="120">
        <v>10037171</v>
      </c>
      <c r="OH26" s="121">
        <v>10037171</v>
      </c>
      <c r="OI26" s="142">
        <v>6137376</v>
      </c>
      <c r="OJ26" s="119">
        <v>11623539</v>
      </c>
      <c r="OK26" s="141">
        <v>17760915</v>
      </c>
      <c r="OL26" s="118">
        <v>0</v>
      </c>
      <c r="OM26" s="119">
        <v>92603524</v>
      </c>
      <c r="ON26" s="119">
        <v>143857161</v>
      </c>
      <c r="OO26" s="119">
        <v>172112114</v>
      </c>
      <c r="OP26" s="119">
        <v>165868744</v>
      </c>
      <c r="OQ26" s="119">
        <v>120599233</v>
      </c>
      <c r="OR26" s="120">
        <v>695040776</v>
      </c>
      <c r="OS26" s="143">
        <v>712801691</v>
      </c>
    </row>
    <row r="27" spans="2:409" ht="21" customHeight="1" x14ac:dyDescent="0.2">
      <c r="B27" s="62" t="s">
        <v>22</v>
      </c>
      <c r="C27" s="110">
        <v>1423991</v>
      </c>
      <c r="D27" s="114">
        <v>3064308</v>
      </c>
      <c r="E27" s="113">
        <v>4488299</v>
      </c>
      <c r="F27" s="109">
        <v>0</v>
      </c>
      <c r="G27" s="114">
        <v>25434740</v>
      </c>
      <c r="H27" s="114">
        <v>31361995</v>
      </c>
      <c r="I27" s="114">
        <v>26810138</v>
      </c>
      <c r="J27" s="114">
        <v>25417936</v>
      </c>
      <c r="K27" s="114">
        <v>18731681</v>
      </c>
      <c r="L27" s="173">
        <v>127756490</v>
      </c>
      <c r="M27" s="116">
        <v>132244789</v>
      </c>
      <c r="N27" s="110">
        <v>186085</v>
      </c>
      <c r="O27" s="114">
        <v>386397</v>
      </c>
      <c r="P27" s="113">
        <v>572482</v>
      </c>
      <c r="Q27" s="110">
        <v>0</v>
      </c>
      <c r="R27" s="114">
        <v>5070173</v>
      </c>
      <c r="S27" s="114">
        <v>7180335</v>
      </c>
      <c r="T27" s="114">
        <v>5822378</v>
      </c>
      <c r="U27" s="114">
        <v>7598630</v>
      </c>
      <c r="V27" s="114">
        <v>9125958</v>
      </c>
      <c r="W27" s="113">
        <v>34797474</v>
      </c>
      <c r="X27" s="116">
        <v>35369956</v>
      </c>
      <c r="Y27" s="110">
        <v>0</v>
      </c>
      <c r="Z27" s="114">
        <v>0</v>
      </c>
      <c r="AA27" s="113">
        <v>0</v>
      </c>
      <c r="AB27" s="110">
        <v>0</v>
      </c>
      <c r="AC27" s="114">
        <v>2046287</v>
      </c>
      <c r="AD27" s="114">
        <v>3081853</v>
      </c>
      <c r="AE27" s="114">
        <v>2659329</v>
      </c>
      <c r="AF27" s="114">
        <v>4151727</v>
      </c>
      <c r="AG27" s="114">
        <v>5749800</v>
      </c>
      <c r="AH27" s="113">
        <v>17688996</v>
      </c>
      <c r="AI27" s="116">
        <v>17688996</v>
      </c>
      <c r="AJ27" s="110">
        <v>0</v>
      </c>
      <c r="AK27" s="114">
        <v>0</v>
      </c>
      <c r="AL27" s="113">
        <v>0</v>
      </c>
      <c r="AM27" s="110">
        <v>0</v>
      </c>
      <c r="AN27" s="114">
        <v>72653</v>
      </c>
      <c r="AO27" s="114">
        <v>75708</v>
      </c>
      <c r="AP27" s="114">
        <v>305678</v>
      </c>
      <c r="AQ27" s="114">
        <v>632403</v>
      </c>
      <c r="AR27" s="114">
        <v>1162974</v>
      </c>
      <c r="AS27" s="113">
        <v>2249416</v>
      </c>
      <c r="AT27" s="116">
        <v>2249416</v>
      </c>
      <c r="AU27" s="110">
        <v>120630</v>
      </c>
      <c r="AV27" s="114">
        <v>189044</v>
      </c>
      <c r="AW27" s="113">
        <v>309674</v>
      </c>
      <c r="AX27" s="110">
        <v>0</v>
      </c>
      <c r="AY27" s="114">
        <v>1861857</v>
      </c>
      <c r="AZ27" s="114">
        <v>2353103</v>
      </c>
      <c r="BA27" s="114">
        <v>1671945</v>
      </c>
      <c r="BB27" s="114">
        <v>1772940</v>
      </c>
      <c r="BC27" s="114">
        <v>1588761</v>
      </c>
      <c r="BD27" s="113">
        <v>9248606</v>
      </c>
      <c r="BE27" s="116">
        <v>9558280</v>
      </c>
      <c r="BF27" s="110">
        <v>0</v>
      </c>
      <c r="BG27" s="114">
        <v>95661</v>
      </c>
      <c r="BH27" s="112">
        <v>95661</v>
      </c>
      <c r="BI27" s="111">
        <v>0</v>
      </c>
      <c r="BJ27" s="114">
        <v>266008</v>
      </c>
      <c r="BK27" s="114">
        <v>578190</v>
      </c>
      <c r="BL27" s="114">
        <v>247553</v>
      </c>
      <c r="BM27" s="114">
        <v>92745</v>
      </c>
      <c r="BN27" s="114">
        <v>124042</v>
      </c>
      <c r="BO27" s="113">
        <v>1308538</v>
      </c>
      <c r="BP27" s="116">
        <v>1404199</v>
      </c>
      <c r="BQ27" s="110">
        <v>65455</v>
      </c>
      <c r="BR27" s="114">
        <v>101692</v>
      </c>
      <c r="BS27" s="113">
        <v>167147</v>
      </c>
      <c r="BT27" s="110">
        <v>0</v>
      </c>
      <c r="BU27" s="114">
        <v>823368</v>
      </c>
      <c r="BV27" s="114">
        <v>1091481</v>
      </c>
      <c r="BW27" s="114">
        <v>937873</v>
      </c>
      <c r="BX27" s="114">
        <v>948815</v>
      </c>
      <c r="BY27" s="114">
        <v>500381</v>
      </c>
      <c r="BZ27" s="113">
        <v>4301918</v>
      </c>
      <c r="CA27" s="116">
        <v>4469065</v>
      </c>
      <c r="CB27" s="110">
        <v>37088</v>
      </c>
      <c r="CC27" s="114">
        <v>324411</v>
      </c>
      <c r="CD27" s="113">
        <v>361499</v>
      </c>
      <c r="CE27" s="110">
        <v>0</v>
      </c>
      <c r="CF27" s="114">
        <v>7920162</v>
      </c>
      <c r="CG27" s="114">
        <v>10389438</v>
      </c>
      <c r="CH27" s="114">
        <v>6556662</v>
      </c>
      <c r="CI27" s="114">
        <v>5341171</v>
      </c>
      <c r="CJ27" s="114">
        <v>2416930</v>
      </c>
      <c r="CK27" s="113">
        <v>32624363</v>
      </c>
      <c r="CL27" s="116">
        <v>32985862</v>
      </c>
      <c r="CM27" s="110">
        <v>0</v>
      </c>
      <c r="CN27" s="114">
        <v>0</v>
      </c>
      <c r="CO27" s="113">
        <v>0</v>
      </c>
      <c r="CP27" s="111">
        <v>0</v>
      </c>
      <c r="CQ27" s="114">
        <v>6780823</v>
      </c>
      <c r="CR27" s="114">
        <v>8590657</v>
      </c>
      <c r="CS27" s="114">
        <v>5184359</v>
      </c>
      <c r="CT27" s="114">
        <v>4046781</v>
      </c>
      <c r="CU27" s="114">
        <v>1935487</v>
      </c>
      <c r="CV27" s="113">
        <v>26538107</v>
      </c>
      <c r="CW27" s="116">
        <v>26538107</v>
      </c>
      <c r="CX27" s="110">
        <v>37088</v>
      </c>
      <c r="CY27" s="114">
        <v>324411</v>
      </c>
      <c r="CZ27" s="113">
        <v>361499</v>
      </c>
      <c r="DA27" s="110">
        <v>0</v>
      </c>
      <c r="DB27" s="114">
        <v>1139339</v>
      </c>
      <c r="DC27" s="114">
        <v>1798781</v>
      </c>
      <c r="DD27" s="114">
        <v>1372303</v>
      </c>
      <c r="DE27" s="114">
        <v>1294390</v>
      </c>
      <c r="DF27" s="114">
        <v>481443</v>
      </c>
      <c r="DG27" s="113">
        <v>6086256</v>
      </c>
      <c r="DH27" s="116">
        <v>6447755</v>
      </c>
      <c r="DI27" s="110">
        <v>0</v>
      </c>
      <c r="DJ27" s="114">
        <v>44666</v>
      </c>
      <c r="DK27" s="112">
        <v>44666</v>
      </c>
      <c r="DL27" s="111">
        <v>0</v>
      </c>
      <c r="DM27" s="114">
        <v>814267</v>
      </c>
      <c r="DN27" s="114">
        <v>1381946</v>
      </c>
      <c r="DO27" s="114">
        <v>3337988</v>
      </c>
      <c r="DP27" s="114">
        <v>2228827</v>
      </c>
      <c r="DQ27" s="114">
        <v>1918588</v>
      </c>
      <c r="DR27" s="113">
        <v>9681616</v>
      </c>
      <c r="DS27" s="116">
        <v>9726282</v>
      </c>
      <c r="DT27" s="110">
        <v>0</v>
      </c>
      <c r="DU27" s="114">
        <v>44666</v>
      </c>
      <c r="DV27" s="113">
        <v>44666</v>
      </c>
      <c r="DW27" s="110">
        <v>0</v>
      </c>
      <c r="DX27" s="114">
        <v>689419</v>
      </c>
      <c r="DY27" s="114">
        <v>1199503</v>
      </c>
      <c r="DZ27" s="114">
        <v>3002223</v>
      </c>
      <c r="EA27" s="114">
        <v>1852455</v>
      </c>
      <c r="EB27" s="114">
        <v>1707812</v>
      </c>
      <c r="EC27" s="113">
        <v>8451412</v>
      </c>
      <c r="ED27" s="116">
        <v>8496078</v>
      </c>
      <c r="EE27" s="110">
        <v>0</v>
      </c>
      <c r="EF27" s="112">
        <v>0</v>
      </c>
      <c r="EG27" s="113">
        <v>0</v>
      </c>
      <c r="EH27" s="110">
        <v>0</v>
      </c>
      <c r="EI27" s="114">
        <v>124848</v>
      </c>
      <c r="EJ27" s="114">
        <v>182443</v>
      </c>
      <c r="EK27" s="114">
        <v>335765</v>
      </c>
      <c r="EL27" s="114">
        <v>376372</v>
      </c>
      <c r="EM27" s="114">
        <v>210776</v>
      </c>
      <c r="EN27" s="112">
        <v>1230204</v>
      </c>
      <c r="EO27" s="116">
        <v>1230204</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5"/>
      <c r="FE27" s="114">
        <v>0</v>
      </c>
      <c r="FF27" s="114">
        <v>0</v>
      </c>
      <c r="FG27" s="114">
        <v>0</v>
      </c>
      <c r="FH27" s="114">
        <v>0</v>
      </c>
      <c r="FI27" s="114">
        <v>0</v>
      </c>
      <c r="FJ27" s="113">
        <v>0</v>
      </c>
      <c r="FK27" s="116">
        <v>0</v>
      </c>
      <c r="FL27" s="110">
        <v>458285</v>
      </c>
      <c r="FM27" s="114">
        <v>1055562</v>
      </c>
      <c r="FN27" s="113">
        <v>1513847</v>
      </c>
      <c r="FO27" s="110">
        <v>0</v>
      </c>
      <c r="FP27" s="114">
        <v>1668300</v>
      </c>
      <c r="FQ27" s="114">
        <v>3559598</v>
      </c>
      <c r="FR27" s="114">
        <v>2416465</v>
      </c>
      <c r="FS27" s="114">
        <v>2015445</v>
      </c>
      <c r="FT27" s="114">
        <v>1719193</v>
      </c>
      <c r="FU27" s="113">
        <v>11379001</v>
      </c>
      <c r="FV27" s="116">
        <v>12892848</v>
      </c>
      <c r="FW27" s="115">
        <v>227245</v>
      </c>
      <c r="FX27" s="114">
        <v>804827</v>
      </c>
      <c r="FY27" s="112">
        <v>1032072</v>
      </c>
      <c r="FZ27" s="111">
        <v>0</v>
      </c>
      <c r="GA27" s="114">
        <v>1400522</v>
      </c>
      <c r="GB27" s="114">
        <v>2944727</v>
      </c>
      <c r="GC27" s="114">
        <v>2238832</v>
      </c>
      <c r="GD27" s="114">
        <v>1856451</v>
      </c>
      <c r="GE27" s="114">
        <v>1616991</v>
      </c>
      <c r="GF27" s="113">
        <v>10057523</v>
      </c>
      <c r="GG27" s="316">
        <v>11089595</v>
      </c>
      <c r="GH27" s="115">
        <v>51040</v>
      </c>
      <c r="GI27" s="114">
        <v>79635</v>
      </c>
      <c r="GJ27" s="112">
        <v>130675</v>
      </c>
      <c r="GK27" s="111">
        <v>0</v>
      </c>
      <c r="GL27" s="114">
        <v>125509</v>
      </c>
      <c r="GM27" s="114">
        <v>191034</v>
      </c>
      <c r="GN27" s="114">
        <v>97920</v>
      </c>
      <c r="GO27" s="114">
        <v>62208</v>
      </c>
      <c r="GP27" s="114">
        <v>32202</v>
      </c>
      <c r="GQ27" s="113">
        <v>508873</v>
      </c>
      <c r="GR27" s="116">
        <v>639548</v>
      </c>
      <c r="GS27" s="110">
        <v>180000</v>
      </c>
      <c r="GT27" s="114">
        <v>171100</v>
      </c>
      <c r="GU27" s="113">
        <v>351100</v>
      </c>
      <c r="GV27" s="110">
        <v>0</v>
      </c>
      <c r="GW27" s="114">
        <v>142269</v>
      </c>
      <c r="GX27" s="114">
        <v>423837</v>
      </c>
      <c r="GY27" s="114">
        <v>79713</v>
      </c>
      <c r="GZ27" s="114">
        <v>96786</v>
      </c>
      <c r="HA27" s="114">
        <v>70000</v>
      </c>
      <c r="HB27" s="112">
        <v>812605</v>
      </c>
      <c r="HC27" s="116">
        <v>1163705</v>
      </c>
      <c r="HD27" s="110">
        <v>494013</v>
      </c>
      <c r="HE27" s="114">
        <v>596806</v>
      </c>
      <c r="HF27" s="112">
        <v>1090819</v>
      </c>
      <c r="HG27" s="111">
        <v>0</v>
      </c>
      <c r="HH27" s="114">
        <v>5215721</v>
      </c>
      <c r="HI27" s="114">
        <v>4318678</v>
      </c>
      <c r="HJ27" s="114">
        <v>6005382</v>
      </c>
      <c r="HK27" s="114">
        <v>6150875</v>
      </c>
      <c r="HL27" s="114">
        <v>2170556</v>
      </c>
      <c r="HM27" s="113">
        <v>23861212</v>
      </c>
      <c r="HN27" s="109">
        <v>24952031</v>
      </c>
      <c r="HO27" s="115">
        <v>248520</v>
      </c>
      <c r="HP27" s="114">
        <v>656466</v>
      </c>
      <c r="HQ27" s="113">
        <v>904986</v>
      </c>
      <c r="HR27" s="110">
        <v>0</v>
      </c>
      <c r="HS27" s="114">
        <v>4746117</v>
      </c>
      <c r="HT27" s="114">
        <v>4532000</v>
      </c>
      <c r="HU27" s="114">
        <v>2671263</v>
      </c>
      <c r="HV27" s="114">
        <v>2082988</v>
      </c>
      <c r="HW27" s="114">
        <v>1380456</v>
      </c>
      <c r="HX27" s="112">
        <v>15412824</v>
      </c>
      <c r="HY27" s="116">
        <v>16317810</v>
      </c>
      <c r="HZ27" s="131">
        <v>79704</v>
      </c>
      <c r="IA27" s="132">
        <v>272420</v>
      </c>
      <c r="IB27" s="133">
        <v>352124</v>
      </c>
      <c r="IC27" s="146">
        <v>0</v>
      </c>
      <c r="ID27" s="132">
        <v>13414154</v>
      </c>
      <c r="IE27" s="147">
        <v>15747465</v>
      </c>
      <c r="IF27" s="133">
        <v>11429030</v>
      </c>
      <c r="IG27" s="132">
        <v>16958501</v>
      </c>
      <c r="IH27" s="133">
        <v>6175683</v>
      </c>
      <c r="II27" s="148">
        <v>63724833</v>
      </c>
      <c r="IJ27" s="139">
        <v>64076957</v>
      </c>
      <c r="IK27" s="232">
        <v>0</v>
      </c>
      <c r="IL27" s="236">
        <v>0</v>
      </c>
      <c r="IM27" s="237">
        <v>0</v>
      </c>
      <c r="IN27" s="140"/>
      <c r="IO27" s="119">
        <v>102172</v>
      </c>
      <c r="IP27" s="119">
        <v>545058</v>
      </c>
      <c r="IQ27" s="119">
        <v>772082</v>
      </c>
      <c r="IR27" s="119">
        <v>652896</v>
      </c>
      <c r="IS27" s="119">
        <v>0</v>
      </c>
      <c r="IT27" s="141">
        <v>2072208</v>
      </c>
      <c r="IU27" s="318">
        <v>2072208</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6795736</v>
      </c>
      <c r="JL27" s="119">
        <v>6721085</v>
      </c>
      <c r="JM27" s="119">
        <v>2800473</v>
      </c>
      <c r="JN27" s="119">
        <v>4399773</v>
      </c>
      <c r="JO27" s="119">
        <v>1244268</v>
      </c>
      <c r="JP27" s="120">
        <v>21961335</v>
      </c>
      <c r="JQ27" s="318">
        <v>21961335</v>
      </c>
      <c r="JR27" s="142">
        <v>0</v>
      </c>
      <c r="JS27" s="119">
        <v>0</v>
      </c>
      <c r="JT27" s="141">
        <v>0</v>
      </c>
      <c r="JU27" s="118">
        <v>0</v>
      </c>
      <c r="JV27" s="119">
        <v>370854</v>
      </c>
      <c r="JW27" s="119">
        <v>496989</v>
      </c>
      <c r="JX27" s="119">
        <v>210579</v>
      </c>
      <c r="JY27" s="119">
        <v>586940</v>
      </c>
      <c r="JZ27" s="119">
        <v>147447</v>
      </c>
      <c r="KA27" s="120">
        <v>1812809</v>
      </c>
      <c r="KB27" s="318">
        <v>1812809</v>
      </c>
      <c r="KC27" s="234">
        <v>79704</v>
      </c>
      <c r="KD27" s="230">
        <v>272420</v>
      </c>
      <c r="KE27" s="120">
        <v>352124</v>
      </c>
      <c r="KF27" s="118">
        <v>0</v>
      </c>
      <c r="KG27" s="119">
        <v>2057937</v>
      </c>
      <c r="KH27" s="119">
        <v>3034592</v>
      </c>
      <c r="KI27" s="119">
        <v>3800592</v>
      </c>
      <c r="KJ27" s="119">
        <v>2909115</v>
      </c>
      <c r="KK27" s="119">
        <v>859842</v>
      </c>
      <c r="KL27" s="120">
        <v>12662078</v>
      </c>
      <c r="KM27" s="143">
        <v>13014202</v>
      </c>
      <c r="KN27" s="232">
        <v>0</v>
      </c>
      <c r="KO27" s="236">
        <v>0</v>
      </c>
      <c r="KP27" s="237">
        <v>0</v>
      </c>
      <c r="KQ27" s="140"/>
      <c r="KR27" s="119">
        <v>4087455</v>
      </c>
      <c r="KS27" s="119">
        <v>4949741</v>
      </c>
      <c r="KT27" s="119">
        <v>3291093</v>
      </c>
      <c r="KU27" s="119">
        <v>2250045</v>
      </c>
      <c r="KV27" s="119">
        <v>1662111</v>
      </c>
      <c r="KW27" s="120">
        <v>16240445</v>
      </c>
      <c r="KX27" s="318">
        <v>16240445</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554211</v>
      </c>
      <c r="LQ27" s="119">
        <v>6159732</v>
      </c>
      <c r="LR27" s="119">
        <v>2262015</v>
      </c>
      <c r="LS27" s="120">
        <v>8975958</v>
      </c>
      <c r="LT27" s="318">
        <v>8975958</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3327646</v>
      </c>
      <c r="MK27" s="119">
        <v>7584504</v>
      </c>
      <c r="ML27" s="119">
        <v>20657709</v>
      </c>
      <c r="MM27" s="119">
        <v>31192945</v>
      </c>
      <c r="MN27" s="119">
        <v>17320200</v>
      </c>
      <c r="MO27" s="120">
        <v>80083004</v>
      </c>
      <c r="MP27" s="143">
        <v>80083004</v>
      </c>
      <c r="MQ27" s="142">
        <v>0</v>
      </c>
      <c r="MR27" s="119">
        <v>0</v>
      </c>
      <c r="MS27" s="120">
        <v>0</v>
      </c>
      <c r="MT27" s="145"/>
      <c r="MU27" s="119">
        <v>443394</v>
      </c>
      <c r="MV27" s="119">
        <v>352971</v>
      </c>
      <c r="MW27" s="119">
        <v>12068511</v>
      </c>
      <c r="MX27" s="119">
        <v>16307386</v>
      </c>
      <c r="MY27" s="119">
        <v>11238793</v>
      </c>
      <c r="MZ27" s="120">
        <v>40411055</v>
      </c>
      <c r="NA27" s="143">
        <v>40411055</v>
      </c>
      <c r="NB27" s="142">
        <v>0</v>
      </c>
      <c r="NC27" s="119">
        <v>0</v>
      </c>
      <c r="ND27" s="120">
        <v>0</v>
      </c>
      <c r="NE27" s="145"/>
      <c r="NF27" s="119">
        <v>2884252</v>
      </c>
      <c r="NG27" s="119">
        <v>7231533</v>
      </c>
      <c r="NH27" s="119">
        <v>8589198</v>
      </c>
      <c r="NI27" s="119">
        <v>11768983</v>
      </c>
      <c r="NJ27" s="119">
        <v>4508072</v>
      </c>
      <c r="NK27" s="120">
        <v>34982038</v>
      </c>
      <c r="NL27" s="318">
        <v>34982038</v>
      </c>
      <c r="NM27" s="142">
        <v>0</v>
      </c>
      <c r="NN27" s="119">
        <v>0</v>
      </c>
      <c r="NO27" s="120">
        <v>0</v>
      </c>
      <c r="NP27" s="145"/>
      <c r="NQ27" s="119">
        <v>0</v>
      </c>
      <c r="NR27" s="119">
        <v>0</v>
      </c>
      <c r="NS27" s="119">
        <v>0</v>
      </c>
      <c r="NT27" s="119">
        <v>0</v>
      </c>
      <c r="NU27" s="119">
        <v>363458</v>
      </c>
      <c r="NV27" s="120">
        <v>363458</v>
      </c>
      <c r="NW27" s="121">
        <v>363458</v>
      </c>
      <c r="NX27" s="142">
        <v>0</v>
      </c>
      <c r="NY27" s="119">
        <v>0</v>
      </c>
      <c r="NZ27" s="120">
        <v>0</v>
      </c>
      <c r="OA27" s="145"/>
      <c r="OB27" s="119">
        <v>0</v>
      </c>
      <c r="OC27" s="119">
        <v>0</v>
      </c>
      <c r="OD27" s="119">
        <v>0</v>
      </c>
      <c r="OE27" s="119">
        <v>3116576</v>
      </c>
      <c r="OF27" s="119">
        <v>1209877</v>
      </c>
      <c r="OG27" s="120">
        <v>4326453</v>
      </c>
      <c r="OH27" s="121">
        <v>4326453</v>
      </c>
      <c r="OI27" s="142">
        <v>1503695</v>
      </c>
      <c r="OJ27" s="119">
        <v>3336728</v>
      </c>
      <c r="OK27" s="141">
        <v>4840423</v>
      </c>
      <c r="OL27" s="118">
        <v>0</v>
      </c>
      <c r="OM27" s="119">
        <v>42176540</v>
      </c>
      <c r="ON27" s="119">
        <v>54693964</v>
      </c>
      <c r="OO27" s="119">
        <v>58896877</v>
      </c>
      <c r="OP27" s="119">
        <v>73569382</v>
      </c>
      <c r="OQ27" s="119">
        <v>42227564</v>
      </c>
      <c r="OR27" s="120">
        <v>271564327</v>
      </c>
      <c r="OS27" s="143">
        <v>276404750</v>
      </c>
    </row>
    <row r="28" spans="2:409" ht="21" customHeight="1" x14ac:dyDescent="0.2">
      <c r="B28" s="62" t="s">
        <v>23</v>
      </c>
      <c r="C28" s="110">
        <v>3227619</v>
      </c>
      <c r="D28" s="114">
        <v>6436182</v>
      </c>
      <c r="E28" s="113">
        <v>9663801</v>
      </c>
      <c r="F28" s="109">
        <v>0</v>
      </c>
      <c r="G28" s="114">
        <v>53060883</v>
      </c>
      <c r="H28" s="114">
        <v>62551009</v>
      </c>
      <c r="I28" s="114">
        <v>49801579</v>
      </c>
      <c r="J28" s="114">
        <v>59496333</v>
      </c>
      <c r="K28" s="114">
        <v>31733121</v>
      </c>
      <c r="L28" s="173">
        <v>256642925</v>
      </c>
      <c r="M28" s="116">
        <v>266306726</v>
      </c>
      <c r="N28" s="110">
        <v>1239933</v>
      </c>
      <c r="O28" s="114">
        <v>2098947</v>
      </c>
      <c r="P28" s="113">
        <v>3338880</v>
      </c>
      <c r="Q28" s="110">
        <v>0</v>
      </c>
      <c r="R28" s="114">
        <v>13122559</v>
      </c>
      <c r="S28" s="114">
        <v>17301685</v>
      </c>
      <c r="T28" s="114">
        <v>13351064</v>
      </c>
      <c r="U28" s="114">
        <v>18087037</v>
      </c>
      <c r="V28" s="114">
        <v>12371585</v>
      </c>
      <c r="W28" s="113">
        <v>74233930</v>
      </c>
      <c r="X28" s="116">
        <v>77572810</v>
      </c>
      <c r="Y28" s="110">
        <v>0</v>
      </c>
      <c r="Z28" s="114">
        <v>0</v>
      </c>
      <c r="AA28" s="113">
        <v>0</v>
      </c>
      <c r="AB28" s="110">
        <v>0</v>
      </c>
      <c r="AC28" s="114">
        <v>5629117</v>
      </c>
      <c r="AD28" s="114">
        <v>7338185</v>
      </c>
      <c r="AE28" s="114">
        <v>7385320</v>
      </c>
      <c r="AF28" s="114">
        <v>9952664</v>
      </c>
      <c r="AG28" s="114">
        <v>6660876</v>
      </c>
      <c r="AH28" s="113">
        <v>36966162</v>
      </c>
      <c r="AI28" s="116">
        <v>36966162</v>
      </c>
      <c r="AJ28" s="110">
        <v>0</v>
      </c>
      <c r="AK28" s="114">
        <v>0</v>
      </c>
      <c r="AL28" s="113">
        <v>0</v>
      </c>
      <c r="AM28" s="110">
        <v>0</v>
      </c>
      <c r="AN28" s="114">
        <v>51149</v>
      </c>
      <c r="AO28" s="114">
        <v>220375</v>
      </c>
      <c r="AP28" s="114">
        <v>187292</v>
      </c>
      <c r="AQ28" s="114">
        <v>975369</v>
      </c>
      <c r="AR28" s="114">
        <v>1167489</v>
      </c>
      <c r="AS28" s="113">
        <v>2601674</v>
      </c>
      <c r="AT28" s="116">
        <v>2601674</v>
      </c>
      <c r="AU28" s="110">
        <v>973909</v>
      </c>
      <c r="AV28" s="114">
        <v>1764425</v>
      </c>
      <c r="AW28" s="113">
        <v>2738334</v>
      </c>
      <c r="AX28" s="110">
        <v>0</v>
      </c>
      <c r="AY28" s="114">
        <v>4530211</v>
      </c>
      <c r="AZ28" s="114">
        <v>6610297</v>
      </c>
      <c r="BA28" s="114">
        <v>3230369</v>
      </c>
      <c r="BB28" s="114">
        <v>3972086</v>
      </c>
      <c r="BC28" s="114">
        <v>2157745</v>
      </c>
      <c r="BD28" s="113">
        <v>20500708</v>
      </c>
      <c r="BE28" s="116">
        <v>23239042</v>
      </c>
      <c r="BF28" s="110">
        <v>118850</v>
      </c>
      <c r="BG28" s="114">
        <v>221518</v>
      </c>
      <c r="BH28" s="112">
        <v>340368</v>
      </c>
      <c r="BI28" s="111">
        <v>0</v>
      </c>
      <c r="BJ28" s="114">
        <v>317387</v>
      </c>
      <c r="BK28" s="114">
        <v>1056610</v>
      </c>
      <c r="BL28" s="114">
        <v>430074</v>
      </c>
      <c r="BM28" s="114">
        <v>444661</v>
      </c>
      <c r="BN28" s="114">
        <v>495134</v>
      </c>
      <c r="BO28" s="113">
        <v>2743866</v>
      </c>
      <c r="BP28" s="116">
        <v>3084234</v>
      </c>
      <c r="BQ28" s="110">
        <v>147174</v>
      </c>
      <c r="BR28" s="114">
        <v>113004</v>
      </c>
      <c r="BS28" s="113">
        <v>260178</v>
      </c>
      <c r="BT28" s="110">
        <v>0</v>
      </c>
      <c r="BU28" s="114">
        <v>2594695</v>
      </c>
      <c r="BV28" s="114">
        <v>2076218</v>
      </c>
      <c r="BW28" s="114">
        <v>2118009</v>
      </c>
      <c r="BX28" s="114">
        <v>2742257</v>
      </c>
      <c r="BY28" s="114">
        <v>1890341</v>
      </c>
      <c r="BZ28" s="113">
        <v>11421520</v>
      </c>
      <c r="CA28" s="116">
        <v>11681698</v>
      </c>
      <c r="CB28" s="110">
        <v>49057</v>
      </c>
      <c r="CC28" s="114">
        <v>456620</v>
      </c>
      <c r="CD28" s="113">
        <v>505677</v>
      </c>
      <c r="CE28" s="110">
        <v>0</v>
      </c>
      <c r="CF28" s="114">
        <v>19292565</v>
      </c>
      <c r="CG28" s="114">
        <v>21962037</v>
      </c>
      <c r="CH28" s="114">
        <v>16424118</v>
      </c>
      <c r="CI28" s="114">
        <v>13080667</v>
      </c>
      <c r="CJ28" s="114">
        <v>4593032</v>
      </c>
      <c r="CK28" s="113">
        <v>75352419</v>
      </c>
      <c r="CL28" s="116">
        <v>75858096</v>
      </c>
      <c r="CM28" s="110">
        <v>0</v>
      </c>
      <c r="CN28" s="114">
        <v>0</v>
      </c>
      <c r="CO28" s="113">
        <v>0</v>
      </c>
      <c r="CP28" s="111">
        <v>0</v>
      </c>
      <c r="CQ28" s="114">
        <v>16612705</v>
      </c>
      <c r="CR28" s="114">
        <v>18375068</v>
      </c>
      <c r="CS28" s="114">
        <v>12819971</v>
      </c>
      <c r="CT28" s="114">
        <v>10040362</v>
      </c>
      <c r="CU28" s="114">
        <v>4207673</v>
      </c>
      <c r="CV28" s="113">
        <v>62055779</v>
      </c>
      <c r="CW28" s="116">
        <v>62055779</v>
      </c>
      <c r="CX28" s="110">
        <v>49057</v>
      </c>
      <c r="CY28" s="114">
        <v>456620</v>
      </c>
      <c r="CZ28" s="113">
        <v>505677</v>
      </c>
      <c r="DA28" s="110">
        <v>0</v>
      </c>
      <c r="DB28" s="114">
        <v>2679860</v>
      </c>
      <c r="DC28" s="114">
        <v>3586969</v>
      </c>
      <c r="DD28" s="114">
        <v>3604147</v>
      </c>
      <c r="DE28" s="114">
        <v>3040305</v>
      </c>
      <c r="DF28" s="114">
        <v>385359</v>
      </c>
      <c r="DG28" s="113">
        <v>13296640</v>
      </c>
      <c r="DH28" s="116">
        <v>13802317</v>
      </c>
      <c r="DI28" s="110">
        <v>132671</v>
      </c>
      <c r="DJ28" s="114">
        <v>75144</v>
      </c>
      <c r="DK28" s="112">
        <v>207815</v>
      </c>
      <c r="DL28" s="111">
        <v>0</v>
      </c>
      <c r="DM28" s="114">
        <v>834958</v>
      </c>
      <c r="DN28" s="114">
        <v>3542962</v>
      </c>
      <c r="DO28" s="114">
        <v>4771469</v>
      </c>
      <c r="DP28" s="114">
        <v>5284911</v>
      </c>
      <c r="DQ28" s="114">
        <v>1791506</v>
      </c>
      <c r="DR28" s="113">
        <v>16225806</v>
      </c>
      <c r="DS28" s="116">
        <v>16433621</v>
      </c>
      <c r="DT28" s="110">
        <v>132671</v>
      </c>
      <c r="DU28" s="114">
        <v>47749</v>
      </c>
      <c r="DV28" s="113">
        <v>180420</v>
      </c>
      <c r="DW28" s="110">
        <v>0</v>
      </c>
      <c r="DX28" s="114">
        <v>803350</v>
      </c>
      <c r="DY28" s="114">
        <v>3409488</v>
      </c>
      <c r="DZ28" s="114">
        <v>4544638</v>
      </c>
      <c r="EA28" s="114">
        <v>5139384</v>
      </c>
      <c r="EB28" s="114">
        <v>1372798</v>
      </c>
      <c r="EC28" s="113">
        <v>15269658</v>
      </c>
      <c r="ED28" s="116">
        <v>15450078</v>
      </c>
      <c r="EE28" s="110">
        <v>0</v>
      </c>
      <c r="EF28" s="112">
        <v>27395</v>
      </c>
      <c r="EG28" s="113">
        <v>27395</v>
      </c>
      <c r="EH28" s="110">
        <v>0</v>
      </c>
      <c r="EI28" s="114">
        <v>31608</v>
      </c>
      <c r="EJ28" s="114">
        <v>133474</v>
      </c>
      <c r="EK28" s="114">
        <v>226831</v>
      </c>
      <c r="EL28" s="114">
        <v>145527</v>
      </c>
      <c r="EM28" s="114">
        <v>418708</v>
      </c>
      <c r="EN28" s="112">
        <v>956148</v>
      </c>
      <c r="EO28" s="116">
        <v>983543</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5"/>
      <c r="FE28" s="114">
        <v>0</v>
      </c>
      <c r="FF28" s="114">
        <v>0</v>
      </c>
      <c r="FG28" s="114">
        <v>0</v>
      </c>
      <c r="FH28" s="114">
        <v>0</v>
      </c>
      <c r="FI28" s="114">
        <v>0</v>
      </c>
      <c r="FJ28" s="113">
        <v>0</v>
      </c>
      <c r="FK28" s="116">
        <v>0</v>
      </c>
      <c r="FL28" s="110">
        <v>620726</v>
      </c>
      <c r="FM28" s="114">
        <v>2260925</v>
      </c>
      <c r="FN28" s="113">
        <v>2881651</v>
      </c>
      <c r="FO28" s="110">
        <v>0</v>
      </c>
      <c r="FP28" s="114">
        <v>3560582</v>
      </c>
      <c r="FQ28" s="114">
        <v>5637543</v>
      </c>
      <c r="FR28" s="114">
        <v>3518674</v>
      </c>
      <c r="FS28" s="114">
        <v>4176880</v>
      </c>
      <c r="FT28" s="114">
        <v>1856691</v>
      </c>
      <c r="FU28" s="113">
        <v>18750370</v>
      </c>
      <c r="FV28" s="116">
        <v>21632021</v>
      </c>
      <c r="FW28" s="115">
        <v>493166</v>
      </c>
      <c r="FX28" s="114">
        <v>1478125</v>
      </c>
      <c r="FY28" s="112">
        <v>1971291</v>
      </c>
      <c r="FZ28" s="111">
        <v>0</v>
      </c>
      <c r="GA28" s="114">
        <v>2332188</v>
      </c>
      <c r="GB28" s="114">
        <v>5202457</v>
      </c>
      <c r="GC28" s="114">
        <v>3106074</v>
      </c>
      <c r="GD28" s="114">
        <v>3657013</v>
      </c>
      <c r="GE28" s="114">
        <v>1814715</v>
      </c>
      <c r="GF28" s="113">
        <v>16112447</v>
      </c>
      <c r="GG28" s="316">
        <v>18083738</v>
      </c>
      <c r="GH28" s="115">
        <v>76740</v>
      </c>
      <c r="GI28" s="114">
        <v>74250</v>
      </c>
      <c r="GJ28" s="112">
        <v>150990</v>
      </c>
      <c r="GK28" s="111">
        <v>0</v>
      </c>
      <c r="GL28" s="114">
        <v>129444</v>
      </c>
      <c r="GM28" s="114">
        <v>88586</v>
      </c>
      <c r="GN28" s="114">
        <v>121500</v>
      </c>
      <c r="GO28" s="114">
        <v>211167</v>
      </c>
      <c r="GP28" s="114">
        <v>41976</v>
      </c>
      <c r="GQ28" s="113">
        <v>592673</v>
      </c>
      <c r="GR28" s="116">
        <v>743663</v>
      </c>
      <c r="GS28" s="110">
        <v>50820</v>
      </c>
      <c r="GT28" s="114">
        <v>708550</v>
      </c>
      <c r="GU28" s="113">
        <v>759370</v>
      </c>
      <c r="GV28" s="110">
        <v>0</v>
      </c>
      <c r="GW28" s="114">
        <v>1098950</v>
      </c>
      <c r="GX28" s="114">
        <v>346500</v>
      </c>
      <c r="GY28" s="114">
        <v>291100</v>
      </c>
      <c r="GZ28" s="114">
        <v>308700</v>
      </c>
      <c r="HA28" s="114">
        <v>0</v>
      </c>
      <c r="HB28" s="112">
        <v>2045250</v>
      </c>
      <c r="HC28" s="116">
        <v>2804620</v>
      </c>
      <c r="HD28" s="110">
        <v>561478</v>
      </c>
      <c r="HE28" s="114">
        <v>318931</v>
      </c>
      <c r="HF28" s="112">
        <v>880409</v>
      </c>
      <c r="HG28" s="111">
        <v>0</v>
      </c>
      <c r="HH28" s="114">
        <v>8552727</v>
      </c>
      <c r="HI28" s="114">
        <v>6568654</v>
      </c>
      <c r="HJ28" s="114">
        <v>7103862</v>
      </c>
      <c r="HK28" s="114">
        <v>14896401</v>
      </c>
      <c r="HL28" s="114">
        <v>9346548</v>
      </c>
      <c r="HM28" s="113">
        <v>46468192</v>
      </c>
      <c r="HN28" s="109">
        <v>47348601</v>
      </c>
      <c r="HO28" s="115">
        <v>623754</v>
      </c>
      <c r="HP28" s="114">
        <v>1225615</v>
      </c>
      <c r="HQ28" s="113">
        <v>1849369</v>
      </c>
      <c r="HR28" s="110">
        <v>0</v>
      </c>
      <c r="HS28" s="114">
        <v>7697492</v>
      </c>
      <c r="HT28" s="114">
        <v>7538128</v>
      </c>
      <c r="HU28" s="114">
        <v>4632392</v>
      </c>
      <c r="HV28" s="114">
        <v>3970437</v>
      </c>
      <c r="HW28" s="114">
        <v>1773759</v>
      </c>
      <c r="HX28" s="112">
        <v>25612208</v>
      </c>
      <c r="HY28" s="116">
        <v>27461577</v>
      </c>
      <c r="HZ28" s="150">
        <v>0</v>
      </c>
      <c r="IA28" s="135">
        <v>0</v>
      </c>
      <c r="IB28" s="150">
        <v>0</v>
      </c>
      <c r="IC28" s="134">
        <v>0</v>
      </c>
      <c r="ID28" s="135">
        <v>11510110</v>
      </c>
      <c r="IE28" s="136">
        <v>8043828</v>
      </c>
      <c r="IF28" s="137">
        <v>9542287</v>
      </c>
      <c r="IG28" s="135">
        <v>6182507</v>
      </c>
      <c r="IH28" s="137">
        <v>4806986</v>
      </c>
      <c r="II28" s="138">
        <v>40085718</v>
      </c>
      <c r="IJ28" s="150">
        <v>40085718</v>
      </c>
      <c r="IK28" s="232">
        <v>0</v>
      </c>
      <c r="IL28" s="236">
        <v>0</v>
      </c>
      <c r="IM28" s="237">
        <v>0</v>
      </c>
      <c r="IN28" s="140"/>
      <c r="IO28" s="119">
        <v>0</v>
      </c>
      <c r="IP28" s="119">
        <v>107499</v>
      </c>
      <c r="IQ28" s="119">
        <v>0</v>
      </c>
      <c r="IR28" s="119">
        <v>0</v>
      </c>
      <c r="IS28" s="119">
        <v>502127</v>
      </c>
      <c r="IT28" s="141">
        <v>609626</v>
      </c>
      <c r="IU28" s="318">
        <v>609626</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897085</v>
      </c>
      <c r="JL28" s="119">
        <v>2463332</v>
      </c>
      <c r="JM28" s="119">
        <v>2060607</v>
      </c>
      <c r="JN28" s="119">
        <v>1408181</v>
      </c>
      <c r="JO28" s="119">
        <v>1129875</v>
      </c>
      <c r="JP28" s="120">
        <v>9959080</v>
      </c>
      <c r="JQ28" s="318">
        <v>9959080</v>
      </c>
      <c r="JR28" s="142">
        <v>0</v>
      </c>
      <c r="JS28" s="119">
        <v>0</v>
      </c>
      <c r="JT28" s="141">
        <v>0</v>
      </c>
      <c r="JU28" s="118">
        <v>0</v>
      </c>
      <c r="JV28" s="119">
        <v>0</v>
      </c>
      <c r="JW28" s="119">
        <v>0</v>
      </c>
      <c r="JX28" s="119">
        <v>305558</v>
      </c>
      <c r="JY28" s="119">
        <v>317944</v>
      </c>
      <c r="JZ28" s="119">
        <v>163058</v>
      </c>
      <c r="KA28" s="120">
        <v>786560</v>
      </c>
      <c r="KB28" s="318">
        <v>786560</v>
      </c>
      <c r="KC28" s="234">
        <v>0</v>
      </c>
      <c r="KD28" s="230">
        <v>0</v>
      </c>
      <c r="KE28" s="120">
        <v>0</v>
      </c>
      <c r="KF28" s="118">
        <v>0</v>
      </c>
      <c r="KG28" s="119">
        <v>779286</v>
      </c>
      <c r="KH28" s="119">
        <v>953873</v>
      </c>
      <c r="KI28" s="119">
        <v>789991</v>
      </c>
      <c r="KJ28" s="119">
        <v>282456</v>
      </c>
      <c r="KK28" s="119">
        <v>614416</v>
      </c>
      <c r="KL28" s="120">
        <v>3420022</v>
      </c>
      <c r="KM28" s="143">
        <v>3420022</v>
      </c>
      <c r="KN28" s="232">
        <v>0</v>
      </c>
      <c r="KO28" s="236">
        <v>0</v>
      </c>
      <c r="KP28" s="237">
        <v>0</v>
      </c>
      <c r="KQ28" s="140"/>
      <c r="KR28" s="119">
        <v>7833739</v>
      </c>
      <c r="KS28" s="119">
        <v>4519124</v>
      </c>
      <c r="KT28" s="119">
        <v>6386131</v>
      </c>
      <c r="KU28" s="119">
        <v>3854059</v>
      </c>
      <c r="KV28" s="119">
        <v>2397510</v>
      </c>
      <c r="KW28" s="120">
        <v>24990563</v>
      </c>
      <c r="KX28" s="318">
        <v>24990563</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18">
        <v>0</v>
      </c>
      <c r="LU28" s="142">
        <v>0</v>
      </c>
      <c r="LV28" s="119">
        <v>0</v>
      </c>
      <c r="LW28" s="120">
        <v>0</v>
      </c>
      <c r="LX28" s="145"/>
      <c r="LY28" s="119">
        <v>0</v>
      </c>
      <c r="LZ28" s="119">
        <v>0</v>
      </c>
      <c r="MA28" s="119">
        <v>0</v>
      </c>
      <c r="MB28" s="119">
        <v>319867</v>
      </c>
      <c r="MC28" s="119">
        <v>0</v>
      </c>
      <c r="MD28" s="120">
        <v>319867</v>
      </c>
      <c r="ME28" s="121">
        <v>319867</v>
      </c>
      <c r="MF28" s="142">
        <v>0</v>
      </c>
      <c r="MG28" s="119">
        <v>0</v>
      </c>
      <c r="MH28" s="120">
        <v>0</v>
      </c>
      <c r="MI28" s="145"/>
      <c r="MJ28" s="119">
        <v>4934183</v>
      </c>
      <c r="MK28" s="119">
        <v>10748634</v>
      </c>
      <c r="ML28" s="119">
        <v>32903876</v>
      </c>
      <c r="MM28" s="119">
        <v>55100506</v>
      </c>
      <c r="MN28" s="119">
        <v>46142495</v>
      </c>
      <c r="MO28" s="120">
        <v>149829694</v>
      </c>
      <c r="MP28" s="143">
        <v>149829694</v>
      </c>
      <c r="MQ28" s="142">
        <v>0</v>
      </c>
      <c r="MR28" s="119">
        <v>0</v>
      </c>
      <c r="MS28" s="120">
        <v>0</v>
      </c>
      <c r="MT28" s="145"/>
      <c r="MU28" s="119">
        <v>450695</v>
      </c>
      <c r="MV28" s="119">
        <v>2715046</v>
      </c>
      <c r="MW28" s="119">
        <v>22154328</v>
      </c>
      <c r="MX28" s="119">
        <v>34975820</v>
      </c>
      <c r="MY28" s="119">
        <v>30642460</v>
      </c>
      <c r="MZ28" s="120">
        <v>90938349</v>
      </c>
      <c r="NA28" s="143">
        <v>90938349</v>
      </c>
      <c r="NB28" s="142">
        <v>0</v>
      </c>
      <c r="NC28" s="119">
        <v>0</v>
      </c>
      <c r="ND28" s="120">
        <v>0</v>
      </c>
      <c r="NE28" s="145"/>
      <c r="NF28" s="119">
        <v>4483488</v>
      </c>
      <c r="NG28" s="119">
        <v>8033588</v>
      </c>
      <c r="NH28" s="119">
        <v>10749548</v>
      </c>
      <c r="NI28" s="119">
        <v>18735058</v>
      </c>
      <c r="NJ28" s="119">
        <v>11908076</v>
      </c>
      <c r="NK28" s="120">
        <v>53909758</v>
      </c>
      <c r="NL28" s="318">
        <v>53909758</v>
      </c>
      <c r="NM28" s="142">
        <v>0</v>
      </c>
      <c r="NN28" s="119">
        <v>0</v>
      </c>
      <c r="NO28" s="120">
        <v>0</v>
      </c>
      <c r="NP28" s="145"/>
      <c r="NQ28" s="119">
        <v>0</v>
      </c>
      <c r="NR28" s="119">
        <v>0</v>
      </c>
      <c r="NS28" s="119">
        <v>0</v>
      </c>
      <c r="NT28" s="119">
        <v>587936</v>
      </c>
      <c r="NU28" s="119">
        <v>355532</v>
      </c>
      <c r="NV28" s="120">
        <v>943468</v>
      </c>
      <c r="NW28" s="121">
        <v>943468</v>
      </c>
      <c r="NX28" s="142">
        <v>0</v>
      </c>
      <c r="NY28" s="119">
        <v>0</v>
      </c>
      <c r="NZ28" s="120">
        <v>0</v>
      </c>
      <c r="OA28" s="145"/>
      <c r="OB28" s="119">
        <v>0</v>
      </c>
      <c r="OC28" s="119">
        <v>0</v>
      </c>
      <c r="OD28" s="119">
        <v>0</v>
      </c>
      <c r="OE28" s="119">
        <v>801692</v>
      </c>
      <c r="OF28" s="119">
        <v>3236427</v>
      </c>
      <c r="OG28" s="120">
        <v>4038119</v>
      </c>
      <c r="OH28" s="121">
        <v>4038119</v>
      </c>
      <c r="OI28" s="142">
        <v>3227619</v>
      </c>
      <c r="OJ28" s="119">
        <v>6436182</v>
      </c>
      <c r="OK28" s="141">
        <v>9663801</v>
      </c>
      <c r="OL28" s="118">
        <v>0</v>
      </c>
      <c r="OM28" s="119">
        <v>69505176</v>
      </c>
      <c r="ON28" s="119">
        <v>81343471</v>
      </c>
      <c r="OO28" s="119">
        <v>92247742</v>
      </c>
      <c r="OP28" s="119">
        <v>120779346</v>
      </c>
      <c r="OQ28" s="119">
        <v>82682602</v>
      </c>
      <c r="OR28" s="120">
        <v>446558337</v>
      </c>
      <c r="OS28" s="143">
        <v>456222138</v>
      </c>
    </row>
    <row r="29" spans="2:409" ht="21" customHeight="1" x14ac:dyDescent="0.2">
      <c r="B29" s="62" t="s">
        <v>24</v>
      </c>
      <c r="C29" s="110">
        <v>2593387</v>
      </c>
      <c r="D29" s="114">
        <v>3718951</v>
      </c>
      <c r="E29" s="113">
        <v>6312338</v>
      </c>
      <c r="F29" s="109">
        <v>0</v>
      </c>
      <c r="G29" s="114">
        <v>27186988</v>
      </c>
      <c r="H29" s="114">
        <v>28009690</v>
      </c>
      <c r="I29" s="114">
        <v>25936927</v>
      </c>
      <c r="J29" s="114">
        <v>25684236</v>
      </c>
      <c r="K29" s="114">
        <v>21208535</v>
      </c>
      <c r="L29" s="173">
        <v>128026376</v>
      </c>
      <c r="M29" s="116">
        <v>134338714</v>
      </c>
      <c r="N29" s="110">
        <v>560278</v>
      </c>
      <c r="O29" s="114">
        <v>1176952</v>
      </c>
      <c r="P29" s="113">
        <v>1737230</v>
      </c>
      <c r="Q29" s="110">
        <v>0</v>
      </c>
      <c r="R29" s="114">
        <v>5476004</v>
      </c>
      <c r="S29" s="114">
        <v>7740792</v>
      </c>
      <c r="T29" s="114">
        <v>8200498</v>
      </c>
      <c r="U29" s="114">
        <v>7492013</v>
      </c>
      <c r="V29" s="114">
        <v>10151409</v>
      </c>
      <c r="W29" s="113">
        <v>39060716</v>
      </c>
      <c r="X29" s="116">
        <v>40797946</v>
      </c>
      <c r="Y29" s="110">
        <v>0</v>
      </c>
      <c r="Z29" s="114">
        <v>0</v>
      </c>
      <c r="AA29" s="113">
        <v>0</v>
      </c>
      <c r="AB29" s="110">
        <v>0</v>
      </c>
      <c r="AC29" s="114">
        <v>2211541</v>
      </c>
      <c r="AD29" s="114">
        <v>3520053</v>
      </c>
      <c r="AE29" s="114">
        <v>4697310</v>
      </c>
      <c r="AF29" s="114">
        <v>3899061</v>
      </c>
      <c r="AG29" s="114">
        <v>5565929</v>
      </c>
      <c r="AH29" s="113">
        <v>19893894</v>
      </c>
      <c r="AI29" s="116">
        <v>19893894</v>
      </c>
      <c r="AJ29" s="110">
        <v>0</v>
      </c>
      <c r="AK29" s="114">
        <v>0</v>
      </c>
      <c r="AL29" s="113">
        <v>0</v>
      </c>
      <c r="AM29" s="110">
        <v>0</v>
      </c>
      <c r="AN29" s="114">
        <v>41511</v>
      </c>
      <c r="AO29" s="114">
        <v>185003</v>
      </c>
      <c r="AP29" s="114">
        <v>348050</v>
      </c>
      <c r="AQ29" s="114">
        <v>667846</v>
      </c>
      <c r="AR29" s="114">
        <v>1609693</v>
      </c>
      <c r="AS29" s="113">
        <v>2852103</v>
      </c>
      <c r="AT29" s="116">
        <v>2852103</v>
      </c>
      <c r="AU29" s="110">
        <v>355080</v>
      </c>
      <c r="AV29" s="114">
        <v>978871</v>
      </c>
      <c r="AW29" s="113">
        <v>1333951</v>
      </c>
      <c r="AX29" s="110">
        <v>0</v>
      </c>
      <c r="AY29" s="114">
        <v>1974452</v>
      </c>
      <c r="AZ29" s="114">
        <v>2728787</v>
      </c>
      <c r="BA29" s="114">
        <v>2053115</v>
      </c>
      <c r="BB29" s="114">
        <v>1608129</v>
      </c>
      <c r="BC29" s="114">
        <v>1760647</v>
      </c>
      <c r="BD29" s="113">
        <v>10125130</v>
      </c>
      <c r="BE29" s="116">
        <v>11459081</v>
      </c>
      <c r="BF29" s="110">
        <v>0</v>
      </c>
      <c r="BG29" s="114">
        <v>23395</v>
      </c>
      <c r="BH29" s="112">
        <v>23395</v>
      </c>
      <c r="BI29" s="111">
        <v>0</v>
      </c>
      <c r="BJ29" s="114">
        <v>153768</v>
      </c>
      <c r="BK29" s="114">
        <v>301525</v>
      </c>
      <c r="BL29" s="114">
        <v>55785</v>
      </c>
      <c r="BM29" s="114">
        <v>115998</v>
      </c>
      <c r="BN29" s="114">
        <v>101777</v>
      </c>
      <c r="BO29" s="113">
        <v>728853</v>
      </c>
      <c r="BP29" s="116">
        <v>752248</v>
      </c>
      <c r="BQ29" s="110">
        <v>205198</v>
      </c>
      <c r="BR29" s="114">
        <v>174686</v>
      </c>
      <c r="BS29" s="113">
        <v>379884</v>
      </c>
      <c r="BT29" s="110">
        <v>0</v>
      </c>
      <c r="BU29" s="114">
        <v>1094732</v>
      </c>
      <c r="BV29" s="114">
        <v>1005424</v>
      </c>
      <c r="BW29" s="114">
        <v>1046238</v>
      </c>
      <c r="BX29" s="114">
        <v>1200979</v>
      </c>
      <c r="BY29" s="114">
        <v>1113363</v>
      </c>
      <c r="BZ29" s="113">
        <v>5460736</v>
      </c>
      <c r="CA29" s="116">
        <v>5840620</v>
      </c>
      <c r="CB29" s="110">
        <v>242512</v>
      </c>
      <c r="CC29" s="114">
        <v>371408</v>
      </c>
      <c r="CD29" s="113">
        <v>613920</v>
      </c>
      <c r="CE29" s="110">
        <v>0</v>
      </c>
      <c r="CF29" s="114">
        <v>9490257</v>
      </c>
      <c r="CG29" s="114">
        <v>8585226</v>
      </c>
      <c r="CH29" s="114">
        <v>6089605</v>
      </c>
      <c r="CI29" s="114">
        <v>3837323</v>
      </c>
      <c r="CJ29" s="114">
        <v>2428605</v>
      </c>
      <c r="CK29" s="113">
        <v>30431016</v>
      </c>
      <c r="CL29" s="116">
        <v>31044936</v>
      </c>
      <c r="CM29" s="110">
        <v>0</v>
      </c>
      <c r="CN29" s="114">
        <v>0</v>
      </c>
      <c r="CO29" s="113">
        <v>0</v>
      </c>
      <c r="CP29" s="111">
        <v>0</v>
      </c>
      <c r="CQ29" s="114">
        <v>6871091</v>
      </c>
      <c r="CR29" s="114">
        <v>5852675</v>
      </c>
      <c r="CS29" s="114">
        <v>4401129</v>
      </c>
      <c r="CT29" s="114">
        <v>2831452</v>
      </c>
      <c r="CU29" s="114">
        <v>688433</v>
      </c>
      <c r="CV29" s="113">
        <v>20644780</v>
      </c>
      <c r="CW29" s="116">
        <v>20644780</v>
      </c>
      <c r="CX29" s="110">
        <v>242512</v>
      </c>
      <c r="CY29" s="114">
        <v>371408</v>
      </c>
      <c r="CZ29" s="113">
        <v>613920</v>
      </c>
      <c r="DA29" s="110">
        <v>0</v>
      </c>
      <c r="DB29" s="114">
        <v>2619166</v>
      </c>
      <c r="DC29" s="114">
        <v>2732551</v>
      </c>
      <c r="DD29" s="114">
        <v>1688476</v>
      </c>
      <c r="DE29" s="114">
        <v>1005871</v>
      </c>
      <c r="DF29" s="114">
        <v>1740172</v>
      </c>
      <c r="DG29" s="113">
        <v>9786236</v>
      </c>
      <c r="DH29" s="116">
        <v>10400156</v>
      </c>
      <c r="DI29" s="110">
        <v>24627</v>
      </c>
      <c r="DJ29" s="114">
        <v>43695</v>
      </c>
      <c r="DK29" s="112">
        <v>68322</v>
      </c>
      <c r="DL29" s="111">
        <v>0</v>
      </c>
      <c r="DM29" s="114">
        <v>1097424</v>
      </c>
      <c r="DN29" s="114">
        <v>1371790</v>
      </c>
      <c r="DO29" s="114">
        <v>2578802</v>
      </c>
      <c r="DP29" s="114">
        <v>2940118</v>
      </c>
      <c r="DQ29" s="114">
        <v>921168</v>
      </c>
      <c r="DR29" s="113">
        <v>8909302</v>
      </c>
      <c r="DS29" s="116">
        <v>8977624</v>
      </c>
      <c r="DT29" s="110">
        <v>24627</v>
      </c>
      <c r="DU29" s="114">
        <v>43695</v>
      </c>
      <c r="DV29" s="113">
        <v>68322</v>
      </c>
      <c r="DW29" s="110">
        <v>0</v>
      </c>
      <c r="DX29" s="114">
        <v>977523</v>
      </c>
      <c r="DY29" s="114">
        <v>1245087</v>
      </c>
      <c r="DZ29" s="114">
        <v>2462819</v>
      </c>
      <c r="EA29" s="114">
        <v>2849686</v>
      </c>
      <c r="EB29" s="114">
        <v>761900</v>
      </c>
      <c r="EC29" s="113">
        <v>8297015</v>
      </c>
      <c r="ED29" s="116">
        <v>8365337</v>
      </c>
      <c r="EE29" s="110">
        <v>0</v>
      </c>
      <c r="EF29" s="112">
        <v>0</v>
      </c>
      <c r="EG29" s="113">
        <v>0</v>
      </c>
      <c r="EH29" s="110">
        <v>0</v>
      </c>
      <c r="EI29" s="114">
        <v>119901</v>
      </c>
      <c r="EJ29" s="114">
        <v>126703</v>
      </c>
      <c r="EK29" s="114">
        <v>115983</v>
      </c>
      <c r="EL29" s="114">
        <v>90432</v>
      </c>
      <c r="EM29" s="114">
        <v>159268</v>
      </c>
      <c r="EN29" s="112">
        <v>612287</v>
      </c>
      <c r="EO29" s="116">
        <v>612287</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5"/>
      <c r="FE29" s="114">
        <v>0</v>
      </c>
      <c r="FF29" s="114">
        <v>0</v>
      </c>
      <c r="FG29" s="114">
        <v>0</v>
      </c>
      <c r="FH29" s="114">
        <v>0</v>
      </c>
      <c r="FI29" s="114">
        <v>0</v>
      </c>
      <c r="FJ29" s="113">
        <v>0</v>
      </c>
      <c r="FK29" s="116">
        <v>0</v>
      </c>
      <c r="FL29" s="110">
        <v>533892</v>
      </c>
      <c r="FM29" s="114">
        <v>732140</v>
      </c>
      <c r="FN29" s="113">
        <v>1266032</v>
      </c>
      <c r="FO29" s="110">
        <v>0</v>
      </c>
      <c r="FP29" s="114">
        <v>1297701</v>
      </c>
      <c r="FQ29" s="114">
        <v>2172513</v>
      </c>
      <c r="FR29" s="114">
        <v>1786846</v>
      </c>
      <c r="FS29" s="114">
        <v>1377057</v>
      </c>
      <c r="FT29" s="114">
        <v>1362669</v>
      </c>
      <c r="FU29" s="113">
        <v>7996786</v>
      </c>
      <c r="FV29" s="116">
        <v>9262818</v>
      </c>
      <c r="FW29" s="115">
        <v>318918</v>
      </c>
      <c r="FX29" s="114">
        <v>412710</v>
      </c>
      <c r="FY29" s="112">
        <v>731628</v>
      </c>
      <c r="FZ29" s="111">
        <v>0</v>
      </c>
      <c r="GA29" s="114">
        <v>926697</v>
      </c>
      <c r="GB29" s="114">
        <v>2106431</v>
      </c>
      <c r="GC29" s="114">
        <v>1553870</v>
      </c>
      <c r="GD29" s="114">
        <v>1280965</v>
      </c>
      <c r="GE29" s="114">
        <v>1362669</v>
      </c>
      <c r="GF29" s="113">
        <v>7230632</v>
      </c>
      <c r="GG29" s="316">
        <v>7962260</v>
      </c>
      <c r="GH29" s="115">
        <v>37224</v>
      </c>
      <c r="GI29" s="114">
        <v>19800</v>
      </c>
      <c r="GJ29" s="112">
        <v>57024</v>
      </c>
      <c r="GK29" s="111">
        <v>0</v>
      </c>
      <c r="GL29" s="114">
        <v>164274</v>
      </c>
      <c r="GM29" s="114">
        <v>66082</v>
      </c>
      <c r="GN29" s="114">
        <v>52976</v>
      </c>
      <c r="GO29" s="114">
        <v>96092</v>
      </c>
      <c r="GP29" s="114">
        <v>0</v>
      </c>
      <c r="GQ29" s="113">
        <v>379424</v>
      </c>
      <c r="GR29" s="116">
        <v>436448</v>
      </c>
      <c r="GS29" s="110">
        <v>177750</v>
      </c>
      <c r="GT29" s="114">
        <v>299630</v>
      </c>
      <c r="GU29" s="113">
        <v>477380</v>
      </c>
      <c r="GV29" s="110">
        <v>0</v>
      </c>
      <c r="GW29" s="114">
        <v>206730</v>
      </c>
      <c r="GX29" s="114">
        <v>0</v>
      </c>
      <c r="GY29" s="114">
        <v>180000</v>
      </c>
      <c r="GZ29" s="114">
        <v>0</v>
      </c>
      <c r="HA29" s="114">
        <v>0</v>
      </c>
      <c r="HB29" s="112">
        <v>386730</v>
      </c>
      <c r="HC29" s="116">
        <v>864110</v>
      </c>
      <c r="HD29" s="110">
        <v>777215</v>
      </c>
      <c r="HE29" s="114">
        <v>930239</v>
      </c>
      <c r="HF29" s="112">
        <v>1707454</v>
      </c>
      <c r="HG29" s="111">
        <v>0</v>
      </c>
      <c r="HH29" s="114">
        <v>5915347</v>
      </c>
      <c r="HI29" s="114">
        <v>5298155</v>
      </c>
      <c r="HJ29" s="114">
        <v>5081083</v>
      </c>
      <c r="HK29" s="114">
        <v>8751576</v>
      </c>
      <c r="HL29" s="114">
        <v>5308200</v>
      </c>
      <c r="HM29" s="113">
        <v>30354361</v>
      </c>
      <c r="HN29" s="109">
        <v>32061815</v>
      </c>
      <c r="HO29" s="115">
        <v>454863</v>
      </c>
      <c r="HP29" s="114">
        <v>464517</v>
      </c>
      <c r="HQ29" s="113">
        <v>919380</v>
      </c>
      <c r="HR29" s="110">
        <v>0</v>
      </c>
      <c r="HS29" s="114">
        <v>3910255</v>
      </c>
      <c r="HT29" s="114">
        <v>2841214</v>
      </c>
      <c r="HU29" s="114">
        <v>2200093</v>
      </c>
      <c r="HV29" s="114">
        <v>1286149</v>
      </c>
      <c r="HW29" s="114">
        <v>1036484</v>
      </c>
      <c r="HX29" s="112">
        <v>11274195</v>
      </c>
      <c r="HY29" s="116">
        <v>12193575</v>
      </c>
      <c r="HZ29" s="131">
        <v>92727</v>
      </c>
      <c r="IA29" s="132">
        <v>245950</v>
      </c>
      <c r="IB29" s="133">
        <v>338677</v>
      </c>
      <c r="IC29" s="146">
        <v>0</v>
      </c>
      <c r="ID29" s="132">
        <v>5451929</v>
      </c>
      <c r="IE29" s="147">
        <v>4693797</v>
      </c>
      <c r="IF29" s="133">
        <v>6332648</v>
      </c>
      <c r="IG29" s="132">
        <v>4461802</v>
      </c>
      <c r="IH29" s="133">
        <v>2235360</v>
      </c>
      <c r="II29" s="148">
        <v>23175536</v>
      </c>
      <c r="IJ29" s="139">
        <v>23514213</v>
      </c>
      <c r="IK29" s="232">
        <v>0</v>
      </c>
      <c r="IL29" s="236">
        <v>0</v>
      </c>
      <c r="IM29" s="237">
        <v>0</v>
      </c>
      <c r="IN29" s="140"/>
      <c r="IO29" s="119">
        <v>147283</v>
      </c>
      <c r="IP29" s="119">
        <v>337880</v>
      </c>
      <c r="IQ29" s="119">
        <v>333712</v>
      </c>
      <c r="IR29" s="119">
        <v>189329</v>
      </c>
      <c r="IS29" s="119">
        <v>0</v>
      </c>
      <c r="IT29" s="141">
        <v>1008204</v>
      </c>
      <c r="IU29" s="318">
        <v>1008204</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644097</v>
      </c>
      <c r="JL29" s="119">
        <v>1433022</v>
      </c>
      <c r="JM29" s="119">
        <v>1503393</v>
      </c>
      <c r="JN29" s="119">
        <v>441868</v>
      </c>
      <c r="JO29" s="119">
        <v>153580</v>
      </c>
      <c r="JP29" s="120">
        <v>5175960</v>
      </c>
      <c r="JQ29" s="318">
        <v>5175960</v>
      </c>
      <c r="JR29" s="142">
        <v>0</v>
      </c>
      <c r="JS29" s="119">
        <v>0</v>
      </c>
      <c r="JT29" s="141">
        <v>0</v>
      </c>
      <c r="JU29" s="118">
        <v>0</v>
      </c>
      <c r="JV29" s="119">
        <v>788393</v>
      </c>
      <c r="JW29" s="119">
        <v>240947</v>
      </c>
      <c r="JX29" s="119">
        <v>691459</v>
      </c>
      <c r="JY29" s="119">
        <v>179290</v>
      </c>
      <c r="JZ29" s="119">
        <v>139254</v>
      </c>
      <c r="KA29" s="120">
        <v>2039343</v>
      </c>
      <c r="KB29" s="318">
        <v>2039343</v>
      </c>
      <c r="KC29" s="234">
        <v>92727</v>
      </c>
      <c r="KD29" s="230">
        <v>245950</v>
      </c>
      <c r="KE29" s="120">
        <v>338677</v>
      </c>
      <c r="KF29" s="118">
        <v>0</v>
      </c>
      <c r="KG29" s="119">
        <v>2439280</v>
      </c>
      <c r="KH29" s="119">
        <v>1620486</v>
      </c>
      <c r="KI29" s="119">
        <v>1739448</v>
      </c>
      <c r="KJ29" s="119">
        <v>1425894</v>
      </c>
      <c r="KK29" s="119">
        <v>617691</v>
      </c>
      <c r="KL29" s="120">
        <v>7842799</v>
      </c>
      <c r="KM29" s="143">
        <v>8181476</v>
      </c>
      <c r="KN29" s="232">
        <v>0</v>
      </c>
      <c r="KO29" s="236">
        <v>0</v>
      </c>
      <c r="KP29" s="237">
        <v>0</v>
      </c>
      <c r="KQ29" s="140"/>
      <c r="KR29" s="119">
        <v>432876</v>
      </c>
      <c r="KS29" s="119">
        <v>1061462</v>
      </c>
      <c r="KT29" s="119">
        <v>2064636</v>
      </c>
      <c r="KU29" s="119">
        <v>2225421</v>
      </c>
      <c r="KV29" s="119">
        <v>1324835</v>
      </c>
      <c r="KW29" s="120">
        <v>7109230</v>
      </c>
      <c r="KX29" s="318">
        <v>7109230</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18">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644656</v>
      </c>
      <c r="MK29" s="119">
        <v>3585069</v>
      </c>
      <c r="ML29" s="119">
        <v>15964817</v>
      </c>
      <c r="MM29" s="119">
        <v>29795928</v>
      </c>
      <c r="MN29" s="119">
        <v>20716100</v>
      </c>
      <c r="MO29" s="120">
        <v>72706570</v>
      </c>
      <c r="MP29" s="143">
        <v>72706570</v>
      </c>
      <c r="MQ29" s="142">
        <v>0</v>
      </c>
      <c r="MR29" s="119">
        <v>0</v>
      </c>
      <c r="MS29" s="120">
        <v>0</v>
      </c>
      <c r="MT29" s="145"/>
      <c r="MU29" s="119">
        <v>0</v>
      </c>
      <c r="MV29" s="119">
        <v>0</v>
      </c>
      <c r="MW29" s="119">
        <v>9446930</v>
      </c>
      <c r="MX29" s="119">
        <v>20222123</v>
      </c>
      <c r="MY29" s="119">
        <v>16954850</v>
      </c>
      <c r="MZ29" s="120">
        <v>46623903</v>
      </c>
      <c r="NA29" s="143">
        <v>46623903</v>
      </c>
      <c r="NB29" s="142">
        <v>0</v>
      </c>
      <c r="NC29" s="119">
        <v>0</v>
      </c>
      <c r="ND29" s="120">
        <v>0</v>
      </c>
      <c r="NE29" s="145"/>
      <c r="NF29" s="119">
        <v>2644656</v>
      </c>
      <c r="NG29" s="119">
        <v>3585069</v>
      </c>
      <c r="NH29" s="119">
        <v>6517887</v>
      </c>
      <c r="NI29" s="119">
        <v>9573805</v>
      </c>
      <c r="NJ29" s="119">
        <v>3761250</v>
      </c>
      <c r="NK29" s="120">
        <v>26082667</v>
      </c>
      <c r="NL29" s="318">
        <v>26082667</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686114</v>
      </c>
      <c r="OJ29" s="119">
        <v>3964901</v>
      </c>
      <c r="OK29" s="141">
        <v>6651015</v>
      </c>
      <c r="OL29" s="118">
        <v>0</v>
      </c>
      <c r="OM29" s="119">
        <v>35283573</v>
      </c>
      <c r="ON29" s="119">
        <v>36288556</v>
      </c>
      <c r="OO29" s="119">
        <v>48234392</v>
      </c>
      <c r="OP29" s="119">
        <v>59941966</v>
      </c>
      <c r="OQ29" s="119">
        <v>44159995</v>
      </c>
      <c r="OR29" s="120">
        <v>223908482</v>
      </c>
      <c r="OS29" s="143">
        <v>230559497</v>
      </c>
    </row>
    <row r="30" spans="2:409" ht="21" customHeight="1" x14ac:dyDescent="0.2">
      <c r="B30" s="62" t="s">
        <v>25</v>
      </c>
      <c r="C30" s="110">
        <v>2715878</v>
      </c>
      <c r="D30" s="114">
        <v>4622359</v>
      </c>
      <c r="E30" s="113">
        <v>7338237</v>
      </c>
      <c r="F30" s="109">
        <v>0</v>
      </c>
      <c r="G30" s="114">
        <v>26965284</v>
      </c>
      <c r="H30" s="114">
        <v>31888347</v>
      </c>
      <c r="I30" s="114">
        <v>28057547</v>
      </c>
      <c r="J30" s="114">
        <v>28689930</v>
      </c>
      <c r="K30" s="114">
        <v>16311214</v>
      </c>
      <c r="L30" s="173">
        <v>131912322</v>
      </c>
      <c r="M30" s="116">
        <v>139250559</v>
      </c>
      <c r="N30" s="110">
        <v>627687</v>
      </c>
      <c r="O30" s="114">
        <v>1689116</v>
      </c>
      <c r="P30" s="113">
        <v>2316803</v>
      </c>
      <c r="Q30" s="110">
        <v>0</v>
      </c>
      <c r="R30" s="114">
        <v>8193755</v>
      </c>
      <c r="S30" s="114">
        <v>10069300</v>
      </c>
      <c r="T30" s="114">
        <v>9010837</v>
      </c>
      <c r="U30" s="114">
        <v>10735685</v>
      </c>
      <c r="V30" s="114">
        <v>10289722</v>
      </c>
      <c r="W30" s="113">
        <v>48299299</v>
      </c>
      <c r="X30" s="116">
        <v>50616102</v>
      </c>
      <c r="Y30" s="110">
        <v>0</v>
      </c>
      <c r="Z30" s="114">
        <v>0</v>
      </c>
      <c r="AA30" s="113">
        <v>0</v>
      </c>
      <c r="AB30" s="110">
        <v>0</v>
      </c>
      <c r="AC30" s="114">
        <v>4226659</v>
      </c>
      <c r="AD30" s="114">
        <v>4986367</v>
      </c>
      <c r="AE30" s="114">
        <v>5147779</v>
      </c>
      <c r="AF30" s="114">
        <v>6895614</v>
      </c>
      <c r="AG30" s="114">
        <v>6346615</v>
      </c>
      <c r="AH30" s="113">
        <v>27603034</v>
      </c>
      <c r="AI30" s="116">
        <v>27603034</v>
      </c>
      <c r="AJ30" s="110">
        <v>0</v>
      </c>
      <c r="AK30" s="114">
        <v>0</v>
      </c>
      <c r="AL30" s="113">
        <v>0</v>
      </c>
      <c r="AM30" s="110">
        <v>0</v>
      </c>
      <c r="AN30" s="114">
        <v>161580</v>
      </c>
      <c r="AO30" s="114">
        <v>657484</v>
      </c>
      <c r="AP30" s="114">
        <v>753591</v>
      </c>
      <c r="AQ30" s="114">
        <v>1118062</v>
      </c>
      <c r="AR30" s="114">
        <v>1646645</v>
      </c>
      <c r="AS30" s="113">
        <v>4337362</v>
      </c>
      <c r="AT30" s="116">
        <v>4337362</v>
      </c>
      <c r="AU30" s="110">
        <v>489279</v>
      </c>
      <c r="AV30" s="114">
        <v>1326087</v>
      </c>
      <c r="AW30" s="113">
        <v>1815366</v>
      </c>
      <c r="AX30" s="110">
        <v>0</v>
      </c>
      <c r="AY30" s="114">
        <v>2989969</v>
      </c>
      <c r="AZ30" s="114">
        <v>3020215</v>
      </c>
      <c r="BA30" s="114">
        <v>1861778</v>
      </c>
      <c r="BB30" s="114">
        <v>1593064</v>
      </c>
      <c r="BC30" s="114">
        <v>1496600</v>
      </c>
      <c r="BD30" s="113">
        <v>10961626</v>
      </c>
      <c r="BE30" s="116">
        <v>12776992</v>
      </c>
      <c r="BF30" s="110">
        <v>17546</v>
      </c>
      <c r="BG30" s="114">
        <v>180053</v>
      </c>
      <c r="BH30" s="112">
        <v>197599</v>
      </c>
      <c r="BI30" s="111">
        <v>0</v>
      </c>
      <c r="BJ30" s="114">
        <v>6104</v>
      </c>
      <c r="BK30" s="114">
        <v>495071</v>
      </c>
      <c r="BL30" s="114">
        <v>469654</v>
      </c>
      <c r="BM30" s="114">
        <v>140248</v>
      </c>
      <c r="BN30" s="114">
        <v>191295</v>
      </c>
      <c r="BO30" s="113">
        <v>1302372</v>
      </c>
      <c r="BP30" s="116">
        <v>1499971</v>
      </c>
      <c r="BQ30" s="110">
        <v>120862</v>
      </c>
      <c r="BR30" s="114">
        <v>182976</v>
      </c>
      <c r="BS30" s="113">
        <v>303838</v>
      </c>
      <c r="BT30" s="110">
        <v>0</v>
      </c>
      <c r="BU30" s="114">
        <v>809443</v>
      </c>
      <c r="BV30" s="114">
        <v>910163</v>
      </c>
      <c r="BW30" s="114">
        <v>778035</v>
      </c>
      <c r="BX30" s="114">
        <v>988697</v>
      </c>
      <c r="BY30" s="114">
        <v>608567</v>
      </c>
      <c r="BZ30" s="113">
        <v>4094905</v>
      </c>
      <c r="CA30" s="116">
        <v>4398743</v>
      </c>
      <c r="CB30" s="110">
        <v>254590</v>
      </c>
      <c r="CC30" s="114">
        <v>794497</v>
      </c>
      <c r="CD30" s="113">
        <v>1049087</v>
      </c>
      <c r="CE30" s="110">
        <v>0</v>
      </c>
      <c r="CF30" s="114">
        <v>8942223</v>
      </c>
      <c r="CG30" s="114">
        <v>11001134</v>
      </c>
      <c r="CH30" s="114">
        <v>8132612</v>
      </c>
      <c r="CI30" s="114">
        <v>7037032</v>
      </c>
      <c r="CJ30" s="114">
        <v>713992</v>
      </c>
      <c r="CK30" s="113">
        <v>35826993</v>
      </c>
      <c r="CL30" s="116">
        <v>36876080</v>
      </c>
      <c r="CM30" s="110">
        <v>0</v>
      </c>
      <c r="CN30" s="114">
        <v>0</v>
      </c>
      <c r="CO30" s="113">
        <v>0</v>
      </c>
      <c r="CP30" s="111">
        <v>0</v>
      </c>
      <c r="CQ30" s="114">
        <v>7194342</v>
      </c>
      <c r="CR30" s="114">
        <v>6630108</v>
      </c>
      <c r="CS30" s="114">
        <v>6032708</v>
      </c>
      <c r="CT30" s="114">
        <v>5430174</v>
      </c>
      <c r="CU30" s="114">
        <v>503366</v>
      </c>
      <c r="CV30" s="113">
        <v>25790698</v>
      </c>
      <c r="CW30" s="116">
        <v>25790698</v>
      </c>
      <c r="CX30" s="110">
        <v>254590</v>
      </c>
      <c r="CY30" s="114">
        <v>794497</v>
      </c>
      <c r="CZ30" s="113">
        <v>1049087</v>
      </c>
      <c r="DA30" s="110">
        <v>0</v>
      </c>
      <c r="DB30" s="114">
        <v>1747881</v>
      </c>
      <c r="DC30" s="114">
        <v>4371026</v>
      </c>
      <c r="DD30" s="114">
        <v>2099904</v>
      </c>
      <c r="DE30" s="114">
        <v>1606858</v>
      </c>
      <c r="DF30" s="114">
        <v>210626</v>
      </c>
      <c r="DG30" s="113">
        <v>10036295</v>
      </c>
      <c r="DH30" s="116">
        <v>11085382</v>
      </c>
      <c r="DI30" s="110">
        <v>24117</v>
      </c>
      <c r="DJ30" s="114">
        <v>53655</v>
      </c>
      <c r="DK30" s="112">
        <v>77772</v>
      </c>
      <c r="DL30" s="111">
        <v>0</v>
      </c>
      <c r="DM30" s="114">
        <v>1097184</v>
      </c>
      <c r="DN30" s="114">
        <v>1488753</v>
      </c>
      <c r="DO30" s="114">
        <v>3055104</v>
      </c>
      <c r="DP30" s="114">
        <v>1861834</v>
      </c>
      <c r="DQ30" s="114">
        <v>363381</v>
      </c>
      <c r="DR30" s="113">
        <v>7866256</v>
      </c>
      <c r="DS30" s="116">
        <v>7944028</v>
      </c>
      <c r="DT30" s="110">
        <v>24117</v>
      </c>
      <c r="DU30" s="114">
        <v>53655</v>
      </c>
      <c r="DV30" s="113">
        <v>77772</v>
      </c>
      <c r="DW30" s="110">
        <v>0</v>
      </c>
      <c r="DX30" s="114">
        <v>708682</v>
      </c>
      <c r="DY30" s="114">
        <v>1117633</v>
      </c>
      <c r="DZ30" s="114">
        <v>2824430</v>
      </c>
      <c r="EA30" s="114">
        <v>1280282</v>
      </c>
      <c r="EB30" s="114">
        <v>266863</v>
      </c>
      <c r="EC30" s="113">
        <v>6197890</v>
      </c>
      <c r="ED30" s="116">
        <v>6275662</v>
      </c>
      <c r="EE30" s="110">
        <v>0</v>
      </c>
      <c r="EF30" s="112">
        <v>0</v>
      </c>
      <c r="EG30" s="113">
        <v>0</v>
      </c>
      <c r="EH30" s="110">
        <v>0</v>
      </c>
      <c r="EI30" s="114">
        <v>388502</v>
      </c>
      <c r="EJ30" s="114">
        <v>371120</v>
      </c>
      <c r="EK30" s="114">
        <v>230674</v>
      </c>
      <c r="EL30" s="114">
        <v>581552</v>
      </c>
      <c r="EM30" s="114">
        <v>96518</v>
      </c>
      <c r="EN30" s="112">
        <v>1668366</v>
      </c>
      <c r="EO30" s="116">
        <v>1668366</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5"/>
      <c r="FE30" s="114">
        <v>0</v>
      </c>
      <c r="FF30" s="114">
        <v>0</v>
      </c>
      <c r="FG30" s="114">
        <v>0</v>
      </c>
      <c r="FH30" s="114">
        <v>0</v>
      </c>
      <c r="FI30" s="114">
        <v>0</v>
      </c>
      <c r="FJ30" s="113">
        <v>0</v>
      </c>
      <c r="FK30" s="116">
        <v>0</v>
      </c>
      <c r="FL30" s="110">
        <v>1090591</v>
      </c>
      <c r="FM30" s="114">
        <v>910398</v>
      </c>
      <c r="FN30" s="113">
        <v>2000989</v>
      </c>
      <c r="FO30" s="110">
        <v>0</v>
      </c>
      <c r="FP30" s="114">
        <v>1333549</v>
      </c>
      <c r="FQ30" s="114">
        <v>3137388</v>
      </c>
      <c r="FR30" s="114">
        <v>2533476</v>
      </c>
      <c r="FS30" s="114">
        <v>2330813</v>
      </c>
      <c r="FT30" s="114">
        <v>1076845</v>
      </c>
      <c r="FU30" s="113">
        <v>10412071</v>
      </c>
      <c r="FV30" s="116">
        <v>12413060</v>
      </c>
      <c r="FW30" s="115">
        <v>434777</v>
      </c>
      <c r="FX30" s="114">
        <v>834598</v>
      </c>
      <c r="FY30" s="112">
        <v>1269375</v>
      </c>
      <c r="FZ30" s="111">
        <v>0</v>
      </c>
      <c r="GA30" s="114">
        <v>823213</v>
      </c>
      <c r="GB30" s="114">
        <v>2942871</v>
      </c>
      <c r="GC30" s="114">
        <v>2275086</v>
      </c>
      <c r="GD30" s="114">
        <v>2074853</v>
      </c>
      <c r="GE30" s="114">
        <v>1049125</v>
      </c>
      <c r="GF30" s="113">
        <v>9165148</v>
      </c>
      <c r="GG30" s="316">
        <v>10434523</v>
      </c>
      <c r="GH30" s="115">
        <v>114104</v>
      </c>
      <c r="GI30" s="114">
        <v>41400</v>
      </c>
      <c r="GJ30" s="112">
        <v>155504</v>
      </c>
      <c r="GK30" s="111">
        <v>0</v>
      </c>
      <c r="GL30" s="114">
        <v>26136</v>
      </c>
      <c r="GM30" s="114">
        <v>127917</v>
      </c>
      <c r="GN30" s="114">
        <v>144990</v>
      </c>
      <c r="GO30" s="114">
        <v>119340</v>
      </c>
      <c r="GP30" s="114">
        <v>27720</v>
      </c>
      <c r="GQ30" s="113">
        <v>446103</v>
      </c>
      <c r="GR30" s="116">
        <v>601607</v>
      </c>
      <c r="GS30" s="110">
        <v>541710</v>
      </c>
      <c r="GT30" s="114">
        <v>34400</v>
      </c>
      <c r="GU30" s="113">
        <v>576110</v>
      </c>
      <c r="GV30" s="110">
        <v>0</v>
      </c>
      <c r="GW30" s="114">
        <v>484200</v>
      </c>
      <c r="GX30" s="114">
        <v>66600</v>
      </c>
      <c r="GY30" s="114">
        <v>113400</v>
      </c>
      <c r="GZ30" s="114">
        <v>136620</v>
      </c>
      <c r="HA30" s="114">
        <v>0</v>
      </c>
      <c r="HB30" s="112">
        <v>800820</v>
      </c>
      <c r="HC30" s="116">
        <v>1376930</v>
      </c>
      <c r="HD30" s="110">
        <v>251511</v>
      </c>
      <c r="HE30" s="114">
        <v>404455</v>
      </c>
      <c r="HF30" s="112">
        <v>655966</v>
      </c>
      <c r="HG30" s="111">
        <v>0</v>
      </c>
      <c r="HH30" s="114">
        <v>2762143</v>
      </c>
      <c r="HI30" s="114">
        <v>2453838</v>
      </c>
      <c r="HJ30" s="114">
        <v>2498030</v>
      </c>
      <c r="HK30" s="114">
        <v>4735626</v>
      </c>
      <c r="HL30" s="114">
        <v>2935293</v>
      </c>
      <c r="HM30" s="113">
        <v>15384930</v>
      </c>
      <c r="HN30" s="109">
        <v>16040896</v>
      </c>
      <c r="HO30" s="115">
        <v>467382</v>
      </c>
      <c r="HP30" s="114">
        <v>770238</v>
      </c>
      <c r="HQ30" s="113">
        <v>1237620</v>
      </c>
      <c r="HR30" s="110">
        <v>0</v>
      </c>
      <c r="HS30" s="114">
        <v>4636430</v>
      </c>
      <c r="HT30" s="114">
        <v>3737934</v>
      </c>
      <c r="HU30" s="114">
        <v>2827488</v>
      </c>
      <c r="HV30" s="114">
        <v>1988940</v>
      </c>
      <c r="HW30" s="114">
        <v>931981</v>
      </c>
      <c r="HX30" s="112">
        <v>14122773</v>
      </c>
      <c r="HY30" s="116">
        <v>15360393</v>
      </c>
      <c r="HZ30" s="150">
        <v>87720</v>
      </c>
      <c r="IA30" s="135">
        <v>0</v>
      </c>
      <c r="IB30" s="150">
        <v>87720</v>
      </c>
      <c r="IC30" s="134">
        <v>0</v>
      </c>
      <c r="ID30" s="135">
        <v>6664784</v>
      </c>
      <c r="IE30" s="136">
        <v>5810261</v>
      </c>
      <c r="IF30" s="137">
        <v>4141044</v>
      </c>
      <c r="IG30" s="135">
        <v>2119191</v>
      </c>
      <c r="IH30" s="137">
        <v>68082</v>
      </c>
      <c r="II30" s="138">
        <v>18803362</v>
      </c>
      <c r="IJ30" s="150">
        <v>18891082</v>
      </c>
      <c r="IK30" s="232">
        <v>0</v>
      </c>
      <c r="IL30" s="236">
        <v>0</v>
      </c>
      <c r="IM30" s="237">
        <v>0</v>
      </c>
      <c r="IN30" s="140"/>
      <c r="IO30" s="119">
        <v>0</v>
      </c>
      <c r="IP30" s="119">
        <v>0</v>
      </c>
      <c r="IQ30" s="119">
        <v>0</v>
      </c>
      <c r="IR30" s="119">
        <v>0</v>
      </c>
      <c r="IS30" s="119">
        <v>0</v>
      </c>
      <c r="IT30" s="141">
        <v>0</v>
      </c>
      <c r="IU30" s="318">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792713</v>
      </c>
      <c r="JL30" s="119">
        <v>1874154</v>
      </c>
      <c r="JM30" s="119">
        <v>1647455</v>
      </c>
      <c r="JN30" s="119">
        <v>400002</v>
      </c>
      <c r="JO30" s="119">
        <v>68082</v>
      </c>
      <c r="JP30" s="120">
        <v>8782406</v>
      </c>
      <c r="JQ30" s="318">
        <v>8782406</v>
      </c>
      <c r="JR30" s="142">
        <v>0</v>
      </c>
      <c r="JS30" s="119">
        <v>0</v>
      </c>
      <c r="JT30" s="141">
        <v>0</v>
      </c>
      <c r="JU30" s="118">
        <v>0</v>
      </c>
      <c r="JV30" s="119">
        <v>0</v>
      </c>
      <c r="JW30" s="119">
        <v>0</v>
      </c>
      <c r="JX30" s="119">
        <v>0</v>
      </c>
      <c r="JY30" s="119">
        <v>0</v>
      </c>
      <c r="JZ30" s="119">
        <v>0</v>
      </c>
      <c r="KA30" s="120">
        <v>0</v>
      </c>
      <c r="KB30" s="318">
        <v>0</v>
      </c>
      <c r="KC30" s="234">
        <v>87720</v>
      </c>
      <c r="KD30" s="230">
        <v>0</v>
      </c>
      <c r="KE30" s="120">
        <v>87720</v>
      </c>
      <c r="KF30" s="118">
        <v>0</v>
      </c>
      <c r="KG30" s="119">
        <v>358566</v>
      </c>
      <c r="KH30" s="119">
        <v>1368698</v>
      </c>
      <c r="KI30" s="119">
        <v>243621</v>
      </c>
      <c r="KJ30" s="119">
        <v>0</v>
      </c>
      <c r="KK30" s="119">
        <v>0</v>
      </c>
      <c r="KL30" s="120">
        <v>1970885</v>
      </c>
      <c r="KM30" s="143">
        <v>2058605</v>
      </c>
      <c r="KN30" s="232">
        <v>0</v>
      </c>
      <c r="KO30" s="236">
        <v>0</v>
      </c>
      <c r="KP30" s="237">
        <v>0</v>
      </c>
      <c r="KQ30" s="140"/>
      <c r="KR30" s="119">
        <v>1513505</v>
      </c>
      <c r="KS30" s="119">
        <v>2567409</v>
      </c>
      <c r="KT30" s="119">
        <v>2249968</v>
      </c>
      <c r="KU30" s="119">
        <v>1719189</v>
      </c>
      <c r="KV30" s="119">
        <v>0</v>
      </c>
      <c r="KW30" s="120">
        <v>8050071</v>
      </c>
      <c r="KX30" s="318">
        <v>8050071</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18">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3412155</v>
      </c>
      <c r="MK30" s="119">
        <v>6473429</v>
      </c>
      <c r="ML30" s="119">
        <v>19982003</v>
      </c>
      <c r="MM30" s="119">
        <v>35700795</v>
      </c>
      <c r="MN30" s="119">
        <v>22941870</v>
      </c>
      <c r="MO30" s="120">
        <v>88510252</v>
      </c>
      <c r="MP30" s="143">
        <v>88510252</v>
      </c>
      <c r="MQ30" s="142">
        <v>0</v>
      </c>
      <c r="MR30" s="119">
        <v>0</v>
      </c>
      <c r="MS30" s="120">
        <v>0</v>
      </c>
      <c r="MT30" s="145"/>
      <c r="MU30" s="119">
        <v>438361</v>
      </c>
      <c r="MV30" s="119">
        <v>1274461</v>
      </c>
      <c r="MW30" s="119">
        <v>15728365</v>
      </c>
      <c r="MX30" s="119">
        <v>19642944</v>
      </c>
      <c r="MY30" s="119">
        <v>15919479</v>
      </c>
      <c r="MZ30" s="120">
        <v>53003610</v>
      </c>
      <c r="NA30" s="143">
        <v>53003610</v>
      </c>
      <c r="NB30" s="142">
        <v>0</v>
      </c>
      <c r="NC30" s="119">
        <v>0</v>
      </c>
      <c r="ND30" s="120">
        <v>0</v>
      </c>
      <c r="NE30" s="145"/>
      <c r="NF30" s="119">
        <v>2973794</v>
      </c>
      <c r="NG30" s="119">
        <v>5198968</v>
      </c>
      <c r="NH30" s="119">
        <v>4253638</v>
      </c>
      <c r="NI30" s="119">
        <v>15336561</v>
      </c>
      <c r="NJ30" s="119">
        <v>6147998</v>
      </c>
      <c r="NK30" s="120">
        <v>33910959</v>
      </c>
      <c r="NL30" s="318">
        <v>33910959</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721290</v>
      </c>
      <c r="OF30" s="119">
        <v>874393</v>
      </c>
      <c r="OG30" s="120">
        <v>1595683</v>
      </c>
      <c r="OH30" s="121">
        <v>1595683</v>
      </c>
      <c r="OI30" s="142">
        <v>2803598</v>
      </c>
      <c r="OJ30" s="119">
        <v>4622359</v>
      </c>
      <c r="OK30" s="141">
        <v>7425957</v>
      </c>
      <c r="OL30" s="118">
        <v>0</v>
      </c>
      <c r="OM30" s="119">
        <v>37042223</v>
      </c>
      <c r="ON30" s="119">
        <v>44172037</v>
      </c>
      <c r="OO30" s="119">
        <v>52180594</v>
      </c>
      <c r="OP30" s="119">
        <v>66509916</v>
      </c>
      <c r="OQ30" s="119">
        <v>39321166</v>
      </c>
      <c r="OR30" s="120">
        <v>239225936</v>
      </c>
      <c r="OS30" s="143">
        <v>246651893</v>
      </c>
    </row>
    <row r="31" spans="2:409" ht="21" customHeight="1" x14ac:dyDescent="0.2">
      <c r="B31" s="62" t="s">
        <v>26</v>
      </c>
      <c r="C31" s="110">
        <v>2126238</v>
      </c>
      <c r="D31" s="114">
        <v>2413721</v>
      </c>
      <c r="E31" s="113">
        <v>4539959</v>
      </c>
      <c r="F31" s="109">
        <v>0</v>
      </c>
      <c r="G31" s="114">
        <v>24743227</v>
      </c>
      <c r="H31" s="114">
        <v>27380134</v>
      </c>
      <c r="I31" s="114">
        <v>24635810</v>
      </c>
      <c r="J31" s="114">
        <v>21167474</v>
      </c>
      <c r="K31" s="114">
        <v>19245320</v>
      </c>
      <c r="L31" s="173">
        <v>117171965</v>
      </c>
      <c r="M31" s="116">
        <v>121711924</v>
      </c>
      <c r="N31" s="110">
        <v>578987</v>
      </c>
      <c r="O31" s="114">
        <v>483366</v>
      </c>
      <c r="P31" s="113">
        <v>1062353</v>
      </c>
      <c r="Q31" s="110">
        <v>0</v>
      </c>
      <c r="R31" s="114">
        <v>6503231</v>
      </c>
      <c r="S31" s="114">
        <v>7383906</v>
      </c>
      <c r="T31" s="114">
        <v>8204252</v>
      </c>
      <c r="U31" s="114">
        <v>8995464</v>
      </c>
      <c r="V31" s="114">
        <v>10710518</v>
      </c>
      <c r="W31" s="113">
        <v>41797371</v>
      </c>
      <c r="X31" s="116">
        <v>42859724</v>
      </c>
      <c r="Y31" s="110">
        <v>0</v>
      </c>
      <c r="Z31" s="114">
        <v>0</v>
      </c>
      <c r="AA31" s="113">
        <v>0</v>
      </c>
      <c r="AB31" s="110">
        <v>0</v>
      </c>
      <c r="AC31" s="114">
        <v>3140677</v>
      </c>
      <c r="AD31" s="114">
        <v>4242152</v>
      </c>
      <c r="AE31" s="114">
        <v>4905886</v>
      </c>
      <c r="AF31" s="114">
        <v>5654455</v>
      </c>
      <c r="AG31" s="114">
        <v>7142996</v>
      </c>
      <c r="AH31" s="113">
        <v>25086166</v>
      </c>
      <c r="AI31" s="116">
        <v>25086166</v>
      </c>
      <c r="AJ31" s="110">
        <v>0</v>
      </c>
      <c r="AK31" s="114">
        <v>0</v>
      </c>
      <c r="AL31" s="113">
        <v>0</v>
      </c>
      <c r="AM31" s="110">
        <v>0</v>
      </c>
      <c r="AN31" s="114">
        <v>0</v>
      </c>
      <c r="AO31" s="114">
        <v>26308</v>
      </c>
      <c r="AP31" s="114">
        <v>224724</v>
      </c>
      <c r="AQ31" s="114">
        <v>633800</v>
      </c>
      <c r="AR31" s="114">
        <v>880483</v>
      </c>
      <c r="AS31" s="113">
        <v>1765315</v>
      </c>
      <c r="AT31" s="116">
        <v>1765315</v>
      </c>
      <c r="AU31" s="110">
        <v>425826</v>
      </c>
      <c r="AV31" s="114">
        <v>371461</v>
      </c>
      <c r="AW31" s="113">
        <v>797287</v>
      </c>
      <c r="AX31" s="110">
        <v>0</v>
      </c>
      <c r="AY31" s="114">
        <v>2480125</v>
      </c>
      <c r="AZ31" s="114">
        <v>2191033</v>
      </c>
      <c r="BA31" s="114">
        <v>1825107</v>
      </c>
      <c r="BB31" s="114">
        <v>1814678</v>
      </c>
      <c r="BC31" s="114">
        <v>2055238</v>
      </c>
      <c r="BD31" s="113">
        <v>10366181</v>
      </c>
      <c r="BE31" s="116">
        <v>11163468</v>
      </c>
      <c r="BF31" s="110">
        <v>0</v>
      </c>
      <c r="BG31" s="114">
        <v>0</v>
      </c>
      <c r="BH31" s="112">
        <v>0</v>
      </c>
      <c r="BI31" s="111">
        <v>0</v>
      </c>
      <c r="BJ31" s="114">
        <v>44439</v>
      </c>
      <c r="BK31" s="114">
        <v>274454</v>
      </c>
      <c r="BL31" s="114">
        <v>297282</v>
      </c>
      <c r="BM31" s="114">
        <v>189218</v>
      </c>
      <c r="BN31" s="114">
        <v>137498</v>
      </c>
      <c r="BO31" s="113">
        <v>942891</v>
      </c>
      <c r="BP31" s="116">
        <v>942891</v>
      </c>
      <c r="BQ31" s="110">
        <v>153161</v>
      </c>
      <c r="BR31" s="114">
        <v>111905</v>
      </c>
      <c r="BS31" s="113">
        <v>265066</v>
      </c>
      <c r="BT31" s="110">
        <v>0</v>
      </c>
      <c r="BU31" s="114">
        <v>837990</v>
      </c>
      <c r="BV31" s="114">
        <v>649959</v>
      </c>
      <c r="BW31" s="114">
        <v>951253</v>
      </c>
      <c r="BX31" s="114">
        <v>703313</v>
      </c>
      <c r="BY31" s="114">
        <v>494303</v>
      </c>
      <c r="BZ31" s="113">
        <v>3636818</v>
      </c>
      <c r="CA31" s="116">
        <v>3901884</v>
      </c>
      <c r="CB31" s="110">
        <v>132774</v>
      </c>
      <c r="CC31" s="114">
        <v>283913</v>
      </c>
      <c r="CD31" s="113">
        <v>416687</v>
      </c>
      <c r="CE31" s="110">
        <v>0</v>
      </c>
      <c r="CF31" s="114">
        <v>6924236</v>
      </c>
      <c r="CG31" s="114">
        <v>9030041</v>
      </c>
      <c r="CH31" s="114">
        <v>5342618</v>
      </c>
      <c r="CI31" s="114">
        <v>3782498</v>
      </c>
      <c r="CJ31" s="114">
        <v>2417520</v>
      </c>
      <c r="CK31" s="113">
        <v>27496913</v>
      </c>
      <c r="CL31" s="116">
        <v>27913600</v>
      </c>
      <c r="CM31" s="110">
        <v>0</v>
      </c>
      <c r="CN31" s="114">
        <v>0</v>
      </c>
      <c r="CO31" s="113">
        <v>0</v>
      </c>
      <c r="CP31" s="111">
        <v>0</v>
      </c>
      <c r="CQ31" s="114">
        <v>6019958</v>
      </c>
      <c r="CR31" s="114">
        <v>6923011</v>
      </c>
      <c r="CS31" s="114">
        <v>4528299</v>
      </c>
      <c r="CT31" s="114">
        <v>2594240</v>
      </c>
      <c r="CU31" s="114">
        <v>2008095</v>
      </c>
      <c r="CV31" s="113">
        <v>22073603</v>
      </c>
      <c r="CW31" s="116">
        <v>22073603</v>
      </c>
      <c r="CX31" s="110">
        <v>132774</v>
      </c>
      <c r="CY31" s="114">
        <v>283913</v>
      </c>
      <c r="CZ31" s="113">
        <v>416687</v>
      </c>
      <c r="DA31" s="110">
        <v>0</v>
      </c>
      <c r="DB31" s="114">
        <v>904278</v>
      </c>
      <c r="DC31" s="114">
        <v>2107030</v>
      </c>
      <c r="DD31" s="114">
        <v>814319</v>
      </c>
      <c r="DE31" s="114">
        <v>1188258</v>
      </c>
      <c r="DF31" s="114">
        <v>409425</v>
      </c>
      <c r="DG31" s="113">
        <v>5423310</v>
      </c>
      <c r="DH31" s="116">
        <v>5839997</v>
      </c>
      <c r="DI31" s="110">
        <v>0</v>
      </c>
      <c r="DJ31" s="114">
        <v>106409</v>
      </c>
      <c r="DK31" s="112">
        <v>106409</v>
      </c>
      <c r="DL31" s="111">
        <v>0</v>
      </c>
      <c r="DM31" s="114">
        <v>1346327</v>
      </c>
      <c r="DN31" s="114">
        <v>1497387</v>
      </c>
      <c r="DO31" s="114">
        <v>1512403</v>
      </c>
      <c r="DP31" s="114">
        <v>1453280</v>
      </c>
      <c r="DQ31" s="114">
        <v>853237</v>
      </c>
      <c r="DR31" s="113">
        <v>6662634</v>
      </c>
      <c r="DS31" s="116">
        <v>6769043</v>
      </c>
      <c r="DT31" s="110">
        <v>0</v>
      </c>
      <c r="DU31" s="114">
        <v>106409</v>
      </c>
      <c r="DV31" s="113">
        <v>106409</v>
      </c>
      <c r="DW31" s="110">
        <v>0</v>
      </c>
      <c r="DX31" s="114">
        <v>1181069</v>
      </c>
      <c r="DY31" s="114">
        <v>1293288</v>
      </c>
      <c r="DZ31" s="114">
        <v>1311796</v>
      </c>
      <c r="EA31" s="114">
        <v>1179662</v>
      </c>
      <c r="EB31" s="114">
        <v>709963</v>
      </c>
      <c r="EC31" s="113">
        <v>5675778</v>
      </c>
      <c r="ED31" s="116">
        <v>5782187</v>
      </c>
      <c r="EE31" s="110">
        <v>0</v>
      </c>
      <c r="EF31" s="112">
        <v>0</v>
      </c>
      <c r="EG31" s="113">
        <v>0</v>
      </c>
      <c r="EH31" s="110">
        <v>0</v>
      </c>
      <c r="EI31" s="114">
        <v>165258</v>
      </c>
      <c r="EJ31" s="114">
        <v>204099</v>
      </c>
      <c r="EK31" s="114">
        <v>200607</v>
      </c>
      <c r="EL31" s="114">
        <v>273618</v>
      </c>
      <c r="EM31" s="114">
        <v>143274</v>
      </c>
      <c r="EN31" s="112">
        <v>986856</v>
      </c>
      <c r="EO31" s="116">
        <v>986856</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5"/>
      <c r="FE31" s="114">
        <v>0</v>
      </c>
      <c r="FF31" s="114">
        <v>0</v>
      </c>
      <c r="FG31" s="114">
        <v>0</v>
      </c>
      <c r="FH31" s="114">
        <v>0</v>
      </c>
      <c r="FI31" s="114">
        <v>0</v>
      </c>
      <c r="FJ31" s="113">
        <v>0</v>
      </c>
      <c r="FK31" s="116">
        <v>0</v>
      </c>
      <c r="FL31" s="110">
        <v>537834</v>
      </c>
      <c r="FM31" s="114">
        <v>587666</v>
      </c>
      <c r="FN31" s="113">
        <v>1125500</v>
      </c>
      <c r="FO31" s="110">
        <v>0</v>
      </c>
      <c r="FP31" s="114">
        <v>1660914</v>
      </c>
      <c r="FQ31" s="114">
        <v>2860252</v>
      </c>
      <c r="FR31" s="114">
        <v>1847420</v>
      </c>
      <c r="FS31" s="114">
        <v>1755335</v>
      </c>
      <c r="FT31" s="114">
        <v>1454611</v>
      </c>
      <c r="FU31" s="113">
        <v>9578532</v>
      </c>
      <c r="FV31" s="116">
        <v>10704032</v>
      </c>
      <c r="FW31" s="115">
        <v>252212</v>
      </c>
      <c r="FX31" s="114">
        <v>500376</v>
      </c>
      <c r="FY31" s="112">
        <v>752588</v>
      </c>
      <c r="FZ31" s="111">
        <v>0</v>
      </c>
      <c r="GA31" s="114">
        <v>1047780</v>
      </c>
      <c r="GB31" s="114">
        <v>2335608</v>
      </c>
      <c r="GC31" s="114">
        <v>1642157</v>
      </c>
      <c r="GD31" s="114">
        <v>1676135</v>
      </c>
      <c r="GE31" s="114">
        <v>1454611</v>
      </c>
      <c r="GF31" s="113">
        <v>8156291</v>
      </c>
      <c r="GG31" s="316">
        <v>8908879</v>
      </c>
      <c r="GH31" s="115">
        <v>0</v>
      </c>
      <c r="GI31" s="114">
        <v>0</v>
      </c>
      <c r="GJ31" s="112">
        <v>0</v>
      </c>
      <c r="GK31" s="111">
        <v>0</v>
      </c>
      <c r="GL31" s="114">
        <v>90000</v>
      </c>
      <c r="GM31" s="114">
        <v>155862</v>
      </c>
      <c r="GN31" s="114">
        <v>192663</v>
      </c>
      <c r="GO31" s="114">
        <v>0</v>
      </c>
      <c r="GP31" s="114">
        <v>0</v>
      </c>
      <c r="GQ31" s="113">
        <v>438525</v>
      </c>
      <c r="GR31" s="116">
        <v>438525</v>
      </c>
      <c r="GS31" s="110">
        <v>285622</v>
      </c>
      <c r="GT31" s="114">
        <v>87290</v>
      </c>
      <c r="GU31" s="113">
        <v>372912</v>
      </c>
      <c r="GV31" s="110">
        <v>0</v>
      </c>
      <c r="GW31" s="114">
        <v>523134</v>
      </c>
      <c r="GX31" s="114">
        <v>368782</v>
      </c>
      <c r="GY31" s="114">
        <v>12600</v>
      </c>
      <c r="GZ31" s="114">
        <v>79200</v>
      </c>
      <c r="HA31" s="114">
        <v>0</v>
      </c>
      <c r="HB31" s="112">
        <v>983716</v>
      </c>
      <c r="HC31" s="116">
        <v>1356628</v>
      </c>
      <c r="HD31" s="110">
        <v>513973</v>
      </c>
      <c r="HE31" s="114">
        <v>486448</v>
      </c>
      <c r="HF31" s="112">
        <v>1000421</v>
      </c>
      <c r="HG31" s="111">
        <v>0</v>
      </c>
      <c r="HH31" s="114">
        <v>4317322</v>
      </c>
      <c r="HI31" s="114">
        <v>2962805</v>
      </c>
      <c r="HJ31" s="114">
        <v>5117178</v>
      </c>
      <c r="HK31" s="114">
        <v>3583594</v>
      </c>
      <c r="HL31" s="114">
        <v>2643581</v>
      </c>
      <c r="HM31" s="113">
        <v>18624480</v>
      </c>
      <c r="HN31" s="109">
        <v>19624901</v>
      </c>
      <c r="HO31" s="115">
        <v>362670</v>
      </c>
      <c r="HP31" s="114">
        <v>465919</v>
      </c>
      <c r="HQ31" s="113">
        <v>828589</v>
      </c>
      <c r="HR31" s="110">
        <v>0</v>
      </c>
      <c r="HS31" s="114">
        <v>3991197</v>
      </c>
      <c r="HT31" s="114">
        <v>3645743</v>
      </c>
      <c r="HU31" s="114">
        <v>2611939</v>
      </c>
      <c r="HV31" s="114">
        <v>1597303</v>
      </c>
      <c r="HW31" s="114">
        <v>1165853</v>
      </c>
      <c r="HX31" s="112">
        <v>13012035</v>
      </c>
      <c r="HY31" s="116">
        <v>13840624</v>
      </c>
      <c r="HZ31" s="131">
        <v>54693</v>
      </c>
      <c r="IA31" s="132">
        <v>0</v>
      </c>
      <c r="IB31" s="133">
        <v>54693</v>
      </c>
      <c r="IC31" s="146">
        <v>0</v>
      </c>
      <c r="ID31" s="132">
        <v>6179406</v>
      </c>
      <c r="IE31" s="147">
        <v>8111179</v>
      </c>
      <c r="IF31" s="133">
        <v>9473698</v>
      </c>
      <c r="IG31" s="132">
        <v>4178318</v>
      </c>
      <c r="IH31" s="133">
        <v>1865982</v>
      </c>
      <c r="II31" s="148">
        <v>29808583</v>
      </c>
      <c r="IJ31" s="139">
        <v>29863276</v>
      </c>
      <c r="IK31" s="232">
        <v>0</v>
      </c>
      <c r="IL31" s="236">
        <v>0</v>
      </c>
      <c r="IM31" s="237">
        <v>0</v>
      </c>
      <c r="IN31" s="140"/>
      <c r="IO31" s="119">
        <v>0</v>
      </c>
      <c r="IP31" s="119">
        <v>0</v>
      </c>
      <c r="IQ31" s="119">
        <v>0</v>
      </c>
      <c r="IR31" s="119">
        <v>0</v>
      </c>
      <c r="IS31" s="119">
        <v>0</v>
      </c>
      <c r="IT31" s="141">
        <v>0</v>
      </c>
      <c r="IU31" s="318">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504618</v>
      </c>
      <c r="JL31" s="119">
        <v>3663954</v>
      </c>
      <c r="JM31" s="119">
        <v>2594109</v>
      </c>
      <c r="JN31" s="119">
        <v>384533</v>
      </c>
      <c r="JO31" s="119">
        <v>1106270</v>
      </c>
      <c r="JP31" s="120">
        <v>10253484</v>
      </c>
      <c r="JQ31" s="318">
        <v>10253484</v>
      </c>
      <c r="JR31" s="142">
        <v>0</v>
      </c>
      <c r="JS31" s="119">
        <v>0</v>
      </c>
      <c r="JT31" s="141">
        <v>0</v>
      </c>
      <c r="JU31" s="118">
        <v>0</v>
      </c>
      <c r="JV31" s="119">
        <v>180378</v>
      </c>
      <c r="JW31" s="119">
        <v>222852</v>
      </c>
      <c r="JX31" s="119">
        <v>384660</v>
      </c>
      <c r="JY31" s="119">
        <v>499479</v>
      </c>
      <c r="JZ31" s="119">
        <v>113088</v>
      </c>
      <c r="KA31" s="120">
        <v>1400457</v>
      </c>
      <c r="KB31" s="318">
        <v>1400457</v>
      </c>
      <c r="KC31" s="234">
        <v>54693</v>
      </c>
      <c r="KD31" s="230">
        <v>0</v>
      </c>
      <c r="KE31" s="120">
        <v>54693</v>
      </c>
      <c r="KF31" s="118">
        <v>0</v>
      </c>
      <c r="KG31" s="119">
        <v>920044</v>
      </c>
      <c r="KH31" s="119">
        <v>580334</v>
      </c>
      <c r="KI31" s="119">
        <v>1221519</v>
      </c>
      <c r="KJ31" s="119">
        <v>0</v>
      </c>
      <c r="KK31" s="119">
        <v>646624</v>
      </c>
      <c r="KL31" s="120">
        <v>3368521</v>
      </c>
      <c r="KM31" s="143">
        <v>3423214</v>
      </c>
      <c r="KN31" s="232">
        <v>0</v>
      </c>
      <c r="KO31" s="236">
        <v>0</v>
      </c>
      <c r="KP31" s="237">
        <v>0</v>
      </c>
      <c r="KQ31" s="140"/>
      <c r="KR31" s="119">
        <v>2574366</v>
      </c>
      <c r="KS31" s="119">
        <v>3644039</v>
      </c>
      <c r="KT31" s="119">
        <v>5273410</v>
      </c>
      <c r="KU31" s="119">
        <v>3294306</v>
      </c>
      <c r="KV31" s="119">
        <v>0</v>
      </c>
      <c r="KW31" s="120">
        <v>14786121</v>
      </c>
      <c r="KX31" s="318">
        <v>14786121</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18">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3010099</v>
      </c>
      <c r="MK31" s="119">
        <v>8413352</v>
      </c>
      <c r="ML31" s="119">
        <v>17438029</v>
      </c>
      <c r="MM31" s="119">
        <v>26162599</v>
      </c>
      <c r="MN31" s="119">
        <v>18147753</v>
      </c>
      <c r="MO31" s="120">
        <v>73171832</v>
      </c>
      <c r="MP31" s="143">
        <v>73171832</v>
      </c>
      <c r="MQ31" s="142">
        <v>0</v>
      </c>
      <c r="MR31" s="119">
        <v>0</v>
      </c>
      <c r="MS31" s="120">
        <v>0</v>
      </c>
      <c r="MT31" s="145"/>
      <c r="MU31" s="119">
        <v>0</v>
      </c>
      <c r="MV31" s="119">
        <v>1975651</v>
      </c>
      <c r="MW31" s="119">
        <v>10216033</v>
      </c>
      <c r="MX31" s="119">
        <v>19911652</v>
      </c>
      <c r="MY31" s="119">
        <v>12891975</v>
      </c>
      <c r="MZ31" s="120">
        <v>44995311</v>
      </c>
      <c r="NA31" s="143">
        <v>44995311</v>
      </c>
      <c r="NB31" s="142">
        <v>0</v>
      </c>
      <c r="NC31" s="119">
        <v>0</v>
      </c>
      <c r="ND31" s="120">
        <v>0</v>
      </c>
      <c r="NE31" s="145"/>
      <c r="NF31" s="119">
        <v>3010099</v>
      </c>
      <c r="NG31" s="119">
        <v>6437701</v>
      </c>
      <c r="NH31" s="119">
        <v>6848003</v>
      </c>
      <c r="NI31" s="119">
        <v>6250947</v>
      </c>
      <c r="NJ31" s="119">
        <v>4366746</v>
      </c>
      <c r="NK31" s="120">
        <v>26913496</v>
      </c>
      <c r="NL31" s="318">
        <v>26913496</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373993</v>
      </c>
      <c r="OE31" s="119">
        <v>0</v>
      </c>
      <c r="OF31" s="119">
        <v>889032</v>
      </c>
      <c r="OG31" s="120">
        <v>1263025</v>
      </c>
      <c r="OH31" s="121">
        <v>1263025</v>
      </c>
      <c r="OI31" s="142">
        <v>2180931</v>
      </c>
      <c r="OJ31" s="119">
        <v>2413721</v>
      </c>
      <c r="OK31" s="141">
        <v>4594652</v>
      </c>
      <c r="OL31" s="118">
        <v>0</v>
      </c>
      <c r="OM31" s="119">
        <v>33932732</v>
      </c>
      <c r="ON31" s="119">
        <v>43904665</v>
      </c>
      <c r="OO31" s="119">
        <v>51547537</v>
      </c>
      <c r="OP31" s="119">
        <v>51508391</v>
      </c>
      <c r="OQ31" s="119">
        <v>39259055</v>
      </c>
      <c r="OR31" s="120">
        <v>220152380</v>
      </c>
      <c r="OS31" s="143">
        <v>224747032</v>
      </c>
    </row>
    <row r="32" spans="2:409" ht="21" customHeight="1" x14ac:dyDescent="0.2">
      <c r="B32" s="62" t="s">
        <v>27</v>
      </c>
      <c r="C32" s="110">
        <v>2318615</v>
      </c>
      <c r="D32" s="114">
        <v>6410666</v>
      </c>
      <c r="E32" s="113">
        <v>8729281</v>
      </c>
      <c r="F32" s="109">
        <v>0</v>
      </c>
      <c r="G32" s="114">
        <v>23871902</v>
      </c>
      <c r="H32" s="114">
        <v>24405683</v>
      </c>
      <c r="I32" s="114">
        <v>24555379</v>
      </c>
      <c r="J32" s="114">
        <v>22791767</v>
      </c>
      <c r="K32" s="114">
        <v>15696116</v>
      </c>
      <c r="L32" s="173">
        <v>111320847</v>
      </c>
      <c r="M32" s="116">
        <v>120050128</v>
      </c>
      <c r="N32" s="110">
        <v>598662</v>
      </c>
      <c r="O32" s="114">
        <v>1477234</v>
      </c>
      <c r="P32" s="113">
        <v>2075896</v>
      </c>
      <c r="Q32" s="110">
        <v>0</v>
      </c>
      <c r="R32" s="114">
        <v>4753707</v>
      </c>
      <c r="S32" s="114">
        <v>5579020</v>
      </c>
      <c r="T32" s="114">
        <v>5867647</v>
      </c>
      <c r="U32" s="114">
        <v>6518911</v>
      </c>
      <c r="V32" s="114">
        <v>7864226</v>
      </c>
      <c r="W32" s="113">
        <v>30583511</v>
      </c>
      <c r="X32" s="116">
        <v>32659407</v>
      </c>
      <c r="Y32" s="110">
        <v>0</v>
      </c>
      <c r="Z32" s="114">
        <v>0</v>
      </c>
      <c r="AA32" s="113">
        <v>0</v>
      </c>
      <c r="AB32" s="110">
        <v>0</v>
      </c>
      <c r="AC32" s="114">
        <v>2530504</v>
      </c>
      <c r="AD32" s="114">
        <v>2744017</v>
      </c>
      <c r="AE32" s="114">
        <v>3087404</v>
      </c>
      <c r="AF32" s="114">
        <v>3406193</v>
      </c>
      <c r="AG32" s="114">
        <v>4131030</v>
      </c>
      <c r="AH32" s="113">
        <v>15899148</v>
      </c>
      <c r="AI32" s="116">
        <v>15899148</v>
      </c>
      <c r="AJ32" s="110">
        <v>0</v>
      </c>
      <c r="AK32" s="114">
        <v>0</v>
      </c>
      <c r="AL32" s="113">
        <v>0</v>
      </c>
      <c r="AM32" s="110">
        <v>0</v>
      </c>
      <c r="AN32" s="114">
        <v>79531</v>
      </c>
      <c r="AO32" s="114">
        <v>508506</v>
      </c>
      <c r="AP32" s="114">
        <v>168720</v>
      </c>
      <c r="AQ32" s="114">
        <v>524484</v>
      </c>
      <c r="AR32" s="114">
        <v>1049350</v>
      </c>
      <c r="AS32" s="113">
        <v>2330591</v>
      </c>
      <c r="AT32" s="116">
        <v>2330591</v>
      </c>
      <c r="AU32" s="110">
        <v>527590</v>
      </c>
      <c r="AV32" s="114">
        <v>1256394</v>
      </c>
      <c r="AW32" s="113">
        <v>1783984</v>
      </c>
      <c r="AX32" s="110">
        <v>0</v>
      </c>
      <c r="AY32" s="114">
        <v>1499189</v>
      </c>
      <c r="AZ32" s="114">
        <v>1446137</v>
      </c>
      <c r="BA32" s="114">
        <v>1638904</v>
      </c>
      <c r="BB32" s="114">
        <v>1705059</v>
      </c>
      <c r="BC32" s="114">
        <v>2077359</v>
      </c>
      <c r="BD32" s="113">
        <v>8366648</v>
      </c>
      <c r="BE32" s="116">
        <v>10150632</v>
      </c>
      <c r="BF32" s="110">
        <v>0</v>
      </c>
      <c r="BG32" s="114">
        <v>28541</v>
      </c>
      <c r="BH32" s="112">
        <v>28541</v>
      </c>
      <c r="BI32" s="111">
        <v>0</v>
      </c>
      <c r="BJ32" s="114">
        <v>0</v>
      </c>
      <c r="BK32" s="114">
        <v>39501</v>
      </c>
      <c r="BL32" s="114">
        <v>0</v>
      </c>
      <c r="BM32" s="114">
        <v>0</v>
      </c>
      <c r="BN32" s="114">
        <v>35550</v>
      </c>
      <c r="BO32" s="113">
        <v>75051</v>
      </c>
      <c r="BP32" s="116">
        <v>103592</v>
      </c>
      <c r="BQ32" s="110">
        <v>71072</v>
      </c>
      <c r="BR32" s="114">
        <v>192299</v>
      </c>
      <c r="BS32" s="113">
        <v>263371</v>
      </c>
      <c r="BT32" s="110">
        <v>0</v>
      </c>
      <c r="BU32" s="114">
        <v>644483</v>
      </c>
      <c r="BV32" s="114">
        <v>840859</v>
      </c>
      <c r="BW32" s="114">
        <v>972619</v>
      </c>
      <c r="BX32" s="114">
        <v>883175</v>
      </c>
      <c r="BY32" s="114">
        <v>570937</v>
      </c>
      <c r="BZ32" s="113">
        <v>3912073</v>
      </c>
      <c r="CA32" s="116">
        <v>4175444</v>
      </c>
      <c r="CB32" s="110">
        <v>229153</v>
      </c>
      <c r="CC32" s="114">
        <v>1369029</v>
      </c>
      <c r="CD32" s="113">
        <v>1598182</v>
      </c>
      <c r="CE32" s="110">
        <v>0</v>
      </c>
      <c r="CF32" s="114">
        <v>8206058</v>
      </c>
      <c r="CG32" s="114">
        <v>7392342</v>
      </c>
      <c r="CH32" s="114">
        <v>4313708</v>
      </c>
      <c r="CI32" s="114">
        <v>3887626</v>
      </c>
      <c r="CJ32" s="114">
        <v>1863125</v>
      </c>
      <c r="CK32" s="113">
        <v>25662859</v>
      </c>
      <c r="CL32" s="116">
        <v>27261041</v>
      </c>
      <c r="CM32" s="110">
        <v>0</v>
      </c>
      <c r="CN32" s="114">
        <v>0</v>
      </c>
      <c r="CO32" s="113">
        <v>0</v>
      </c>
      <c r="CP32" s="111">
        <v>0</v>
      </c>
      <c r="CQ32" s="114">
        <v>7398321</v>
      </c>
      <c r="CR32" s="114">
        <v>5680602</v>
      </c>
      <c r="CS32" s="114">
        <v>3360718</v>
      </c>
      <c r="CT32" s="114">
        <v>3316266</v>
      </c>
      <c r="CU32" s="114">
        <v>1470774</v>
      </c>
      <c r="CV32" s="113">
        <v>21226681</v>
      </c>
      <c r="CW32" s="116">
        <v>21226681</v>
      </c>
      <c r="CX32" s="110">
        <v>229153</v>
      </c>
      <c r="CY32" s="114">
        <v>1369029</v>
      </c>
      <c r="CZ32" s="113">
        <v>1598182</v>
      </c>
      <c r="DA32" s="110">
        <v>0</v>
      </c>
      <c r="DB32" s="114">
        <v>807737</v>
      </c>
      <c r="DC32" s="114">
        <v>1711740</v>
      </c>
      <c r="DD32" s="114">
        <v>952990</v>
      </c>
      <c r="DE32" s="114">
        <v>571360</v>
      </c>
      <c r="DF32" s="114">
        <v>392351</v>
      </c>
      <c r="DG32" s="113">
        <v>4436178</v>
      </c>
      <c r="DH32" s="116">
        <v>6034360</v>
      </c>
      <c r="DI32" s="110">
        <v>0</v>
      </c>
      <c r="DJ32" s="114">
        <v>0</v>
      </c>
      <c r="DK32" s="112">
        <v>0</v>
      </c>
      <c r="DL32" s="111">
        <v>0</v>
      </c>
      <c r="DM32" s="114">
        <v>677765</v>
      </c>
      <c r="DN32" s="114">
        <v>1435744</v>
      </c>
      <c r="DO32" s="114">
        <v>2619343</v>
      </c>
      <c r="DP32" s="114">
        <v>1549135</v>
      </c>
      <c r="DQ32" s="114">
        <v>667215</v>
      </c>
      <c r="DR32" s="113">
        <v>6949202</v>
      </c>
      <c r="DS32" s="116">
        <v>6949202</v>
      </c>
      <c r="DT32" s="110">
        <v>0</v>
      </c>
      <c r="DU32" s="114">
        <v>0</v>
      </c>
      <c r="DV32" s="113">
        <v>0</v>
      </c>
      <c r="DW32" s="110">
        <v>0</v>
      </c>
      <c r="DX32" s="114">
        <v>525513</v>
      </c>
      <c r="DY32" s="114">
        <v>1173772</v>
      </c>
      <c r="DZ32" s="114">
        <v>2317346</v>
      </c>
      <c r="EA32" s="114">
        <v>1467868</v>
      </c>
      <c r="EB32" s="114">
        <v>605334</v>
      </c>
      <c r="EC32" s="113">
        <v>6089833</v>
      </c>
      <c r="ED32" s="116">
        <v>6089833</v>
      </c>
      <c r="EE32" s="110">
        <v>0</v>
      </c>
      <c r="EF32" s="112">
        <v>0</v>
      </c>
      <c r="EG32" s="113">
        <v>0</v>
      </c>
      <c r="EH32" s="110">
        <v>0</v>
      </c>
      <c r="EI32" s="114">
        <v>152252</v>
      </c>
      <c r="EJ32" s="114">
        <v>261972</v>
      </c>
      <c r="EK32" s="114">
        <v>301997</v>
      </c>
      <c r="EL32" s="114">
        <v>81267</v>
      </c>
      <c r="EM32" s="114">
        <v>61881</v>
      </c>
      <c r="EN32" s="112">
        <v>859369</v>
      </c>
      <c r="EO32" s="116">
        <v>859369</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5"/>
      <c r="FE32" s="114">
        <v>0</v>
      </c>
      <c r="FF32" s="114">
        <v>0</v>
      </c>
      <c r="FG32" s="114">
        <v>0</v>
      </c>
      <c r="FH32" s="114">
        <v>0</v>
      </c>
      <c r="FI32" s="114">
        <v>0</v>
      </c>
      <c r="FJ32" s="113">
        <v>0</v>
      </c>
      <c r="FK32" s="116">
        <v>0</v>
      </c>
      <c r="FL32" s="110">
        <v>426620</v>
      </c>
      <c r="FM32" s="114">
        <v>1397650</v>
      </c>
      <c r="FN32" s="113">
        <v>1824270</v>
      </c>
      <c r="FO32" s="110">
        <v>0</v>
      </c>
      <c r="FP32" s="114">
        <v>686872</v>
      </c>
      <c r="FQ32" s="114">
        <v>1911181</v>
      </c>
      <c r="FR32" s="114">
        <v>1733634</v>
      </c>
      <c r="FS32" s="114">
        <v>1279145</v>
      </c>
      <c r="FT32" s="114">
        <v>1067438</v>
      </c>
      <c r="FU32" s="113">
        <v>6678270</v>
      </c>
      <c r="FV32" s="116">
        <v>8502540</v>
      </c>
      <c r="FW32" s="115">
        <v>390505</v>
      </c>
      <c r="FX32" s="114">
        <v>1054464</v>
      </c>
      <c r="FY32" s="112">
        <v>1444969</v>
      </c>
      <c r="FZ32" s="111">
        <v>0</v>
      </c>
      <c r="GA32" s="114">
        <v>552092</v>
      </c>
      <c r="GB32" s="114">
        <v>1737001</v>
      </c>
      <c r="GC32" s="114">
        <v>1529340</v>
      </c>
      <c r="GD32" s="114">
        <v>1164305</v>
      </c>
      <c r="GE32" s="114">
        <v>1067438</v>
      </c>
      <c r="GF32" s="113">
        <v>6050176</v>
      </c>
      <c r="GG32" s="316">
        <v>7495145</v>
      </c>
      <c r="GH32" s="115">
        <v>36115</v>
      </c>
      <c r="GI32" s="114">
        <v>65890</v>
      </c>
      <c r="GJ32" s="112">
        <v>102005</v>
      </c>
      <c r="GK32" s="111">
        <v>0</v>
      </c>
      <c r="GL32" s="114">
        <v>0</v>
      </c>
      <c r="GM32" s="114">
        <v>76384</v>
      </c>
      <c r="GN32" s="114">
        <v>23760</v>
      </c>
      <c r="GO32" s="114">
        <v>87120</v>
      </c>
      <c r="GP32" s="114">
        <v>0</v>
      </c>
      <c r="GQ32" s="113">
        <v>187264</v>
      </c>
      <c r="GR32" s="116">
        <v>289269</v>
      </c>
      <c r="GS32" s="110">
        <v>0</v>
      </c>
      <c r="GT32" s="114">
        <v>277296</v>
      </c>
      <c r="GU32" s="113">
        <v>277296</v>
      </c>
      <c r="GV32" s="110">
        <v>0</v>
      </c>
      <c r="GW32" s="114">
        <v>134780</v>
      </c>
      <c r="GX32" s="114">
        <v>97796</v>
      </c>
      <c r="GY32" s="114">
        <v>180534</v>
      </c>
      <c r="GZ32" s="114">
        <v>27720</v>
      </c>
      <c r="HA32" s="114">
        <v>0</v>
      </c>
      <c r="HB32" s="112">
        <v>440830</v>
      </c>
      <c r="HC32" s="116">
        <v>718126</v>
      </c>
      <c r="HD32" s="110">
        <v>543746</v>
      </c>
      <c r="HE32" s="114">
        <v>1400955</v>
      </c>
      <c r="HF32" s="112">
        <v>1944701</v>
      </c>
      <c r="HG32" s="111">
        <v>0</v>
      </c>
      <c r="HH32" s="114">
        <v>6318101</v>
      </c>
      <c r="HI32" s="114">
        <v>5753300</v>
      </c>
      <c r="HJ32" s="114">
        <v>7921651</v>
      </c>
      <c r="HK32" s="114">
        <v>8272472</v>
      </c>
      <c r="HL32" s="114">
        <v>3382134</v>
      </c>
      <c r="HM32" s="113">
        <v>31647658</v>
      </c>
      <c r="HN32" s="109">
        <v>33592359</v>
      </c>
      <c r="HO32" s="115">
        <v>520434</v>
      </c>
      <c r="HP32" s="114">
        <v>765798</v>
      </c>
      <c r="HQ32" s="113">
        <v>1286232</v>
      </c>
      <c r="HR32" s="110">
        <v>0</v>
      </c>
      <c r="HS32" s="114">
        <v>3229399</v>
      </c>
      <c r="HT32" s="114">
        <v>2334096</v>
      </c>
      <c r="HU32" s="114">
        <v>2099396</v>
      </c>
      <c r="HV32" s="114">
        <v>1284478</v>
      </c>
      <c r="HW32" s="114">
        <v>851978</v>
      </c>
      <c r="HX32" s="112">
        <v>9799347</v>
      </c>
      <c r="HY32" s="116">
        <v>11085579</v>
      </c>
      <c r="HZ32" s="150">
        <v>0</v>
      </c>
      <c r="IA32" s="135">
        <v>0</v>
      </c>
      <c r="IB32" s="150">
        <v>0</v>
      </c>
      <c r="IC32" s="134">
        <v>0</v>
      </c>
      <c r="ID32" s="135">
        <v>4376152</v>
      </c>
      <c r="IE32" s="136">
        <v>2261272</v>
      </c>
      <c r="IF32" s="137">
        <v>5845744</v>
      </c>
      <c r="IG32" s="135">
        <v>4678243</v>
      </c>
      <c r="IH32" s="137">
        <v>3308532</v>
      </c>
      <c r="II32" s="138">
        <v>20469943</v>
      </c>
      <c r="IJ32" s="150">
        <v>20469943</v>
      </c>
      <c r="IK32" s="232">
        <v>0</v>
      </c>
      <c r="IL32" s="236">
        <v>0</v>
      </c>
      <c r="IM32" s="237">
        <v>0</v>
      </c>
      <c r="IN32" s="140"/>
      <c r="IO32" s="119">
        <v>0</v>
      </c>
      <c r="IP32" s="119">
        <v>0</v>
      </c>
      <c r="IQ32" s="119">
        <v>175496</v>
      </c>
      <c r="IR32" s="119">
        <v>0</v>
      </c>
      <c r="IS32" s="119">
        <v>0</v>
      </c>
      <c r="IT32" s="141">
        <v>175496</v>
      </c>
      <c r="IU32" s="318">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819500</v>
      </c>
      <c r="JL32" s="119">
        <v>879494</v>
      </c>
      <c r="JM32" s="119">
        <v>674985</v>
      </c>
      <c r="JN32" s="119">
        <v>297566</v>
      </c>
      <c r="JO32" s="119">
        <v>0</v>
      </c>
      <c r="JP32" s="120">
        <v>3671545</v>
      </c>
      <c r="JQ32" s="318">
        <v>3671545</v>
      </c>
      <c r="JR32" s="142">
        <v>0</v>
      </c>
      <c r="JS32" s="119">
        <v>0</v>
      </c>
      <c r="JT32" s="141">
        <v>0</v>
      </c>
      <c r="JU32" s="118">
        <v>0</v>
      </c>
      <c r="JV32" s="119">
        <v>263627</v>
      </c>
      <c r="JW32" s="119">
        <v>0</v>
      </c>
      <c r="JX32" s="119">
        <v>165062</v>
      </c>
      <c r="JY32" s="119">
        <v>310061</v>
      </c>
      <c r="JZ32" s="119">
        <v>357525</v>
      </c>
      <c r="KA32" s="120">
        <v>1096275</v>
      </c>
      <c r="KB32" s="318">
        <v>1096275</v>
      </c>
      <c r="KC32" s="234">
        <v>0</v>
      </c>
      <c r="KD32" s="230">
        <v>0</v>
      </c>
      <c r="KE32" s="120">
        <v>0</v>
      </c>
      <c r="KF32" s="118">
        <v>0</v>
      </c>
      <c r="KG32" s="119">
        <v>0</v>
      </c>
      <c r="KH32" s="119">
        <v>0</v>
      </c>
      <c r="KI32" s="119">
        <v>497184</v>
      </c>
      <c r="KJ32" s="119">
        <v>0</v>
      </c>
      <c r="KK32" s="119">
        <v>0</v>
      </c>
      <c r="KL32" s="120">
        <v>497184</v>
      </c>
      <c r="KM32" s="143">
        <v>497184</v>
      </c>
      <c r="KN32" s="232">
        <v>0</v>
      </c>
      <c r="KO32" s="236">
        <v>0</v>
      </c>
      <c r="KP32" s="237">
        <v>0</v>
      </c>
      <c r="KQ32" s="140"/>
      <c r="KR32" s="119">
        <v>2293025</v>
      </c>
      <c r="KS32" s="119">
        <v>1381778</v>
      </c>
      <c r="KT32" s="119">
        <v>2031192</v>
      </c>
      <c r="KU32" s="119">
        <v>756071</v>
      </c>
      <c r="KV32" s="119">
        <v>1467762</v>
      </c>
      <c r="KW32" s="120">
        <v>7929828</v>
      </c>
      <c r="KX32" s="318">
        <v>7929828</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301825</v>
      </c>
      <c r="LQ32" s="119">
        <v>2997685</v>
      </c>
      <c r="LR32" s="119">
        <v>1483245</v>
      </c>
      <c r="LS32" s="120">
        <v>6782755</v>
      </c>
      <c r="LT32" s="318">
        <v>6782755</v>
      </c>
      <c r="LU32" s="142">
        <v>0</v>
      </c>
      <c r="LV32" s="119">
        <v>0</v>
      </c>
      <c r="LW32" s="120">
        <v>0</v>
      </c>
      <c r="LX32" s="145"/>
      <c r="LY32" s="119">
        <v>0</v>
      </c>
      <c r="LZ32" s="119">
        <v>0</v>
      </c>
      <c r="MA32" s="119">
        <v>0</v>
      </c>
      <c r="MB32" s="119">
        <v>316860</v>
      </c>
      <c r="MC32" s="119">
        <v>0</v>
      </c>
      <c r="MD32" s="120">
        <v>316860</v>
      </c>
      <c r="ME32" s="121">
        <v>316860</v>
      </c>
      <c r="MF32" s="142">
        <v>0</v>
      </c>
      <c r="MG32" s="119">
        <v>0</v>
      </c>
      <c r="MH32" s="120">
        <v>0</v>
      </c>
      <c r="MI32" s="145"/>
      <c r="MJ32" s="119">
        <v>2481516</v>
      </c>
      <c r="MK32" s="119">
        <v>5838604</v>
      </c>
      <c r="ML32" s="119">
        <v>14238985</v>
      </c>
      <c r="MM32" s="119">
        <v>23338541</v>
      </c>
      <c r="MN32" s="119">
        <v>15641442</v>
      </c>
      <c r="MO32" s="120">
        <v>61539088</v>
      </c>
      <c r="MP32" s="143">
        <v>61539088</v>
      </c>
      <c r="MQ32" s="142">
        <v>0</v>
      </c>
      <c r="MR32" s="119">
        <v>0</v>
      </c>
      <c r="MS32" s="120">
        <v>0</v>
      </c>
      <c r="MT32" s="145"/>
      <c r="MU32" s="119">
        <v>687879</v>
      </c>
      <c r="MV32" s="119">
        <v>372556</v>
      </c>
      <c r="MW32" s="119">
        <v>9222231</v>
      </c>
      <c r="MX32" s="119">
        <v>16314818</v>
      </c>
      <c r="MY32" s="119">
        <v>11304940</v>
      </c>
      <c r="MZ32" s="120">
        <v>37902424</v>
      </c>
      <c r="NA32" s="143">
        <v>37902424</v>
      </c>
      <c r="NB32" s="142">
        <v>0</v>
      </c>
      <c r="NC32" s="119">
        <v>0</v>
      </c>
      <c r="ND32" s="120">
        <v>0</v>
      </c>
      <c r="NE32" s="145"/>
      <c r="NF32" s="119">
        <v>1793637</v>
      </c>
      <c r="NG32" s="119">
        <v>5466048</v>
      </c>
      <c r="NH32" s="119">
        <v>5016754</v>
      </c>
      <c r="NI32" s="119">
        <v>5870499</v>
      </c>
      <c r="NJ32" s="119">
        <v>3450197</v>
      </c>
      <c r="NK32" s="120">
        <v>21597135</v>
      </c>
      <c r="NL32" s="318">
        <v>21597135</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1153224</v>
      </c>
      <c r="OF32" s="119">
        <v>886305</v>
      </c>
      <c r="OG32" s="120">
        <v>2039529</v>
      </c>
      <c r="OH32" s="121">
        <v>2039529</v>
      </c>
      <c r="OI32" s="142">
        <v>2318615</v>
      </c>
      <c r="OJ32" s="119">
        <v>6410666</v>
      </c>
      <c r="OK32" s="141">
        <v>8729281</v>
      </c>
      <c r="OL32" s="118">
        <v>0</v>
      </c>
      <c r="OM32" s="119">
        <v>30729570</v>
      </c>
      <c r="ON32" s="119">
        <v>32505559</v>
      </c>
      <c r="OO32" s="119">
        <v>44640108</v>
      </c>
      <c r="OP32" s="119">
        <v>50808551</v>
      </c>
      <c r="OQ32" s="119">
        <v>34646090</v>
      </c>
      <c r="OR32" s="120">
        <v>193329878</v>
      </c>
      <c r="OS32" s="143">
        <v>202059159</v>
      </c>
    </row>
    <row r="33" spans="2:409" ht="21" customHeight="1" x14ac:dyDescent="0.2">
      <c r="B33" s="62" t="s">
        <v>28</v>
      </c>
      <c r="C33" s="110">
        <v>131270</v>
      </c>
      <c r="D33" s="114">
        <v>443442</v>
      </c>
      <c r="E33" s="113">
        <v>574712</v>
      </c>
      <c r="F33" s="109">
        <v>0</v>
      </c>
      <c r="G33" s="114">
        <v>4808281</v>
      </c>
      <c r="H33" s="114">
        <v>8805317</v>
      </c>
      <c r="I33" s="114">
        <v>7501312</v>
      </c>
      <c r="J33" s="114">
        <v>7641604</v>
      </c>
      <c r="K33" s="114">
        <v>3510697</v>
      </c>
      <c r="L33" s="173">
        <v>32267211</v>
      </c>
      <c r="M33" s="116">
        <v>32841923</v>
      </c>
      <c r="N33" s="110">
        <v>15012</v>
      </c>
      <c r="O33" s="114">
        <v>98037</v>
      </c>
      <c r="P33" s="113">
        <v>113049</v>
      </c>
      <c r="Q33" s="110">
        <v>0</v>
      </c>
      <c r="R33" s="114">
        <v>610362</v>
      </c>
      <c r="S33" s="114">
        <v>1792942</v>
      </c>
      <c r="T33" s="114">
        <v>1616240</v>
      </c>
      <c r="U33" s="114">
        <v>1768726</v>
      </c>
      <c r="V33" s="114">
        <v>1134408</v>
      </c>
      <c r="W33" s="113">
        <v>6922678</v>
      </c>
      <c r="X33" s="116">
        <v>7035727</v>
      </c>
      <c r="Y33" s="110">
        <v>0</v>
      </c>
      <c r="Z33" s="114">
        <v>0</v>
      </c>
      <c r="AA33" s="113">
        <v>0</v>
      </c>
      <c r="AB33" s="110">
        <v>0</v>
      </c>
      <c r="AC33" s="114">
        <v>235274</v>
      </c>
      <c r="AD33" s="114">
        <v>969342</v>
      </c>
      <c r="AE33" s="114">
        <v>558172</v>
      </c>
      <c r="AF33" s="114">
        <v>667392</v>
      </c>
      <c r="AG33" s="114">
        <v>510257</v>
      </c>
      <c r="AH33" s="113">
        <v>2940437</v>
      </c>
      <c r="AI33" s="116">
        <v>2940437</v>
      </c>
      <c r="AJ33" s="110">
        <v>0</v>
      </c>
      <c r="AK33" s="114">
        <v>0</v>
      </c>
      <c r="AL33" s="113">
        <v>0</v>
      </c>
      <c r="AM33" s="110">
        <v>0</v>
      </c>
      <c r="AN33" s="114">
        <v>0</v>
      </c>
      <c r="AO33" s="114">
        <v>51231</v>
      </c>
      <c r="AP33" s="114">
        <v>135199</v>
      </c>
      <c r="AQ33" s="114">
        <v>100398</v>
      </c>
      <c r="AR33" s="114">
        <v>176744</v>
      </c>
      <c r="AS33" s="113">
        <v>463572</v>
      </c>
      <c r="AT33" s="116">
        <v>463572</v>
      </c>
      <c r="AU33" s="110">
        <v>15012</v>
      </c>
      <c r="AV33" s="114">
        <v>66096</v>
      </c>
      <c r="AW33" s="113">
        <v>81108</v>
      </c>
      <c r="AX33" s="110">
        <v>0</v>
      </c>
      <c r="AY33" s="114">
        <v>201937</v>
      </c>
      <c r="AZ33" s="114">
        <v>542031</v>
      </c>
      <c r="BA33" s="114">
        <v>700949</v>
      </c>
      <c r="BB33" s="114">
        <v>707378</v>
      </c>
      <c r="BC33" s="114">
        <v>272698</v>
      </c>
      <c r="BD33" s="113">
        <v>2424993</v>
      </c>
      <c r="BE33" s="116">
        <v>2506101</v>
      </c>
      <c r="BF33" s="110">
        <v>0</v>
      </c>
      <c r="BG33" s="114">
        <v>17982</v>
      </c>
      <c r="BH33" s="112">
        <v>17982</v>
      </c>
      <c r="BI33" s="111">
        <v>0</v>
      </c>
      <c r="BJ33" s="114">
        <v>79117</v>
      </c>
      <c r="BK33" s="114">
        <v>0</v>
      </c>
      <c r="BL33" s="114">
        <v>0</v>
      </c>
      <c r="BM33" s="114">
        <v>0</v>
      </c>
      <c r="BN33" s="114">
        <v>43565</v>
      </c>
      <c r="BO33" s="113">
        <v>122682</v>
      </c>
      <c r="BP33" s="116">
        <v>140664</v>
      </c>
      <c r="BQ33" s="110">
        <v>0</v>
      </c>
      <c r="BR33" s="114">
        <v>13959</v>
      </c>
      <c r="BS33" s="113">
        <v>13959</v>
      </c>
      <c r="BT33" s="110">
        <v>0</v>
      </c>
      <c r="BU33" s="114">
        <v>94034</v>
      </c>
      <c r="BV33" s="114">
        <v>230338</v>
      </c>
      <c r="BW33" s="114">
        <v>221920</v>
      </c>
      <c r="BX33" s="114">
        <v>293558</v>
      </c>
      <c r="BY33" s="114">
        <v>131144</v>
      </c>
      <c r="BZ33" s="113">
        <v>970994</v>
      </c>
      <c r="CA33" s="116">
        <v>984953</v>
      </c>
      <c r="CB33" s="110">
        <v>0</v>
      </c>
      <c r="CC33" s="114">
        <v>126123</v>
      </c>
      <c r="CD33" s="113">
        <v>126123</v>
      </c>
      <c r="CE33" s="110">
        <v>0</v>
      </c>
      <c r="CF33" s="114">
        <v>2269676</v>
      </c>
      <c r="CG33" s="114">
        <v>2963665</v>
      </c>
      <c r="CH33" s="114">
        <v>2681582</v>
      </c>
      <c r="CI33" s="114">
        <v>2267178</v>
      </c>
      <c r="CJ33" s="114">
        <v>1078649</v>
      </c>
      <c r="CK33" s="113">
        <v>11260750</v>
      </c>
      <c r="CL33" s="116">
        <v>11386873</v>
      </c>
      <c r="CM33" s="110">
        <v>0</v>
      </c>
      <c r="CN33" s="114">
        <v>0</v>
      </c>
      <c r="CO33" s="113">
        <v>0</v>
      </c>
      <c r="CP33" s="111">
        <v>0</v>
      </c>
      <c r="CQ33" s="114">
        <v>2033783</v>
      </c>
      <c r="CR33" s="114">
        <v>1869006</v>
      </c>
      <c r="CS33" s="114">
        <v>2074625</v>
      </c>
      <c r="CT33" s="114">
        <v>1309557</v>
      </c>
      <c r="CU33" s="114">
        <v>833917</v>
      </c>
      <c r="CV33" s="113">
        <v>8120888</v>
      </c>
      <c r="CW33" s="116">
        <v>8120888</v>
      </c>
      <c r="CX33" s="110">
        <v>0</v>
      </c>
      <c r="CY33" s="114">
        <v>126123</v>
      </c>
      <c r="CZ33" s="113">
        <v>126123</v>
      </c>
      <c r="DA33" s="110">
        <v>0</v>
      </c>
      <c r="DB33" s="114">
        <v>235893</v>
      </c>
      <c r="DC33" s="114">
        <v>1094659</v>
      </c>
      <c r="DD33" s="114">
        <v>606957</v>
      </c>
      <c r="DE33" s="114">
        <v>957621</v>
      </c>
      <c r="DF33" s="114">
        <v>244732</v>
      </c>
      <c r="DG33" s="113">
        <v>3139862</v>
      </c>
      <c r="DH33" s="116">
        <v>3265985</v>
      </c>
      <c r="DI33" s="110">
        <v>0</v>
      </c>
      <c r="DJ33" s="114">
        <v>29982</v>
      </c>
      <c r="DK33" s="112">
        <v>29982</v>
      </c>
      <c r="DL33" s="111">
        <v>0</v>
      </c>
      <c r="DM33" s="114">
        <v>192402</v>
      </c>
      <c r="DN33" s="114">
        <v>457086</v>
      </c>
      <c r="DO33" s="114">
        <v>845261</v>
      </c>
      <c r="DP33" s="114">
        <v>708088</v>
      </c>
      <c r="DQ33" s="114">
        <v>449026</v>
      </c>
      <c r="DR33" s="113">
        <v>2651863</v>
      </c>
      <c r="DS33" s="116">
        <v>2681845</v>
      </c>
      <c r="DT33" s="110">
        <v>0</v>
      </c>
      <c r="DU33" s="114">
        <v>29982</v>
      </c>
      <c r="DV33" s="113">
        <v>29982</v>
      </c>
      <c r="DW33" s="110">
        <v>0</v>
      </c>
      <c r="DX33" s="114">
        <v>134523</v>
      </c>
      <c r="DY33" s="114">
        <v>237260</v>
      </c>
      <c r="DZ33" s="114">
        <v>715521</v>
      </c>
      <c r="EA33" s="114">
        <v>492709</v>
      </c>
      <c r="EB33" s="114">
        <v>322798</v>
      </c>
      <c r="EC33" s="113">
        <v>1902811</v>
      </c>
      <c r="ED33" s="116">
        <v>1932793</v>
      </c>
      <c r="EE33" s="110">
        <v>0</v>
      </c>
      <c r="EF33" s="112">
        <v>0</v>
      </c>
      <c r="EG33" s="113">
        <v>0</v>
      </c>
      <c r="EH33" s="110">
        <v>0</v>
      </c>
      <c r="EI33" s="114">
        <v>57879</v>
      </c>
      <c r="EJ33" s="114">
        <v>219826</v>
      </c>
      <c r="EK33" s="114">
        <v>129740</v>
      </c>
      <c r="EL33" s="114">
        <v>215379</v>
      </c>
      <c r="EM33" s="114">
        <v>126228</v>
      </c>
      <c r="EN33" s="112">
        <v>749052</v>
      </c>
      <c r="EO33" s="116">
        <v>749052</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5"/>
      <c r="FE33" s="114">
        <v>0</v>
      </c>
      <c r="FF33" s="114">
        <v>0</v>
      </c>
      <c r="FG33" s="114">
        <v>0</v>
      </c>
      <c r="FH33" s="114">
        <v>0</v>
      </c>
      <c r="FI33" s="114">
        <v>0</v>
      </c>
      <c r="FJ33" s="113">
        <v>0</v>
      </c>
      <c r="FK33" s="116">
        <v>0</v>
      </c>
      <c r="FL33" s="110">
        <v>25910</v>
      </c>
      <c r="FM33" s="114">
        <v>106080</v>
      </c>
      <c r="FN33" s="113">
        <v>131990</v>
      </c>
      <c r="FO33" s="110">
        <v>0</v>
      </c>
      <c r="FP33" s="114">
        <v>305830</v>
      </c>
      <c r="FQ33" s="114">
        <v>990132</v>
      </c>
      <c r="FR33" s="114">
        <v>694337</v>
      </c>
      <c r="FS33" s="114">
        <v>519265</v>
      </c>
      <c r="FT33" s="114">
        <v>351134</v>
      </c>
      <c r="FU33" s="113">
        <v>2860698</v>
      </c>
      <c r="FV33" s="116">
        <v>2992688</v>
      </c>
      <c r="FW33" s="115">
        <v>25910</v>
      </c>
      <c r="FX33" s="114">
        <v>106080</v>
      </c>
      <c r="FY33" s="112">
        <v>131990</v>
      </c>
      <c r="FZ33" s="111">
        <v>0</v>
      </c>
      <c r="GA33" s="114">
        <v>305830</v>
      </c>
      <c r="GB33" s="114">
        <v>848556</v>
      </c>
      <c r="GC33" s="114">
        <v>694337</v>
      </c>
      <c r="GD33" s="114">
        <v>519265</v>
      </c>
      <c r="GE33" s="114">
        <v>351134</v>
      </c>
      <c r="GF33" s="113">
        <v>2719122</v>
      </c>
      <c r="GG33" s="316">
        <v>2851112</v>
      </c>
      <c r="GH33" s="115">
        <v>0</v>
      </c>
      <c r="GI33" s="114">
        <v>0</v>
      </c>
      <c r="GJ33" s="112">
        <v>0</v>
      </c>
      <c r="GK33" s="111">
        <v>0</v>
      </c>
      <c r="GL33" s="114">
        <v>0</v>
      </c>
      <c r="GM33" s="114">
        <v>16896</v>
      </c>
      <c r="GN33" s="114">
        <v>0</v>
      </c>
      <c r="GO33" s="114">
        <v>0</v>
      </c>
      <c r="GP33" s="114">
        <v>0</v>
      </c>
      <c r="GQ33" s="113">
        <v>16896</v>
      </c>
      <c r="GR33" s="116">
        <v>16896</v>
      </c>
      <c r="GS33" s="110">
        <v>0</v>
      </c>
      <c r="GT33" s="114">
        <v>0</v>
      </c>
      <c r="GU33" s="113">
        <v>0</v>
      </c>
      <c r="GV33" s="110">
        <v>0</v>
      </c>
      <c r="GW33" s="114">
        <v>0</v>
      </c>
      <c r="GX33" s="114">
        <v>124680</v>
      </c>
      <c r="GY33" s="114">
        <v>0</v>
      </c>
      <c r="GZ33" s="114">
        <v>0</v>
      </c>
      <c r="HA33" s="114">
        <v>0</v>
      </c>
      <c r="HB33" s="112">
        <v>124680</v>
      </c>
      <c r="HC33" s="116">
        <v>124680</v>
      </c>
      <c r="HD33" s="110">
        <v>50928</v>
      </c>
      <c r="HE33" s="114">
        <v>0</v>
      </c>
      <c r="HF33" s="112">
        <v>50928</v>
      </c>
      <c r="HG33" s="111">
        <v>0</v>
      </c>
      <c r="HH33" s="114">
        <v>474877</v>
      </c>
      <c r="HI33" s="114">
        <v>1550343</v>
      </c>
      <c r="HJ33" s="114">
        <v>830131</v>
      </c>
      <c r="HK33" s="114">
        <v>1841047</v>
      </c>
      <c r="HL33" s="114">
        <v>255735</v>
      </c>
      <c r="HM33" s="113">
        <v>4952133</v>
      </c>
      <c r="HN33" s="109">
        <v>5003061</v>
      </c>
      <c r="HO33" s="115">
        <v>39420</v>
      </c>
      <c r="HP33" s="114">
        <v>83220</v>
      </c>
      <c r="HQ33" s="113">
        <v>122640</v>
      </c>
      <c r="HR33" s="110">
        <v>0</v>
      </c>
      <c r="HS33" s="114">
        <v>955134</v>
      </c>
      <c r="HT33" s="114">
        <v>1051149</v>
      </c>
      <c r="HU33" s="114">
        <v>833761</v>
      </c>
      <c r="HV33" s="114">
        <v>537300</v>
      </c>
      <c r="HW33" s="114">
        <v>241745</v>
      </c>
      <c r="HX33" s="112">
        <v>3619089</v>
      </c>
      <c r="HY33" s="116">
        <v>3741729</v>
      </c>
      <c r="HZ33" s="131">
        <v>0</v>
      </c>
      <c r="IA33" s="132">
        <v>0</v>
      </c>
      <c r="IB33" s="133">
        <v>0</v>
      </c>
      <c r="IC33" s="146">
        <v>0</v>
      </c>
      <c r="ID33" s="132">
        <v>961331</v>
      </c>
      <c r="IE33" s="147">
        <v>1810632</v>
      </c>
      <c r="IF33" s="133">
        <v>1731312</v>
      </c>
      <c r="IG33" s="132">
        <v>694332</v>
      </c>
      <c r="IH33" s="133">
        <v>1153839</v>
      </c>
      <c r="II33" s="148">
        <v>6351446</v>
      </c>
      <c r="IJ33" s="139">
        <v>6351446</v>
      </c>
      <c r="IK33" s="232">
        <v>0</v>
      </c>
      <c r="IL33" s="236">
        <v>0</v>
      </c>
      <c r="IM33" s="237">
        <v>0</v>
      </c>
      <c r="IN33" s="140"/>
      <c r="IO33" s="119">
        <v>0</v>
      </c>
      <c r="IP33" s="119">
        <v>0</v>
      </c>
      <c r="IQ33" s="119">
        <v>0</v>
      </c>
      <c r="IR33" s="119">
        <v>0</v>
      </c>
      <c r="IS33" s="119">
        <v>0</v>
      </c>
      <c r="IT33" s="141">
        <v>0</v>
      </c>
      <c r="IU33" s="318">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712643</v>
      </c>
      <c r="JL33" s="119">
        <v>603912</v>
      </c>
      <c r="JM33" s="119">
        <v>67806</v>
      </c>
      <c r="JN33" s="119">
        <v>107757</v>
      </c>
      <c r="JO33" s="119">
        <v>51786</v>
      </c>
      <c r="JP33" s="120">
        <v>1543904</v>
      </c>
      <c r="JQ33" s="318">
        <v>1543904</v>
      </c>
      <c r="JR33" s="142">
        <v>0</v>
      </c>
      <c r="JS33" s="119">
        <v>0</v>
      </c>
      <c r="JT33" s="141">
        <v>0</v>
      </c>
      <c r="JU33" s="118">
        <v>0</v>
      </c>
      <c r="JV33" s="119">
        <v>120825</v>
      </c>
      <c r="JW33" s="119">
        <v>108990</v>
      </c>
      <c r="JX33" s="119">
        <v>259722</v>
      </c>
      <c r="JY33" s="119">
        <v>0</v>
      </c>
      <c r="JZ33" s="119">
        <v>40864</v>
      </c>
      <c r="KA33" s="120">
        <v>530401</v>
      </c>
      <c r="KB33" s="318">
        <v>530401</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127863</v>
      </c>
      <c r="KS33" s="119">
        <v>1097730</v>
      </c>
      <c r="KT33" s="119">
        <v>1133748</v>
      </c>
      <c r="KU33" s="119">
        <v>586575</v>
      </c>
      <c r="KV33" s="119">
        <v>1061189</v>
      </c>
      <c r="KW33" s="120">
        <v>4007105</v>
      </c>
      <c r="KX33" s="318">
        <v>4007105</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70036</v>
      </c>
      <c r="LQ33" s="119">
        <v>0</v>
      </c>
      <c r="LR33" s="119">
        <v>0</v>
      </c>
      <c r="LS33" s="120">
        <v>270036</v>
      </c>
      <c r="LT33" s="318">
        <v>270036</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1217412</v>
      </c>
      <c r="MK33" s="119">
        <v>3163308</v>
      </c>
      <c r="ML33" s="119">
        <v>5717730</v>
      </c>
      <c r="MM33" s="119">
        <v>7474108</v>
      </c>
      <c r="MN33" s="119">
        <v>6040607</v>
      </c>
      <c r="MO33" s="120">
        <v>23613165</v>
      </c>
      <c r="MP33" s="143">
        <v>23613165</v>
      </c>
      <c r="MQ33" s="142">
        <v>0</v>
      </c>
      <c r="MR33" s="119">
        <v>0</v>
      </c>
      <c r="MS33" s="120">
        <v>0</v>
      </c>
      <c r="MT33" s="145"/>
      <c r="MU33" s="119">
        <v>0</v>
      </c>
      <c r="MV33" s="119">
        <v>214209</v>
      </c>
      <c r="MW33" s="119">
        <v>3214940</v>
      </c>
      <c r="MX33" s="119">
        <v>4543041</v>
      </c>
      <c r="MY33" s="119">
        <v>4257071</v>
      </c>
      <c r="MZ33" s="120">
        <v>12229261</v>
      </c>
      <c r="NA33" s="143">
        <v>12229261</v>
      </c>
      <c r="NB33" s="142">
        <v>0</v>
      </c>
      <c r="NC33" s="119">
        <v>0</v>
      </c>
      <c r="ND33" s="120">
        <v>0</v>
      </c>
      <c r="NE33" s="145"/>
      <c r="NF33" s="119">
        <v>1217412</v>
      </c>
      <c r="NG33" s="119">
        <v>2949099</v>
      </c>
      <c r="NH33" s="119">
        <v>2502790</v>
      </c>
      <c r="NI33" s="119">
        <v>2931067</v>
      </c>
      <c r="NJ33" s="119">
        <v>1783536</v>
      </c>
      <c r="NK33" s="120">
        <v>11383904</v>
      </c>
      <c r="NL33" s="318">
        <v>11383904</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31270</v>
      </c>
      <c r="OJ33" s="119">
        <v>443442</v>
      </c>
      <c r="OK33" s="141">
        <v>574712</v>
      </c>
      <c r="OL33" s="118">
        <v>0</v>
      </c>
      <c r="OM33" s="119">
        <v>6987024</v>
      </c>
      <c r="ON33" s="119">
        <v>13779257</v>
      </c>
      <c r="OO33" s="119">
        <v>14950354</v>
      </c>
      <c r="OP33" s="119">
        <v>15810044</v>
      </c>
      <c r="OQ33" s="119">
        <v>10705143</v>
      </c>
      <c r="OR33" s="120">
        <v>62231822</v>
      </c>
      <c r="OS33" s="143">
        <v>62806534</v>
      </c>
    </row>
    <row r="34" spans="2:409" ht="21" customHeight="1" x14ac:dyDescent="0.2">
      <c r="B34" s="62" t="s">
        <v>29</v>
      </c>
      <c r="C34" s="110">
        <v>559149</v>
      </c>
      <c r="D34" s="114">
        <v>705971</v>
      </c>
      <c r="E34" s="113">
        <v>1265120</v>
      </c>
      <c r="F34" s="109">
        <v>0</v>
      </c>
      <c r="G34" s="114">
        <v>8650228</v>
      </c>
      <c r="H34" s="114">
        <v>10636763</v>
      </c>
      <c r="I34" s="114">
        <v>8388600</v>
      </c>
      <c r="J34" s="114">
        <v>8062453</v>
      </c>
      <c r="K34" s="114">
        <v>5881936</v>
      </c>
      <c r="L34" s="173">
        <v>41619980</v>
      </c>
      <c r="M34" s="116">
        <v>42885100</v>
      </c>
      <c r="N34" s="110">
        <v>75132</v>
      </c>
      <c r="O34" s="114">
        <v>216076</v>
      </c>
      <c r="P34" s="113">
        <v>291208</v>
      </c>
      <c r="Q34" s="110">
        <v>0</v>
      </c>
      <c r="R34" s="114">
        <v>2213262</v>
      </c>
      <c r="S34" s="114">
        <v>2716359</v>
      </c>
      <c r="T34" s="114">
        <v>1259545</v>
      </c>
      <c r="U34" s="114">
        <v>2214348</v>
      </c>
      <c r="V34" s="114">
        <v>2782225</v>
      </c>
      <c r="W34" s="113">
        <v>11185739</v>
      </c>
      <c r="X34" s="116">
        <v>11476947</v>
      </c>
      <c r="Y34" s="110">
        <v>0</v>
      </c>
      <c r="Z34" s="114">
        <v>0</v>
      </c>
      <c r="AA34" s="113">
        <v>0</v>
      </c>
      <c r="AB34" s="110">
        <v>0</v>
      </c>
      <c r="AC34" s="114">
        <v>1105948</v>
      </c>
      <c r="AD34" s="114">
        <v>1252662</v>
      </c>
      <c r="AE34" s="114">
        <v>418021</v>
      </c>
      <c r="AF34" s="114">
        <v>1371404</v>
      </c>
      <c r="AG34" s="114">
        <v>1928917</v>
      </c>
      <c r="AH34" s="113">
        <v>6076952</v>
      </c>
      <c r="AI34" s="116">
        <v>6076952</v>
      </c>
      <c r="AJ34" s="110">
        <v>0</v>
      </c>
      <c r="AK34" s="114">
        <v>10269</v>
      </c>
      <c r="AL34" s="113">
        <v>10269</v>
      </c>
      <c r="AM34" s="110">
        <v>0</v>
      </c>
      <c r="AN34" s="114">
        <v>0</v>
      </c>
      <c r="AO34" s="114">
        <v>35649</v>
      </c>
      <c r="AP34" s="114">
        <v>0</v>
      </c>
      <c r="AQ34" s="114">
        <v>125295</v>
      </c>
      <c r="AR34" s="114">
        <v>306274</v>
      </c>
      <c r="AS34" s="113">
        <v>467218</v>
      </c>
      <c r="AT34" s="116">
        <v>477487</v>
      </c>
      <c r="AU34" s="110">
        <v>40248</v>
      </c>
      <c r="AV34" s="114">
        <v>168781</v>
      </c>
      <c r="AW34" s="113">
        <v>209029</v>
      </c>
      <c r="AX34" s="110">
        <v>0</v>
      </c>
      <c r="AY34" s="114">
        <v>793202</v>
      </c>
      <c r="AZ34" s="114">
        <v>938233</v>
      </c>
      <c r="BA34" s="114">
        <v>635087</v>
      </c>
      <c r="BB34" s="114">
        <v>319587</v>
      </c>
      <c r="BC34" s="114">
        <v>394592</v>
      </c>
      <c r="BD34" s="113">
        <v>3080701</v>
      </c>
      <c r="BE34" s="116">
        <v>3289730</v>
      </c>
      <c r="BF34" s="110">
        <v>34884</v>
      </c>
      <c r="BG34" s="114">
        <v>34344</v>
      </c>
      <c r="BH34" s="112">
        <v>69228</v>
      </c>
      <c r="BI34" s="111">
        <v>0</v>
      </c>
      <c r="BJ34" s="114">
        <v>63096</v>
      </c>
      <c r="BK34" s="114">
        <v>112566</v>
      </c>
      <c r="BL34" s="114">
        <v>26768</v>
      </c>
      <c r="BM34" s="114">
        <v>169092</v>
      </c>
      <c r="BN34" s="114">
        <v>0</v>
      </c>
      <c r="BO34" s="113">
        <v>371522</v>
      </c>
      <c r="BP34" s="116">
        <v>440750</v>
      </c>
      <c r="BQ34" s="110">
        <v>0</v>
      </c>
      <c r="BR34" s="114">
        <v>2682</v>
      </c>
      <c r="BS34" s="113">
        <v>2682</v>
      </c>
      <c r="BT34" s="110">
        <v>0</v>
      </c>
      <c r="BU34" s="114">
        <v>251016</v>
      </c>
      <c r="BV34" s="114">
        <v>377249</v>
      </c>
      <c r="BW34" s="114">
        <v>179669</v>
      </c>
      <c r="BX34" s="114">
        <v>228970</v>
      </c>
      <c r="BY34" s="114">
        <v>152442</v>
      </c>
      <c r="BZ34" s="113">
        <v>1189346</v>
      </c>
      <c r="CA34" s="116">
        <v>1192028</v>
      </c>
      <c r="CB34" s="110">
        <v>40756</v>
      </c>
      <c r="CC34" s="114">
        <v>76752</v>
      </c>
      <c r="CD34" s="113">
        <v>117508</v>
      </c>
      <c r="CE34" s="110">
        <v>0</v>
      </c>
      <c r="CF34" s="114">
        <v>3199244</v>
      </c>
      <c r="CG34" s="114">
        <v>3798735</v>
      </c>
      <c r="CH34" s="114">
        <v>3415485</v>
      </c>
      <c r="CI34" s="114">
        <v>2300105</v>
      </c>
      <c r="CJ34" s="114">
        <v>512343</v>
      </c>
      <c r="CK34" s="113">
        <v>13225912</v>
      </c>
      <c r="CL34" s="116">
        <v>13343420</v>
      </c>
      <c r="CM34" s="110">
        <v>0</v>
      </c>
      <c r="CN34" s="114">
        <v>0</v>
      </c>
      <c r="CO34" s="113">
        <v>0</v>
      </c>
      <c r="CP34" s="111">
        <v>0</v>
      </c>
      <c r="CQ34" s="114">
        <v>2162345</v>
      </c>
      <c r="CR34" s="114">
        <v>2979850</v>
      </c>
      <c r="CS34" s="114">
        <v>2713327</v>
      </c>
      <c r="CT34" s="114">
        <v>1963568</v>
      </c>
      <c r="CU34" s="114">
        <v>504864</v>
      </c>
      <c r="CV34" s="113">
        <v>10323954</v>
      </c>
      <c r="CW34" s="116">
        <v>10323954</v>
      </c>
      <c r="CX34" s="110">
        <v>40756</v>
      </c>
      <c r="CY34" s="114">
        <v>76752</v>
      </c>
      <c r="CZ34" s="113">
        <v>117508</v>
      </c>
      <c r="DA34" s="110">
        <v>0</v>
      </c>
      <c r="DB34" s="114">
        <v>1036899</v>
      </c>
      <c r="DC34" s="114">
        <v>818885</v>
      </c>
      <c r="DD34" s="114">
        <v>702158</v>
      </c>
      <c r="DE34" s="114">
        <v>336537</v>
      </c>
      <c r="DF34" s="114">
        <v>7479</v>
      </c>
      <c r="DG34" s="113">
        <v>2901958</v>
      </c>
      <c r="DH34" s="116">
        <v>3019466</v>
      </c>
      <c r="DI34" s="110">
        <v>23623</v>
      </c>
      <c r="DJ34" s="114">
        <v>16226</v>
      </c>
      <c r="DK34" s="112">
        <v>39849</v>
      </c>
      <c r="DL34" s="111">
        <v>0</v>
      </c>
      <c r="DM34" s="114">
        <v>194713</v>
      </c>
      <c r="DN34" s="114">
        <v>788073</v>
      </c>
      <c r="DO34" s="114">
        <v>1212751</v>
      </c>
      <c r="DP34" s="114">
        <v>453992</v>
      </c>
      <c r="DQ34" s="114">
        <v>610676</v>
      </c>
      <c r="DR34" s="113">
        <v>3260205</v>
      </c>
      <c r="DS34" s="116">
        <v>3300054</v>
      </c>
      <c r="DT34" s="110">
        <v>23623</v>
      </c>
      <c r="DU34" s="114">
        <v>16226</v>
      </c>
      <c r="DV34" s="113">
        <v>39849</v>
      </c>
      <c r="DW34" s="110">
        <v>0</v>
      </c>
      <c r="DX34" s="114">
        <v>146490</v>
      </c>
      <c r="DY34" s="114">
        <v>553046</v>
      </c>
      <c r="DZ34" s="114">
        <v>1138816</v>
      </c>
      <c r="EA34" s="114">
        <v>453992</v>
      </c>
      <c r="EB34" s="114">
        <v>610676</v>
      </c>
      <c r="EC34" s="113">
        <v>2903020</v>
      </c>
      <c r="ED34" s="116">
        <v>2942869</v>
      </c>
      <c r="EE34" s="110">
        <v>0</v>
      </c>
      <c r="EF34" s="112">
        <v>0</v>
      </c>
      <c r="EG34" s="113">
        <v>0</v>
      </c>
      <c r="EH34" s="110">
        <v>0</v>
      </c>
      <c r="EI34" s="114">
        <v>48223</v>
      </c>
      <c r="EJ34" s="114">
        <v>235027</v>
      </c>
      <c r="EK34" s="114">
        <v>73935</v>
      </c>
      <c r="EL34" s="114">
        <v>0</v>
      </c>
      <c r="EM34" s="114">
        <v>0</v>
      </c>
      <c r="EN34" s="112">
        <v>357185</v>
      </c>
      <c r="EO34" s="116">
        <v>357185</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5"/>
      <c r="FE34" s="114">
        <v>0</v>
      </c>
      <c r="FF34" s="114">
        <v>0</v>
      </c>
      <c r="FG34" s="114">
        <v>0</v>
      </c>
      <c r="FH34" s="114">
        <v>0</v>
      </c>
      <c r="FI34" s="114">
        <v>0</v>
      </c>
      <c r="FJ34" s="113">
        <v>0</v>
      </c>
      <c r="FK34" s="116">
        <v>0</v>
      </c>
      <c r="FL34" s="110">
        <v>180831</v>
      </c>
      <c r="FM34" s="114">
        <v>233237</v>
      </c>
      <c r="FN34" s="113">
        <v>414068</v>
      </c>
      <c r="FO34" s="110">
        <v>0</v>
      </c>
      <c r="FP34" s="114">
        <v>497280</v>
      </c>
      <c r="FQ34" s="114">
        <v>1033336</v>
      </c>
      <c r="FR34" s="114">
        <v>640370</v>
      </c>
      <c r="FS34" s="114">
        <v>749448</v>
      </c>
      <c r="FT34" s="114">
        <v>567863</v>
      </c>
      <c r="FU34" s="113">
        <v>3488297</v>
      </c>
      <c r="FV34" s="116">
        <v>3902365</v>
      </c>
      <c r="FW34" s="115">
        <v>147270</v>
      </c>
      <c r="FX34" s="114">
        <v>191420</v>
      </c>
      <c r="FY34" s="112">
        <v>338690</v>
      </c>
      <c r="FZ34" s="111">
        <v>0</v>
      </c>
      <c r="GA34" s="114">
        <v>373080</v>
      </c>
      <c r="GB34" s="114">
        <v>943336</v>
      </c>
      <c r="GC34" s="114">
        <v>640370</v>
      </c>
      <c r="GD34" s="114">
        <v>682684</v>
      </c>
      <c r="GE34" s="114">
        <v>567863</v>
      </c>
      <c r="GF34" s="113">
        <v>3207333</v>
      </c>
      <c r="GG34" s="316">
        <v>3546023</v>
      </c>
      <c r="GH34" s="115">
        <v>0</v>
      </c>
      <c r="GI34" s="114">
        <v>41817</v>
      </c>
      <c r="GJ34" s="112">
        <v>41817</v>
      </c>
      <c r="GK34" s="111">
        <v>0</v>
      </c>
      <c r="GL34" s="114">
        <v>0</v>
      </c>
      <c r="GM34" s="114">
        <v>90000</v>
      </c>
      <c r="GN34" s="114">
        <v>0</v>
      </c>
      <c r="GO34" s="114">
        <v>54444</v>
      </c>
      <c r="GP34" s="114">
        <v>0</v>
      </c>
      <c r="GQ34" s="113">
        <v>144444</v>
      </c>
      <c r="GR34" s="116">
        <v>186261</v>
      </c>
      <c r="GS34" s="110">
        <v>33561</v>
      </c>
      <c r="GT34" s="114">
        <v>0</v>
      </c>
      <c r="GU34" s="113">
        <v>33561</v>
      </c>
      <c r="GV34" s="110">
        <v>0</v>
      </c>
      <c r="GW34" s="114">
        <v>124200</v>
      </c>
      <c r="GX34" s="114">
        <v>0</v>
      </c>
      <c r="GY34" s="114">
        <v>0</v>
      </c>
      <c r="GZ34" s="114">
        <v>12320</v>
      </c>
      <c r="HA34" s="114">
        <v>0</v>
      </c>
      <c r="HB34" s="112">
        <v>136520</v>
      </c>
      <c r="HC34" s="116">
        <v>170081</v>
      </c>
      <c r="HD34" s="110">
        <v>111420</v>
      </c>
      <c r="HE34" s="114">
        <v>0</v>
      </c>
      <c r="HF34" s="112">
        <v>111420</v>
      </c>
      <c r="HG34" s="111">
        <v>0</v>
      </c>
      <c r="HH34" s="114">
        <v>1328799</v>
      </c>
      <c r="HI34" s="114">
        <v>1113929</v>
      </c>
      <c r="HJ34" s="114">
        <v>914002</v>
      </c>
      <c r="HK34" s="114">
        <v>1775943</v>
      </c>
      <c r="HL34" s="114">
        <v>1035190</v>
      </c>
      <c r="HM34" s="113">
        <v>6167863</v>
      </c>
      <c r="HN34" s="109">
        <v>6279283</v>
      </c>
      <c r="HO34" s="115">
        <v>127387</v>
      </c>
      <c r="HP34" s="114">
        <v>163680</v>
      </c>
      <c r="HQ34" s="113">
        <v>291067</v>
      </c>
      <c r="HR34" s="110">
        <v>0</v>
      </c>
      <c r="HS34" s="114">
        <v>1216930</v>
      </c>
      <c r="HT34" s="114">
        <v>1186331</v>
      </c>
      <c r="HU34" s="114">
        <v>946447</v>
      </c>
      <c r="HV34" s="114">
        <v>568617</v>
      </c>
      <c r="HW34" s="114">
        <v>373639</v>
      </c>
      <c r="HX34" s="112">
        <v>4291964</v>
      </c>
      <c r="HY34" s="116">
        <v>4583031</v>
      </c>
      <c r="HZ34" s="150">
        <v>0</v>
      </c>
      <c r="IA34" s="135">
        <v>358038</v>
      </c>
      <c r="IB34" s="150">
        <v>358038</v>
      </c>
      <c r="IC34" s="134">
        <v>0</v>
      </c>
      <c r="ID34" s="135">
        <v>3223456</v>
      </c>
      <c r="IE34" s="136">
        <v>2827503</v>
      </c>
      <c r="IF34" s="137">
        <v>6148484</v>
      </c>
      <c r="IG34" s="135">
        <v>4556684</v>
      </c>
      <c r="IH34" s="137">
        <v>3228438</v>
      </c>
      <c r="II34" s="138">
        <v>19984565</v>
      </c>
      <c r="IJ34" s="150">
        <v>20342603</v>
      </c>
      <c r="IK34" s="232">
        <v>0</v>
      </c>
      <c r="IL34" s="236">
        <v>0</v>
      </c>
      <c r="IM34" s="237">
        <v>0</v>
      </c>
      <c r="IN34" s="140"/>
      <c r="IO34" s="119">
        <v>113790</v>
      </c>
      <c r="IP34" s="119">
        <v>0</v>
      </c>
      <c r="IQ34" s="119">
        <v>140952</v>
      </c>
      <c r="IR34" s="119">
        <v>0</v>
      </c>
      <c r="IS34" s="119">
        <v>0</v>
      </c>
      <c r="IT34" s="141">
        <v>254742</v>
      </c>
      <c r="IU34" s="318">
        <v>254742</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89021</v>
      </c>
      <c r="JL34" s="119">
        <v>1180278</v>
      </c>
      <c r="JM34" s="119">
        <v>338399</v>
      </c>
      <c r="JN34" s="119">
        <v>514872</v>
      </c>
      <c r="JO34" s="119">
        <v>0</v>
      </c>
      <c r="JP34" s="120">
        <v>3122570</v>
      </c>
      <c r="JQ34" s="318">
        <v>3122570</v>
      </c>
      <c r="JR34" s="142">
        <v>0</v>
      </c>
      <c r="JS34" s="119">
        <v>0</v>
      </c>
      <c r="JT34" s="141">
        <v>0</v>
      </c>
      <c r="JU34" s="118">
        <v>0</v>
      </c>
      <c r="JV34" s="119">
        <v>81864</v>
      </c>
      <c r="JW34" s="119">
        <v>0</v>
      </c>
      <c r="JX34" s="119">
        <v>102949</v>
      </c>
      <c r="JY34" s="119">
        <v>71811</v>
      </c>
      <c r="JZ34" s="119">
        <v>0</v>
      </c>
      <c r="KA34" s="120">
        <v>256624</v>
      </c>
      <c r="KB34" s="318">
        <v>256624</v>
      </c>
      <c r="KC34" s="234">
        <v>0</v>
      </c>
      <c r="KD34" s="230">
        <v>358038</v>
      </c>
      <c r="KE34" s="120">
        <v>358038</v>
      </c>
      <c r="KF34" s="118">
        <v>0</v>
      </c>
      <c r="KG34" s="119">
        <v>940681</v>
      </c>
      <c r="KH34" s="119">
        <v>588807</v>
      </c>
      <c r="KI34" s="119">
        <v>1791548</v>
      </c>
      <c r="KJ34" s="119">
        <v>1435653</v>
      </c>
      <c r="KK34" s="119">
        <v>637230</v>
      </c>
      <c r="KL34" s="120">
        <v>5393919</v>
      </c>
      <c r="KM34" s="143">
        <v>5751957</v>
      </c>
      <c r="KN34" s="232">
        <v>0</v>
      </c>
      <c r="KO34" s="236">
        <v>0</v>
      </c>
      <c r="KP34" s="237">
        <v>0</v>
      </c>
      <c r="KQ34" s="140"/>
      <c r="KR34" s="119">
        <v>998100</v>
      </c>
      <c r="KS34" s="119">
        <v>1058418</v>
      </c>
      <c r="KT34" s="119">
        <v>1074276</v>
      </c>
      <c r="KU34" s="119">
        <v>0</v>
      </c>
      <c r="KV34" s="119">
        <v>837675</v>
      </c>
      <c r="KW34" s="120">
        <v>3968469</v>
      </c>
      <c r="KX34" s="318">
        <v>3968469</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2700360</v>
      </c>
      <c r="LQ34" s="119">
        <v>2534348</v>
      </c>
      <c r="LR34" s="119">
        <v>1753533</v>
      </c>
      <c r="LS34" s="120">
        <v>6988241</v>
      </c>
      <c r="LT34" s="318">
        <v>6988241</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840959</v>
      </c>
      <c r="MK34" s="119">
        <v>1843222</v>
      </c>
      <c r="ML34" s="119">
        <v>5668860</v>
      </c>
      <c r="MM34" s="119">
        <v>13151055</v>
      </c>
      <c r="MN34" s="119">
        <v>7967525</v>
      </c>
      <c r="MO34" s="120">
        <v>29471621</v>
      </c>
      <c r="MP34" s="143">
        <v>29471621</v>
      </c>
      <c r="MQ34" s="142">
        <v>0</v>
      </c>
      <c r="MR34" s="119">
        <v>0</v>
      </c>
      <c r="MS34" s="120">
        <v>0</v>
      </c>
      <c r="MT34" s="145"/>
      <c r="MU34" s="119">
        <v>0</v>
      </c>
      <c r="MV34" s="119">
        <v>685932</v>
      </c>
      <c r="MW34" s="119">
        <v>2727480</v>
      </c>
      <c r="MX34" s="119">
        <v>8541552</v>
      </c>
      <c r="MY34" s="119">
        <v>5219123</v>
      </c>
      <c r="MZ34" s="120">
        <v>17174087</v>
      </c>
      <c r="NA34" s="143">
        <v>17174087</v>
      </c>
      <c r="NB34" s="142">
        <v>0</v>
      </c>
      <c r="NC34" s="119">
        <v>0</v>
      </c>
      <c r="ND34" s="120">
        <v>0</v>
      </c>
      <c r="NE34" s="145"/>
      <c r="NF34" s="119">
        <v>840959</v>
      </c>
      <c r="NG34" s="119">
        <v>1157290</v>
      </c>
      <c r="NH34" s="119">
        <v>2941380</v>
      </c>
      <c r="NI34" s="119">
        <v>4609503</v>
      </c>
      <c r="NJ34" s="119">
        <v>2748402</v>
      </c>
      <c r="NK34" s="120">
        <v>12297534</v>
      </c>
      <c r="NL34" s="318">
        <v>12297534</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559149</v>
      </c>
      <c r="OJ34" s="119">
        <v>1064009</v>
      </c>
      <c r="OK34" s="141">
        <v>1623158</v>
      </c>
      <c r="OL34" s="118">
        <v>0</v>
      </c>
      <c r="OM34" s="119">
        <v>12714643</v>
      </c>
      <c r="ON34" s="119">
        <v>15307488</v>
      </c>
      <c r="OO34" s="119">
        <v>20205944</v>
      </c>
      <c r="OP34" s="119">
        <v>25770192</v>
      </c>
      <c r="OQ34" s="119">
        <v>17077899</v>
      </c>
      <c r="OR34" s="120">
        <v>91076166</v>
      </c>
      <c r="OS34" s="143">
        <v>92699324</v>
      </c>
    </row>
    <row r="35" spans="2:409" ht="21" customHeight="1" x14ac:dyDescent="0.2">
      <c r="B35" s="62" t="s">
        <v>30</v>
      </c>
      <c r="C35" s="110">
        <v>632326</v>
      </c>
      <c r="D35" s="114">
        <v>706150</v>
      </c>
      <c r="E35" s="174">
        <v>1338476</v>
      </c>
      <c r="F35" s="175">
        <v>0</v>
      </c>
      <c r="G35" s="176">
        <v>7891820</v>
      </c>
      <c r="H35" s="176">
        <v>7168887</v>
      </c>
      <c r="I35" s="176">
        <v>8308843</v>
      </c>
      <c r="J35" s="176">
        <v>7355898</v>
      </c>
      <c r="K35" s="176">
        <v>3289215</v>
      </c>
      <c r="L35" s="177">
        <v>34014663</v>
      </c>
      <c r="M35" s="116">
        <v>35353139</v>
      </c>
      <c r="N35" s="110">
        <v>151052</v>
      </c>
      <c r="O35" s="114">
        <v>180383</v>
      </c>
      <c r="P35" s="113">
        <v>331435</v>
      </c>
      <c r="Q35" s="110">
        <v>0</v>
      </c>
      <c r="R35" s="114">
        <v>2343225</v>
      </c>
      <c r="S35" s="114">
        <v>1838269</v>
      </c>
      <c r="T35" s="114">
        <v>3224301</v>
      </c>
      <c r="U35" s="114">
        <v>3080116</v>
      </c>
      <c r="V35" s="114">
        <v>2146985</v>
      </c>
      <c r="W35" s="113">
        <v>12632896</v>
      </c>
      <c r="X35" s="116">
        <v>12964331</v>
      </c>
      <c r="Y35" s="110">
        <v>0</v>
      </c>
      <c r="Z35" s="114">
        <v>0</v>
      </c>
      <c r="AA35" s="113">
        <v>0</v>
      </c>
      <c r="AB35" s="110">
        <v>0</v>
      </c>
      <c r="AC35" s="114">
        <v>1026681</v>
      </c>
      <c r="AD35" s="114">
        <v>1027813</v>
      </c>
      <c r="AE35" s="114">
        <v>1567232</v>
      </c>
      <c r="AF35" s="114">
        <v>1399956</v>
      </c>
      <c r="AG35" s="114">
        <v>1372174</v>
      </c>
      <c r="AH35" s="113">
        <v>6393856</v>
      </c>
      <c r="AI35" s="116">
        <v>6393856</v>
      </c>
      <c r="AJ35" s="110">
        <v>0</v>
      </c>
      <c r="AK35" s="114">
        <v>0</v>
      </c>
      <c r="AL35" s="113">
        <v>0</v>
      </c>
      <c r="AM35" s="110">
        <v>0</v>
      </c>
      <c r="AN35" s="114">
        <v>88645</v>
      </c>
      <c r="AO35" s="114">
        <v>0</v>
      </c>
      <c r="AP35" s="114">
        <v>61461</v>
      </c>
      <c r="AQ35" s="114">
        <v>579834</v>
      </c>
      <c r="AR35" s="114">
        <v>274054</v>
      </c>
      <c r="AS35" s="113">
        <v>1003994</v>
      </c>
      <c r="AT35" s="116">
        <v>1003994</v>
      </c>
      <c r="AU35" s="110">
        <v>140252</v>
      </c>
      <c r="AV35" s="114">
        <v>180383</v>
      </c>
      <c r="AW35" s="113">
        <v>320635</v>
      </c>
      <c r="AX35" s="110">
        <v>0</v>
      </c>
      <c r="AY35" s="114">
        <v>883843</v>
      </c>
      <c r="AZ35" s="114">
        <v>597482</v>
      </c>
      <c r="BA35" s="114">
        <v>1070824</v>
      </c>
      <c r="BB35" s="114">
        <v>864694</v>
      </c>
      <c r="BC35" s="114">
        <v>353659</v>
      </c>
      <c r="BD35" s="113">
        <v>3770502</v>
      </c>
      <c r="BE35" s="116">
        <v>4091137</v>
      </c>
      <c r="BF35" s="110">
        <v>0</v>
      </c>
      <c r="BG35" s="114">
        <v>0</v>
      </c>
      <c r="BH35" s="112">
        <v>0</v>
      </c>
      <c r="BI35" s="111">
        <v>0</v>
      </c>
      <c r="BJ35" s="114">
        <v>43020</v>
      </c>
      <c r="BK35" s="114">
        <v>0</v>
      </c>
      <c r="BL35" s="114">
        <v>174317</v>
      </c>
      <c r="BM35" s="114">
        <v>0</v>
      </c>
      <c r="BN35" s="114">
        <v>0</v>
      </c>
      <c r="BO35" s="113">
        <v>217337</v>
      </c>
      <c r="BP35" s="116">
        <v>217337</v>
      </c>
      <c r="BQ35" s="110">
        <v>10800</v>
      </c>
      <c r="BR35" s="114">
        <v>0</v>
      </c>
      <c r="BS35" s="113">
        <v>10800</v>
      </c>
      <c r="BT35" s="110">
        <v>0</v>
      </c>
      <c r="BU35" s="114">
        <v>301036</v>
      </c>
      <c r="BV35" s="114">
        <v>212974</v>
      </c>
      <c r="BW35" s="114">
        <v>350467</v>
      </c>
      <c r="BX35" s="114">
        <v>235632</v>
      </c>
      <c r="BY35" s="114">
        <v>147098</v>
      </c>
      <c r="BZ35" s="113">
        <v>1247207</v>
      </c>
      <c r="CA35" s="116">
        <v>1258007</v>
      </c>
      <c r="CB35" s="110">
        <v>61812</v>
      </c>
      <c r="CC35" s="114">
        <v>175829</v>
      </c>
      <c r="CD35" s="113">
        <v>237641</v>
      </c>
      <c r="CE35" s="110">
        <v>0</v>
      </c>
      <c r="CF35" s="114">
        <v>2432474</v>
      </c>
      <c r="CG35" s="114">
        <v>2269335</v>
      </c>
      <c r="CH35" s="114">
        <v>1931160</v>
      </c>
      <c r="CI35" s="114">
        <v>1601468</v>
      </c>
      <c r="CJ35" s="114">
        <v>257287</v>
      </c>
      <c r="CK35" s="113">
        <v>8491724</v>
      </c>
      <c r="CL35" s="116">
        <v>8729365</v>
      </c>
      <c r="CM35" s="110">
        <v>0</v>
      </c>
      <c r="CN35" s="114">
        <v>0</v>
      </c>
      <c r="CO35" s="113">
        <v>0</v>
      </c>
      <c r="CP35" s="111">
        <v>0</v>
      </c>
      <c r="CQ35" s="114">
        <v>2098220</v>
      </c>
      <c r="CR35" s="114">
        <v>1715553</v>
      </c>
      <c r="CS35" s="114">
        <v>1505929</v>
      </c>
      <c r="CT35" s="114">
        <v>1078408</v>
      </c>
      <c r="CU35" s="114">
        <v>257287</v>
      </c>
      <c r="CV35" s="113">
        <v>6655397</v>
      </c>
      <c r="CW35" s="116">
        <v>6655397</v>
      </c>
      <c r="CX35" s="110">
        <v>61812</v>
      </c>
      <c r="CY35" s="114">
        <v>175829</v>
      </c>
      <c r="CZ35" s="113">
        <v>237641</v>
      </c>
      <c r="DA35" s="110">
        <v>0</v>
      </c>
      <c r="DB35" s="114">
        <v>334254</v>
      </c>
      <c r="DC35" s="114">
        <v>553782</v>
      </c>
      <c r="DD35" s="114">
        <v>425231</v>
      </c>
      <c r="DE35" s="114">
        <v>523060</v>
      </c>
      <c r="DF35" s="114">
        <v>0</v>
      </c>
      <c r="DG35" s="113">
        <v>1836327</v>
      </c>
      <c r="DH35" s="116">
        <v>2073968</v>
      </c>
      <c r="DI35" s="110">
        <v>0</v>
      </c>
      <c r="DJ35" s="114">
        <v>0</v>
      </c>
      <c r="DK35" s="112">
        <v>0</v>
      </c>
      <c r="DL35" s="111">
        <v>0</v>
      </c>
      <c r="DM35" s="114">
        <v>279027</v>
      </c>
      <c r="DN35" s="114">
        <v>459618</v>
      </c>
      <c r="DO35" s="114">
        <v>734912</v>
      </c>
      <c r="DP35" s="114">
        <v>900646</v>
      </c>
      <c r="DQ35" s="114">
        <v>91854</v>
      </c>
      <c r="DR35" s="113">
        <v>2466057</v>
      </c>
      <c r="DS35" s="116">
        <v>2466057</v>
      </c>
      <c r="DT35" s="110">
        <v>0</v>
      </c>
      <c r="DU35" s="114">
        <v>0</v>
      </c>
      <c r="DV35" s="113">
        <v>0</v>
      </c>
      <c r="DW35" s="110">
        <v>0</v>
      </c>
      <c r="DX35" s="114">
        <v>267977</v>
      </c>
      <c r="DY35" s="114">
        <v>341405</v>
      </c>
      <c r="DZ35" s="114">
        <v>713654</v>
      </c>
      <c r="EA35" s="114">
        <v>768701</v>
      </c>
      <c r="EB35" s="114">
        <v>40419</v>
      </c>
      <c r="EC35" s="113">
        <v>2132156</v>
      </c>
      <c r="ED35" s="116">
        <v>2132156</v>
      </c>
      <c r="EE35" s="110">
        <v>0</v>
      </c>
      <c r="EF35" s="112">
        <v>0</v>
      </c>
      <c r="EG35" s="113">
        <v>0</v>
      </c>
      <c r="EH35" s="110">
        <v>0</v>
      </c>
      <c r="EI35" s="114">
        <v>11050</v>
      </c>
      <c r="EJ35" s="114">
        <v>118213</v>
      </c>
      <c r="EK35" s="114">
        <v>21258</v>
      </c>
      <c r="EL35" s="114">
        <v>131945</v>
      </c>
      <c r="EM35" s="114">
        <v>51435</v>
      </c>
      <c r="EN35" s="112">
        <v>333901</v>
      </c>
      <c r="EO35" s="116">
        <v>333901</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5"/>
      <c r="FE35" s="114">
        <v>0</v>
      </c>
      <c r="FF35" s="114">
        <v>0</v>
      </c>
      <c r="FG35" s="114">
        <v>0</v>
      </c>
      <c r="FH35" s="114">
        <v>0</v>
      </c>
      <c r="FI35" s="114">
        <v>0</v>
      </c>
      <c r="FJ35" s="113">
        <v>0</v>
      </c>
      <c r="FK35" s="116">
        <v>0</v>
      </c>
      <c r="FL35" s="110">
        <v>191054</v>
      </c>
      <c r="FM35" s="114">
        <v>130200</v>
      </c>
      <c r="FN35" s="113">
        <v>321254</v>
      </c>
      <c r="FO35" s="110">
        <v>0</v>
      </c>
      <c r="FP35" s="114">
        <v>526304</v>
      </c>
      <c r="FQ35" s="114">
        <v>676391</v>
      </c>
      <c r="FR35" s="114">
        <v>1007505</v>
      </c>
      <c r="FS35" s="114">
        <v>677848</v>
      </c>
      <c r="FT35" s="114">
        <v>280335</v>
      </c>
      <c r="FU35" s="113">
        <v>3168383</v>
      </c>
      <c r="FV35" s="116">
        <v>3489637</v>
      </c>
      <c r="FW35" s="115">
        <v>191054</v>
      </c>
      <c r="FX35" s="114">
        <v>130200</v>
      </c>
      <c r="FY35" s="112">
        <v>321254</v>
      </c>
      <c r="FZ35" s="111">
        <v>0</v>
      </c>
      <c r="GA35" s="114">
        <v>463934</v>
      </c>
      <c r="GB35" s="114">
        <v>676391</v>
      </c>
      <c r="GC35" s="114">
        <v>979785</v>
      </c>
      <c r="GD35" s="114">
        <v>677848</v>
      </c>
      <c r="GE35" s="114">
        <v>280335</v>
      </c>
      <c r="GF35" s="113">
        <v>3078293</v>
      </c>
      <c r="GG35" s="316">
        <v>3399547</v>
      </c>
      <c r="GH35" s="115">
        <v>0</v>
      </c>
      <c r="GI35" s="114">
        <v>0</v>
      </c>
      <c r="GJ35" s="112">
        <v>0</v>
      </c>
      <c r="GK35" s="111">
        <v>0</v>
      </c>
      <c r="GL35" s="114">
        <v>62370</v>
      </c>
      <c r="GM35" s="114">
        <v>0</v>
      </c>
      <c r="GN35" s="114">
        <v>27720</v>
      </c>
      <c r="GO35" s="114">
        <v>0</v>
      </c>
      <c r="GP35" s="114">
        <v>0</v>
      </c>
      <c r="GQ35" s="113">
        <v>90090</v>
      </c>
      <c r="GR35" s="116">
        <v>90090</v>
      </c>
      <c r="GS35" s="110">
        <v>0</v>
      </c>
      <c r="GT35" s="114">
        <v>0</v>
      </c>
      <c r="GU35" s="113">
        <v>0</v>
      </c>
      <c r="GV35" s="110">
        <v>0</v>
      </c>
      <c r="GW35" s="114">
        <v>0</v>
      </c>
      <c r="GX35" s="114">
        <v>0</v>
      </c>
      <c r="GY35" s="114">
        <v>0</v>
      </c>
      <c r="GZ35" s="114">
        <v>0</v>
      </c>
      <c r="HA35" s="114">
        <v>0</v>
      </c>
      <c r="HB35" s="112">
        <v>0</v>
      </c>
      <c r="HC35" s="116">
        <v>0</v>
      </c>
      <c r="HD35" s="110">
        <v>58968</v>
      </c>
      <c r="HE35" s="114">
        <v>98478</v>
      </c>
      <c r="HF35" s="112">
        <v>157446</v>
      </c>
      <c r="HG35" s="111">
        <v>0</v>
      </c>
      <c r="HH35" s="114">
        <v>1136058</v>
      </c>
      <c r="HI35" s="114">
        <v>989966</v>
      </c>
      <c r="HJ35" s="114">
        <v>514786</v>
      </c>
      <c r="HK35" s="114">
        <v>478191</v>
      </c>
      <c r="HL35" s="114">
        <v>269183</v>
      </c>
      <c r="HM35" s="113">
        <v>3388184</v>
      </c>
      <c r="HN35" s="109">
        <v>3545630</v>
      </c>
      <c r="HO35" s="115">
        <v>169440</v>
      </c>
      <c r="HP35" s="114">
        <v>121260</v>
      </c>
      <c r="HQ35" s="113">
        <v>290700</v>
      </c>
      <c r="HR35" s="110">
        <v>0</v>
      </c>
      <c r="HS35" s="114">
        <v>1174732</v>
      </c>
      <c r="HT35" s="114">
        <v>935308</v>
      </c>
      <c r="HU35" s="114">
        <v>896179</v>
      </c>
      <c r="HV35" s="114">
        <v>617629</v>
      </c>
      <c r="HW35" s="114">
        <v>243571</v>
      </c>
      <c r="HX35" s="112">
        <v>3867419</v>
      </c>
      <c r="HY35" s="116">
        <v>4158119</v>
      </c>
      <c r="HZ35" s="131">
        <v>26940</v>
      </c>
      <c r="IA35" s="132">
        <v>0</v>
      </c>
      <c r="IB35" s="133">
        <v>26940</v>
      </c>
      <c r="IC35" s="146">
        <v>0</v>
      </c>
      <c r="ID35" s="132">
        <v>2710773</v>
      </c>
      <c r="IE35" s="147">
        <v>1870302</v>
      </c>
      <c r="IF35" s="133">
        <v>2145476</v>
      </c>
      <c r="IG35" s="132">
        <v>2277583</v>
      </c>
      <c r="IH35" s="133">
        <v>584415</v>
      </c>
      <c r="II35" s="148">
        <v>9588549</v>
      </c>
      <c r="IJ35" s="139">
        <v>9615489</v>
      </c>
      <c r="IK35" s="232">
        <v>0</v>
      </c>
      <c r="IL35" s="236">
        <v>0</v>
      </c>
      <c r="IM35" s="237">
        <v>0</v>
      </c>
      <c r="IN35" s="140"/>
      <c r="IO35" s="119">
        <v>0</v>
      </c>
      <c r="IP35" s="119">
        <v>114903</v>
      </c>
      <c r="IQ35" s="119">
        <v>179199</v>
      </c>
      <c r="IR35" s="119">
        <v>0</v>
      </c>
      <c r="IS35" s="119">
        <v>0</v>
      </c>
      <c r="IT35" s="141">
        <v>294102</v>
      </c>
      <c r="IU35" s="318">
        <v>294102</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1057698</v>
      </c>
      <c r="JL35" s="119">
        <v>752611</v>
      </c>
      <c r="JM35" s="119">
        <v>846335</v>
      </c>
      <c r="JN35" s="119">
        <v>616860</v>
      </c>
      <c r="JO35" s="119">
        <v>0</v>
      </c>
      <c r="JP35" s="120">
        <v>3273504</v>
      </c>
      <c r="JQ35" s="318">
        <v>3273504</v>
      </c>
      <c r="JR35" s="142">
        <v>26940</v>
      </c>
      <c r="JS35" s="119">
        <v>0</v>
      </c>
      <c r="JT35" s="141">
        <v>26940</v>
      </c>
      <c r="JU35" s="118">
        <v>0</v>
      </c>
      <c r="JV35" s="119">
        <v>186741</v>
      </c>
      <c r="JW35" s="119">
        <v>201617</v>
      </c>
      <c r="JX35" s="119">
        <v>145593</v>
      </c>
      <c r="JY35" s="119">
        <v>0</v>
      </c>
      <c r="JZ35" s="119">
        <v>0</v>
      </c>
      <c r="KA35" s="120">
        <v>533951</v>
      </c>
      <c r="KB35" s="318">
        <v>560891</v>
      </c>
      <c r="KC35" s="234">
        <v>0</v>
      </c>
      <c r="KD35" s="230">
        <v>0</v>
      </c>
      <c r="KE35" s="120">
        <v>0</v>
      </c>
      <c r="KF35" s="118">
        <v>0</v>
      </c>
      <c r="KG35" s="119">
        <v>0</v>
      </c>
      <c r="KH35" s="119">
        <v>0</v>
      </c>
      <c r="KI35" s="119">
        <v>0</v>
      </c>
      <c r="KJ35" s="119">
        <v>293661</v>
      </c>
      <c r="KK35" s="119">
        <v>298971</v>
      </c>
      <c r="KL35" s="120">
        <v>592632</v>
      </c>
      <c r="KM35" s="143">
        <v>592632</v>
      </c>
      <c r="KN35" s="232">
        <v>0</v>
      </c>
      <c r="KO35" s="236">
        <v>0</v>
      </c>
      <c r="KP35" s="237">
        <v>0</v>
      </c>
      <c r="KQ35" s="140"/>
      <c r="KR35" s="119">
        <v>1466334</v>
      </c>
      <c r="KS35" s="119">
        <v>801171</v>
      </c>
      <c r="KT35" s="119">
        <v>974349</v>
      </c>
      <c r="KU35" s="119">
        <v>1367062</v>
      </c>
      <c r="KV35" s="119">
        <v>285444</v>
      </c>
      <c r="KW35" s="120">
        <v>4894360</v>
      </c>
      <c r="KX35" s="318">
        <v>489436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18">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2137936</v>
      </c>
      <c r="MK35" s="119">
        <v>1325643</v>
      </c>
      <c r="ML35" s="119">
        <v>10364912</v>
      </c>
      <c r="MM35" s="119">
        <v>11665675</v>
      </c>
      <c r="MN35" s="119">
        <v>6063003</v>
      </c>
      <c r="MO35" s="120">
        <v>31557169</v>
      </c>
      <c r="MP35" s="143">
        <v>31557169</v>
      </c>
      <c r="MQ35" s="142">
        <v>0</v>
      </c>
      <c r="MR35" s="119">
        <v>0</v>
      </c>
      <c r="MS35" s="120">
        <v>0</v>
      </c>
      <c r="MT35" s="145"/>
      <c r="MU35" s="119">
        <v>0</v>
      </c>
      <c r="MV35" s="119">
        <v>210363</v>
      </c>
      <c r="MW35" s="119">
        <v>6413300</v>
      </c>
      <c r="MX35" s="119">
        <v>7149654</v>
      </c>
      <c r="MY35" s="119">
        <v>3343482</v>
      </c>
      <c r="MZ35" s="120">
        <v>17116799</v>
      </c>
      <c r="NA35" s="143">
        <v>17116799</v>
      </c>
      <c r="NB35" s="142">
        <v>0</v>
      </c>
      <c r="NC35" s="119">
        <v>0</v>
      </c>
      <c r="ND35" s="120">
        <v>0</v>
      </c>
      <c r="NE35" s="145"/>
      <c r="NF35" s="119">
        <v>2137936</v>
      </c>
      <c r="NG35" s="119">
        <v>854226</v>
      </c>
      <c r="NH35" s="119">
        <v>3641661</v>
      </c>
      <c r="NI35" s="119">
        <v>4516021</v>
      </c>
      <c r="NJ35" s="119">
        <v>1902320</v>
      </c>
      <c r="NK35" s="120">
        <v>13052164</v>
      </c>
      <c r="NL35" s="318">
        <v>13052164</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61054</v>
      </c>
      <c r="OD35" s="119">
        <v>309951</v>
      </c>
      <c r="OE35" s="119">
        <v>0</v>
      </c>
      <c r="OF35" s="119">
        <v>817201</v>
      </c>
      <c r="OG35" s="120">
        <v>1388206</v>
      </c>
      <c r="OH35" s="121">
        <v>1388206</v>
      </c>
      <c r="OI35" s="142">
        <v>659266</v>
      </c>
      <c r="OJ35" s="119">
        <v>706150</v>
      </c>
      <c r="OK35" s="141">
        <v>1365416</v>
      </c>
      <c r="OL35" s="118">
        <v>0</v>
      </c>
      <c r="OM35" s="119">
        <v>12740529</v>
      </c>
      <c r="ON35" s="119">
        <v>10364832</v>
      </c>
      <c r="OO35" s="119">
        <v>20819231</v>
      </c>
      <c r="OP35" s="119">
        <v>21299156</v>
      </c>
      <c r="OQ35" s="119">
        <v>9936633</v>
      </c>
      <c r="OR35" s="120">
        <v>75160381</v>
      </c>
      <c r="OS35" s="143">
        <v>76525797</v>
      </c>
    </row>
    <row r="36" spans="2:409" ht="21" customHeight="1" x14ac:dyDescent="0.2">
      <c r="B36" s="62" t="s">
        <v>31</v>
      </c>
      <c r="C36" s="110">
        <v>456693</v>
      </c>
      <c r="D36" s="114">
        <v>878833</v>
      </c>
      <c r="E36" s="113">
        <v>1335526</v>
      </c>
      <c r="F36" s="109">
        <v>0</v>
      </c>
      <c r="G36" s="114">
        <v>6786032</v>
      </c>
      <c r="H36" s="114">
        <v>8760084</v>
      </c>
      <c r="I36" s="114">
        <v>8523381</v>
      </c>
      <c r="J36" s="114">
        <v>6551195</v>
      </c>
      <c r="K36" s="114">
        <v>3337149</v>
      </c>
      <c r="L36" s="173">
        <v>33957841</v>
      </c>
      <c r="M36" s="116">
        <v>35293367</v>
      </c>
      <c r="N36" s="110">
        <v>120397</v>
      </c>
      <c r="O36" s="114">
        <v>303606</v>
      </c>
      <c r="P36" s="113">
        <v>424003</v>
      </c>
      <c r="Q36" s="110">
        <v>0</v>
      </c>
      <c r="R36" s="114">
        <v>993895</v>
      </c>
      <c r="S36" s="114">
        <v>1630701</v>
      </c>
      <c r="T36" s="114">
        <v>2260823</v>
      </c>
      <c r="U36" s="114">
        <v>2483677</v>
      </c>
      <c r="V36" s="114">
        <v>2038484</v>
      </c>
      <c r="W36" s="113">
        <v>9407580</v>
      </c>
      <c r="X36" s="116">
        <v>9831583</v>
      </c>
      <c r="Y36" s="110">
        <v>0</v>
      </c>
      <c r="Z36" s="114">
        <v>0</v>
      </c>
      <c r="AA36" s="113">
        <v>0</v>
      </c>
      <c r="AB36" s="110">
        <v>0</v>
      </c>
      <c r="AC36" s="114">
        <v>374099</v>
      </c>
      <c r="AD36" s="114">
        <v>596409</v>
      </c>
      <c r="AE36" s="114">
        <v>954852</v>
      </c>
      <c r="AF36" s="114">
        <v>862942</v>
      </c>
      <c r="AG36" s="114">
        <v>997023</v>
      </c>
      <c r="AH36" s="113">
        <v>3785325</v>
      </c>
      <c r="AI36" s="116">
        <v>3785325</v>
      </c>
      <c r="AJ36" s="110">
        <v>0</v>
      </c>
      <c r="AK36" s="114">
        <v>0</v>
      </c>
      <c r="AL36" s="113">
        <v>0</v>
      </c>
      <c r="AM36" s="110">
        <v>0</v>
      </c>
      <c r="AN36" s="114">
        <v>0</v>
      </c>
      <c r="AO36" s="114">
        <v>81173</v>
      </c>
      <c r="AP36" s="114">
        <v>384976</v>
      </c>
      <c r="AQ36" s="114">
        <v>442539</v>
      </c>
      <c r="AR36" s="114">
        <v>368786</v>
      </c>
      <c r="AS36" s="113">
        <v>1277474</v>
      </c>
      <c r="AT36" s="116">
        <v>1277474</v>
      </c>
      <c r="AU36" s="110">
        <v>61276</v>
      </c>
      <c r="AV36" s="114">
        <v>242289</v>
      </c>
      <c r="AW36" s="113">
        <v>303565</v>
      </c>
      <c r="AX36" s="110">
        <v>0</v>
      </c>
      <c r="AY36" s="114">
        <v>454123</v>
      </c>
      <c r="AZ36" s="114">
        <v>670223</v>
      </c>
      <c r="BA36" s="114">
        <v>662627</v>
      </c>
      <c r="BB36" s="114">
        <v>926596</v>
      </c>
      <c r="BC36" s="114">
        <v>546823</v>
      </c>
      <c r="BD36" s="113">
        <v>3260392</v>
      </c>
      <c r="BE36" s="116">
        <v>3563957</v>
      </c>
      <c r="BF36" s="110">
        <v>34884</v>
      </c>
      <c r="BG36" s="114">
        <v>61317</v>
      </c>
      <c r="BH36" s="112">
        <v>96201</v>
      </c>
      <c r="BI36" s="111">
        <v>0</v>
      </c>
      <c r="BJ36" s="114">
        <v>28782</v>
      </c>
      <c r="BK36" s="114">
        <v>68832</v>
      </c>
      <c r="BL36" s="114">
        <v>95322</v>
      </c>
      <c r="BM36" s="114">
        <v>172080</v>
      </c>
      <c r="BN36" s="114">
        <v>46296</v>
      </c>
      <c r="BO36" s="113">
        <v>411312</v>
      </c>
      <c r="BP36" s="116">
        <v>507513</v>
      </c>
      <c r="BQ36" s="110">
        <v>24237</v>
      </c>
      <c r="BR36" s="114">
        <v>0</v>
      </c>
      <c r="BS36" s="113">
        <v>24237</v>
      </c>
      <c r="BT36" s="110">
        <v>0</v>
      </c>
      <c r="BU36" s="114">
        <v>136891</v>
      </c>
      <c r="BV36" s="114">
        <v>214064</v>
      </c>
      <c r="BW36" s="114">
        <v>163046</v>
      </c>
      <c r="BX36" s="114">
        <v>79520</v>
      </c>
      <c r="BY36" s="114">
        <v>79556</v>
      </c>
      <c r="BZ36" s="113">
        <v>673077</v>
      </c>
      <c r="CA36" s="116">
        <v>697314</v>
      </c>
      <c r="CB36" s="110">
        <v>0</v>
      </c>
      <c r="CC36" s="114">
        <v>0</v>
      </c>
      <c r="CD36" s="113">
        <v>0</v>
      </c>
      <c r="CE36" s="110">
        <v>0</v>
      </c>
      <c r="CF36" s="114">
        <v>2043013</v>
      </c>
      <c r="CG36" s="114">
        <v>3185389</v>
      </c>
      <c r="CH36" s="114">
        <v>2378792</v>
      </c>
      <c r="CI36" s="114">
        <v>1379863</v>
      </c>
      <c r="CJ36" s="114">
        <v>313744</v>
      </c>
      <c r="CK36" s="113">
        <v>9300801</v>
      </c>
      <c r="CL36" s="116">
        <v>9300801</v>
      </c>
      <c r="CM36" s="110">
        <v>0</v>
      </c>
      <c r="CN36" s="114">
        <v>0</v>
      </c>
      <c r="CO36" s="113">
        <v>0</v>
      </c>
      <c r="CP36" s="111">
        <v>0</v>
      </c>
      <c r="CQ36" s="114">
        <v>1805343</v>
      </c>
      <c r="CR36" s="114">
        <v>2623549</v>
      </c>
      <c r="CS36" s="114">
        <v>2109452</v>
      </c>
      <c r="CT36" s="114">
        <v>1071988</v>
      </c>
      <c r="CU36" s="114">
        <v>313744</v>
      </c>
      <c r="CV36" s="113">
        <v>7924076</v>
      </c>
      <c r="CW36" s="116">
        <v>7924076</v>
      </c>
      <c r="CX36" s="110">
        <v>0</v>
      </c>
      <c r="CY36" s="114">
        <v>0</v>
      </c>
      <c r="CZ36" s="113">
        <v>0</v>
      </c>
      <c r="DA36" s="110">
        <v>0</v>
      </c>
      <c r="DB36" s="114">
        <v>237670</v>
      </c>
      <c r="DC36" s="114">
        <v>561840</v>
      </c>
      <c r="DD36" s="114">
        <v>269340</v>
      </c>
      <c r="DE36" s="114">
        <v>307875</v>
      </c>
      <c r="DF36" s="114">
        <v>0</v>
      </c>
      <c r="DG36" s="113">
        <v>1376725</v>
      </c>
      <c r="DH36" s="116">
        <v>1376725</v>
      </c>
      <c r="DI36" s="110">
        <v>0</v>
      </c>
      <c r="DJ36" s="114">
        <v>0</v>
      </c>
      <c r="DK36" s="112">
        <v>0</v>
      </c>
      <c r="DL36" s="111">
        <v>0</v>
      </c>
      <c r="DM36" s="114">
        <v>188849</v>
      </c>
      <c r="DN36" s="114">
        <v>741054</v>
      </c>
      <c r="DO36" s="114">
        <v>1103878</v>
      </c>
      <c r="DP36" s="114">
        <v>448661</v>
      </c>
      <c r="DQ36" s="114">
        <v>140095</v>
      </c>
      <c r="DR36" s="113">
        <v>2622537</v>
      </c>
      <c r="DS36" s="116">
        <v>2622537</v>
      </c>
      <c r="DT36" s="110">
        <v>0</v>
      </c>
      <c r="DU36" s="114">
        <v>0</v>
      </c>
      <c r="DV36" s="113">
        <v>0</v>
      </c>
      <c r="DW36" s="110">
        <v>0</v>
      </c>
      <c r="DX36" s="114">
        <v>188849</v>
      </c>
      <c r="DY36" s="114">
        <v>609474</v>
      </c>
      <c r="DZ36" s="114">
        <v>1103878</v>
      </c>
      <c r="EA36" s="114">
        <v>448661</v>
      </c>
      <c r="EB36" s="114">
        <v>140095</v>
      </c>
      <c r="EC36" s="113">
        <v>2490957</v>
      </c>
      <c r="ED36" s="116">
        <v>2490957</v>
      </c>
      <c r="EE36" s="110">
        <v>0</v>
      </c>
      <c r="EF36" s="112">
        <v>0</v>
      </c>
      <c r="EG36" s="113">
        <v>0</v>
      </c>
      <c r="EH36" s="110">
        <v>0</v>
      </c>
      <c r="EI36" s="114">
        <v>0</v>
      </c>
      <c r="EJ36" s="114">
        <v>131580</v>
      </c>
      <c r="EK36" s="114">
        <v>0</v>
      </c>
      <c r="EL36" s="114">
        <v>0</v>
      </c>
      <c r="EM36" s="114">
        <v>0</v>
      </c>
      <c r="EN36" s="112">
        <v>131580</v>
      </c>
      <c r="EO36" s="116">
        <v>13158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5"/>
      <c r="FE36" s="114">
        <v>0</v>
      </c>
      <c r="FF36" s="114">
        <v>0</v>
      </c>
      <c r="FG36" s="114">
        <v>0</v>
      </c>
      <c r="FH36" s="114">
        <v>0</v>
      </c>
      <c r="FI36" s="114">
        <v>0</v>
      </c>
      <c r="FJ36" s="113">
        <v>0</v>
      </c>
      <c r="FK36" s="116">
        <v>0</v>
      </c>
      <c r="FL36" s="110">
        <v>173030</v>
      </c>
      <c r="FM36" s="114">
        <v>165547</v>
      </c>
      <c r="FN36" s="113">
        <v>338577</v>
      </c>
      <c r="FO36" s="110">
        <v>0</v>
      </c>
      <c r="FP36" s="114">
        <v>679843</v>
      </c>
      <c r="FQ36" s="114">
        <v>911403</v>
      </c>
      <c r="FR36" s="114">
        <v>696885</v>
      </c>
      <c r="FS36" s="114">
        <v>899149</v>
      </c>
      <c r="FT36" s="114">
        <v>342779</v>
      </c>
      <c r="FU36" s="113">
        <v>3530059</v>
      </c>
      <c r="FV36" s="116">
        <v>3868636</v>
      </c>
      <c r="FW36" s="115">
        <v>116600</v>
      </c>
      <c r="FX36" s="114">
        <v>165547</v>
      </c>
      <c r="FY36" s="112">
        <v>282147</v>
      </c>
      <c r="FZ36" s="111">
        <v>0</v>
      </c>
      <c r="GA36" s="114">
        <v>519373</v>
      </c>
      <c r="GB36" s="114">
        <v>873243</v>
      </c>
      <c r="GC36" s="114">
        <v>696885</v>
      </c>
      <c r="GD36" s="114">
        <v>844749</v>
      </c>
      <c r="GE36" s="114">
        <v>342779</v>
      </c>
      <c r="GF36" s="113">
        <v>3277029</v>
      </c>
      <c r="GG36" s="316">
        <v>3559176</v>
      </c>
      <c r="GH36" s="115">
        <v>0</v>
      </c>
      <c r="GI36" s="114">
        <v>0</v>
      </c>
      <c r="GJ36" s="112">
        <v>0</v>
      </c>
      <c r="GK36" s="111">
        <v>0</v>
      </c>
      <c r="GL36" s="114">
        <v>88200</v>
      </c>
      <c r="GM36" s="114">
        <v>23760</v>
      </c>
      <c r="GN36" s="114">
        <v>0</v>
      </c>
      <c r="GO36" s="114">
        <v>54400</v>
      </c>
      <c r="GP36" s="114">
        <v>0</v>
      </c>
      <c r="GQ36" s="113">
        <v>166360</v>
      </c>
      <c r="GR36" s="116">
        <v>166360</v>
      </c>
      <c r="GS36" s="110">
        <v>56430</v>
      </c>
      <c r="GT36" s="114">
        <v>0</v>
      </c>
      <c r="GU36" s="113">
        <v>56430</v>
      </c>
      <c r="GV36" s="110">
        <v>0</v>
      </c>
      <c r="GW36" s="114">
        <v>72270</v>
      </c>
      <c r="GX36" s="114">
        <v>14400</v>
      </c>
      <c r="GY36" s="114">
        <v>0</v>
      </c>
      <c r="GZ36" s="114">
        <v>0</v>
      </c>
      <c r="HA36" s="114">
        <v>0</v>
      </c>
      <c r="HB36" s="112">
        <v>86670</v>
      </c>
      <c r="HC36" s="116">
        <v>143100</v>
      </c>
      <c r="HD36" s="110">
        <v>57370</v>
      </c>
      <c r="HE36" s="114">
        <v>99279</v>
      </c>
      <c r="HF36" s="112">
        <v>156649</v>
      </c>
      <c r="HG36" s="111">
        <v>0</v>
      </c>
      <c r="HH36" s="114">
        <v>1531514</v>
      </c>
      <c r="HI36" s="114">
        <v>1175267</v>
      </c>
      <c r="HJ36" s="114">
        <v>1279134</v>
      </c>
      <c r="HK36" s="114">
        <v>786003</v>
      </c>
      <c r="HL36" s="114">
        <v>277171</v>
      </c>
      <c r="HM36" s="113">
        <v>5049089</v>
      </c>
      <c r="HN36" s="109">
        <v>5205738</v>
      </c>
      <c r="HO36" s="115">
        <v>105896</v>
      </c>
      <c r="HP36" s="114">
        <v>310401</v>
      </c>
      <c r="HQ36" s="113">
        <v>416297</v>
      </c>
      <c r="HR36" s="110">
        <v>0</v>
      </c>
      <c r="HS36" s="114">
        <v>1348918</v>
      </c>
      <c r="HT36" s="114">
        <v>1116270</v>
      </c>
      <c r="HU36" s="114">
        <v>803869</v>
      </c>
      <c r="HV36" s="114">
        <v>553842</v>
      </c>
      <c r="HW36" s="114">
        <v>224876</v>
      </c>
      <c r="HX36" s="112">
        <v>4047775</v>
      </c>
      <c r="HY36" s="116">
        <v>4464072</v>
      </c>
      <c r="HZ36" s="150">
        <v>0</v>
      </c>
      <c r="IA36" s="135">
        <v>179104</v>
      </c>
      <c r="IB36" s="150">
        <v>179104</v>
      </c>
      <c r="IC36" s="134">
        <v>0</v>
      </c>
      <c r="ID36" s="135">
        <v>4351536</v>
      </c>
      <c r="IE36" s="136">
        <v>3885387</v>
      </c>
      <c r="IF36" s="137">
        <v>5154858</v>
      </c>
      <c r="IG36" s="135">
        <v>4295099</v>
      </c>
      <c r="IH36" s="137">
        <v>1721084</v>
      </c>
      <c r="II36" s="138">
        <v>19407964</v>
      </c>
      <c r="IJ36" s="150">
        <v>19587068</v>
      </c>
      <c r="IK36" s="232">
        <v>0</v>
      </c>
      <c r="IL36" s="236">
        <v>0</v>
      </c>
      <c r="IM36" s="237">
        <v>0</v>
      </c>
      <c r="IN36" s="140"/>
      <c r="IO36" s="119">
        <v>0</v>
      </c>
      <c r="IP36" s="119">
        <v>195040</v>
      </c>
      <c r="IQ36" s="119">
        <v>0</v>
      </c>
      <c r="IR36" s="119">
        <v>0</v>
      </c>
      <c r="IS36" s="119">
        <v>0</v>
      </c>
      <c r="IT36" s="141">
        <v>195040</v>
      </c>
      <c r="IU36" s="318">
        <v>19504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277359</v>
      </c>
      <c r="JL36" s="119">
        <v>572864</v>
      </c>
      <c r="JM36" s="119">
        <v>605594</v>
      </c>
      <c r="JN36" s="119">
        <v>81513</v>
      </c>
      <c r="JO36" s="119">
        <v>0</v>
      </c>
      <c r="JP36" s="120">
        <v>2537330</v>
      </c>
      <c r="JQ36" s="318">
        <v>2537330</v>
      </c>
      <c r="JR36" s="142">
        <v>0</v>
      </c>
      <c r="JS36" s="119">
        <v>0</v>
      </c>
      <c r="JT36" s="141">
        <v>0</v>
      </c>
      <c r="JU36" s="118">
        <v>0</v>
      </c>
      <c r="JV36" s="119">
        <v>0</v>
      </c>
      <c r="JW36" s="119">
        <v>0</v>
      </c>
      <c r="JX36" s="119">
        <v>0</v>
      </c>
      <c r="JY36" s="119">
        <v>186439</v>
      </c>
      <c r="JZ36" s="119">
        <v>276993</v>
      </c>
      <c r="KA36" s="120">
        <v>463432</v>
      </c>
      <c r="KB36" s="318">
        <v>463432</v>
      </c>
      <c r="KC36" s="234">
        <v>0</v>
      </c>
      <c r="KD36" s="230">
        <v>179104</v>
      </c>
      <c r="KE36" s="120">
        <v>179104</v>
      </c>
      <c r="KF36" s="118">
        <v>0</v>
      </c>
      <c r="KG36" s="119">
        <v>1413599</v>
      </c>
      <c r="KH36" s="119">
        <v>952749</v>
      </c>
      <c r="KI36" s="119">
        <v>1367144</v>
      </c>
      <c r="KJ36" s="119">
        <v>902190</v>
      </c>
      <c r="KK36" s="119">
        <v>92709</v>
      </c>
      <c r="KL36" s="120">
        <v>4728391</v>
      </c>
      <c r="KM36" s="143">
        <v>4907495</v>
      </c>
      <c r="KN36" s="232">
        <v>0</v>
      </c>
      <c r="KO36" s="236">
        <v>0</v>
      </c>
      <c r="KP36" s="237">
        <v>0</v>
      </c>
      <c r="KQ36" s="140"/>
      <c r="KR36" s="119">
        <v>1660578</v>
      </c>
      <c r="KS36" s="119">
        <v>2164734</v>
      </c>
      <c r="KT36" s="119">
        <v>3182120</v>
      </c>
      <c r="KU36" s="119">
        <v>3124957</v>
      </c>
      <c r="KV36" s="119">
        <v>1351382</v>
      </c>
      <c r="KW36" s="120">
        <v>11483771</v>
      </c>
      <c r="KX36" s="318">
        <v>11483771</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18">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750269</v>
      </c>
      <c r="MK36" s="119">
        <v>3617631</v>
      </c>
      <c r="ML36" s="119">
        <v>9982162</v>
      </c>
      <c r="MM36" s="119">
        <v>10897054</v>
      </c>
      <c r="MN36" s="119">
        <v>8040489</v>
      </c>
      <c r="MO36" s="120">
        <v>33287605</v>
      </c>
      <c r="MP36" s="143">
        <v>33287605</v>
      </c>
      <c r="MQ36" s="142">
        <v>0</v>
      </c>
      <c r="MR36" s="119">
        <v>0</v>
      </c>
      <c r="MS36" s="120">
        <v>0</v>
      </c>
      <c r="MT36" s="145"/>
      <c r="MU36" s="119">
        <v>0</v>
      </c>
      <c r="MV36" s="119">
        <v>629170</v>
      </c>
      <c r="MW36" s="119">
        <v>8119690</v>
      </c>
      <c r="MX36" s="119">
        <v>7081102</v>
      </c>
      <c r="MY36" s="119">
        <v>6232515</v>
      </c>
      <c r="MZ36" s="120">
        <v>22062477</v>
      </c>
      <c r="NA36" s="143">
        <v>22062477</v>
      </c>
      <c r="NB36" s="142">
        <v>0</v>
      </c>
      <c r="NC36" s="119">
        <v>0</v>
      </c>
      <c r="ND36" s="120">
        <v>0</v>
      </c>
      <c r="NE36" s="145"/>
      <c r="NF36" s="119">
        <v>476660</v>
      </c>
      <c r="NG36" s="119">
        <v>2988461</v>
      </c>
      <c r="NH36" s="119">
        <v>1862472</v>
      </c>
      <c r="NI36" s="119">
        <v>3424347</v>
      </c>
      <c r="NJ36" s="119">
        <v>1807974</v>
      </c>
      <c r="NK36" s="120">
        <v>10559914</v>
      </c>
      <c r="NL36" s="318">
        <v>10559914</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273609</v>
      </c>
      <c r="OC36" s="119">
        <v>0</v>
      </c>
      <c r="OD36" s="119">
        <v>0</v>
      </c>
      <c r="OE36" s="119">
        <v>391605</v>
      </c>
      <c r="OF36" s="119">
        <v>0</v>
      </c>
      <c r="OG36" s="120">
        <v>665214</v>
      </c>
      <c r="OH36" s="121">
        <v>665214</v>
      </c>
      <c r="OI36" s="142">
        <v>456693</v>
      </c>
      <c r="OJ36" s="119">
        <v>1057937</v>
      </c>
      <c r="OK36" s="141">
        <v>1514630</v>
      </c>
      <c r="OL36" s="118">
        <v>0</v>
      </c>
      <c r="OM36" s="119">
        <v>11887837</v>
      </c>
      <c r="ON36" s="119">
        <v>16263102</v>
      </c>
      <c r="OO36" s="119">
        <v>23660401</v>
      </c>
      <c r="OP36" s="119">
        <v>21743348</v>
      </c>
      <c r="OQ36" s="119">
        <v>13098722</v>
      </c>
      <c r="OR36" s="120">
        <v>86653410</v>
      </c>
      <c r="OS36" s="143">
        <v>88168040</v>
      </c>
    </row>
    <row r="37" spans="2:409" ht="21" customHeight="1" x14ac:dyDescent="0.2">
      <c r="B37" s="62" t="s">
        <v>32</v>
      </c>
      <c r="C37" s="110">
        <v>718039</v>
      </c>
      <c r="D37" s="114">
        <v>1160357</v>
      </c>
      <c r="E37" s="174">
        <v>1878396</v>
      </c>
      <c r="F37" s="175">
        <v>0</v>
      </c>
      <c r="G37" s="176">
        <v>10026906</v>
      </c>
      <c r="H37" s="176">
        <v>10746191</v>
      </c>
      <c r="I37" s="176">
        <v>8490858</v>
      </c>
      <c r="J37" s="176">
        <v>8841594</v>
      </c>
      <c r="K37" s="176">
        <v>7083137</v>
      </c>
      <c r="L37" s="177">
        <v>45188686</v>
      </c>
      <c r="M37" s="116">
        <v>47067082</v>
      </c>
      <c r="N37" s="110">
        <v>161889</v>
      </c>
      <c r="O37" s="114">
        <v>252615</v>
      </c>
      <c r="P37" s="113">
        <v>414504</v>
      </c>
      <c r="Q37" s="110">
        <v>0</v>
      </c>
      <c r="R37" s="114">
        <v>2388681</v>
      </c>
      <c r="S37" s="114">
        <v>2483403</v>
      </c>
      <c r="T37" s="114">
        <v>2362200</v>
      </c>
      <c r="U37" s="114">
        <v>2534807</v>
      </c>
      <c r="V37" s="114">
        <v>3161248</v>
      </c>
      <c r="W37" s="113">
        <v>12930339</v>
      </c>
      <c r="X37" s="116">
        <v>13344843</v>
      </c>
      <c r="Y37" s="110">
        <v>0</v>
      </c>
      <c r="Z37" s="114">
        <v>0</v>
      </c>
      <c r="AA37" s="113">
        <v>0</v>
      </c>
      <c r="AB37" s="110">
        <v>0</v>
      </c>
      <c r="AC37" s="114">
        <v>1005869</v>
      </c>
      <c r="AD37" s="114">
        <v>1695188</v>
      </c>
      <c r="AE37" s="114">
        <v>1344333</v>
      </c>
      <c r="AF37" s="114">
        <v>1234867</v>
      </c>
      <c r="AG37" s="114">
        <v>1815399</v>
      </c>
      <c r="AH37" s="113">
        <v>7095656</v>
      </c>
      <c r="AI37" s="116">
        <v>7095656</v>
      </c>
      <c r="AJ37" s="110">
        <v>0</v>
      </c>
      <c r="AK37" s="114">
        <v>0</v>
      </c>
      <c r="AL37" s="113">
        <v>0</v>
      </c>
      <c r="AM37" s="110">
        <v>0</v>
      </c>
      <c r="AN37" s="114">
        <v>0</v>
      </c>
      <c r="AO37" s="114">
        <v>0</v>
      </c>
      <c r="AP37" s="114">
        <v>161158</v>
      </c>
      <c r="AQ37" s="114">
        <v>98343</v>
      </c>
      <c r="AR37" s="114">
        <v>494051</v>
      </c>
      <c r="AS37" s="113">
        <v>753552</v>
      </c>
      <c r="AT37" s="116">
        <v>753552</v>
      </c>
      <c r="AU37" s="110">
        <v>105298</v>
      </c>
      <c r="AV37" s="114">
        <v>194439</v>
      </c>
      <c r="AW37" s="113">
        <v>299737</v>
      </c>
      <c r="AX37" s="110">
        <v>0</v>
      </c>
      <c r="AY37" s="114">
        <v>1022092</v>
      </c>
      <c r="AZ37" s="114">
        <v>450847</v>
      </c>
      <c r="BA37" s="114">
        <v>542124</v>
      </c>
      <c r="BB37" s="114">
        <v>636766</v>
      </c>
      <c r="BC37" s="114">
        <v>517908</v>
      </c>
      <c r="BD37" s="113">
        <v>3169737</v>
      </c>
      <c r="BE37" s="116">
        <v>3469474</v>
      </c>
      <c r="BF37" s="110">
        <v>41984</v>
      </c>
      <c r="BG37" s="114">
        <v>0</v>
      </c>
      <c r="BH37" s="112">
        <v>41984</v>
      </c>
      <c r="BI37" s="111">
        <v>0</v>
      </c>
      <c r="BJ37" s="114">
        <v>163476</v>
      </c>
      <c r="BK37" s="114">
        <v>29636</v>
      </c>
      <c r="BL37" s="114">
        <v>25812</v>
      </c>
      <c r="BM37" s="114">
        <v>153024</v>
      </c>
      <c r="BN37" s="114">
        <v>53001</v>
      </c>
      <c r="BO37" s="113">
        <v>424949</v>
      </c>
      <c r="BP37" s="116">
        <v>466933</v>
      </c>
      <c r="BQ37" s="110">
        <v>14607</v>
      </c>
      <c r="BR37" s="114">
        <v>58176</v>
      </c>
      <c r="BS37" s="113">
        <v>72783</v>
      </c>
      <c r="BT37" s="110">
        <v>0</v>
      </c>
      <c r="BU37" s="114">
        <v>197244</v>
      </c>
      <c r="BV37" s="114">
        <v>307732</v>
      </c>
      <c r="BW37" s="114">
        <v>288773</v>
      </c>
      <c r="BX37" s="114">
        <v>411807</v>
      </c>
      <c r="BY37" s="114">
        <v>280889</v>
      </c>
      <c r="BZ37" s="113">
        <v>1486445</v>
      </c>
      <c r="CA37" s="116">
        <v>1559228</v>
      </c>
      <c r="CB37" s="110">
        <v>40257</v>
      </c>
      <c r="CC37" s="114">
        <v>38376</v>
      </c>
      <c r="CD37" s="113">
        <v>78633</v>
      </c>
      <c r="CE37" s="110">
        <v>0</v>
      </c>
      <c r="CF37" s="114">
        <v>3793963</v>
      </c>
      <c r="CG37" s="114">
        <v>4062668</v>
      </c>
      <c r="CH37" s="114">
        <v>2491114</v>
      </c>
      <c r="CI37" s="114">
        <v>2521495</v>
      </c>
      <c r="CJ37" s="114">
        <v>959369</v>
      </c>
      <c r="CK37" s="113">
        <v>13828609</v>
      </c>
      <c r="CL37" s="116">
        <v>13907242</v>
      </c>
      <c r="CM37" s="110">
        <v>0</v>
      </c>
      <c r="CN37" s="114">
        <v>0</v>
      </c>
      <c r="CO37" s="113">
        <v>0</v>
      </c>
      <c r="CP37" s="111">
        <v>0</v>
      </c>
      <c r="CQ37" s="114">
        <v>3209819</v>
      </c>
      <c r="CR37" s="114">
        <v>3311746</v>
      </c>
      <c r="CS37" s="114">
        <v>2086866</v>
      </c>
      <c r="CT37" s="114">
        <v>2096954</v>
      </c>
      <c r="CU37" s="114">
        <v>598431</v>
      </c>
      <c r="CV37" s="113">
        <v>11303816</v>
      </c>
      <c r="CW37" s="116">
        <v>11303816</v>
      </c>
      <c r="CX37" s="110">
        <v>40257</v>
      </c>
      <c r="CY37" s="114">
        <v>38376</v>
      </c>
      <c r="CZ37" s="113">
        <v>78633</v>
      </c>
      <c r="DA37" s="110">
        <v>0</v>
      </c>
      <c r="DB37" s="114">
        <v>584144</v>
      </c>
      <c r="DC37" s="114">
        <v>750922</v>
      </c>
      <c r="DD37" s="114">
        <v>404248</v>
      </c>
      <c r="DE37" s="114">
        <v>424541</v>
      </c>
      <c r="DF37" s="114">
        <v>360938</v>
      </c>
      <c r="DG37" s="113">
        <v>2524793</v>
      </c>
      <c r="DH37" s="116">
        <v>2603426</v>
      </c>
      <c r="DI37" s="110">
        <v>31745</v>
      </c>
      <c r="DJ37" s="114">
        <v>22302</v>
      </c>
      <c r="DK37" s="112">
        <v>54047</v>
      </c>
      <c r="DL37" s="111">
        <v>0</v>
      </c>
      <c r="DM37" s="114">
        <v>137835</v>
      </c>
      <c r="DN37" s="114">
        <v>755175</v>
      </c>
      <c r="DO37" s="114">
        <v>918594</v>
      </c>
      <c r="DP37" s="114">
        <v>431923</v>
      </c>
      <c r="DQ37" s="114">
        <v>612055</v>
      </c>
      <c r="DR37" s="113">
        <v>2855582</v>
      </c>
      <c r="DS37" s="116">
        <v>2909629</v>
      </c>
      <c r="DT37" s="110">
        <v>31745</v>
      </c>
      <c r="DU37" s="114">
        <v>22302</v>
      </c>
      <c r="DV37" s="113">
        <v>54047</v>
      </c>
      <c r="DW37" s="110">
        <v>0</v>
      </c>
      <c r="DX37" s="114">
        <v>137835</v>
      </c>
      <c r="DY37" s="114">
        <v>586659</v>
      </c>
      <c r="DZ37" s="114">
        <v>844719</v>
      </c>
      <c r="EA37" s="114">
        <v>274298</v>
      </c>
      <c r="EB37" s="114">
        <v>547003</v>
      </c>
      <c r="EC37" s="113">
        <v>2390514</v>
      </c>
      <c r="ED37" s="116">
        <v>2444561</v>
      </c>
      <c r="EE37" s="110">
        <v>0</v>
      </c>
      <c r="EF37" s="112">
        <v>0</v>
      </c>
      <c r="EG37" s="113">
        <v>0</v>
      </c>
      <c r="EH37" s="110">
        <v>0</v>
      </c>
      <c r="EI37" s="114">
        <v>0</v>
      </c>
      <c r="EJ37" s="114">
        <v>168516</v>
      </c>
      <c r="EK37" s="114">
        <v>73875</v>
      </c>
      <c r="EL37" s="114">
        <v>157625</v>
      </c>
      <c r="EM37" s="114">
        <v>65052</v>
      </c>
      <c r="EN37" s="112">
        <v>465068</v>
      </c>
      <c r="EO37" s="116">
        <v>465068</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5"/>
      <c r="FE37" s="114">
        <v>0</v>
      </c>
      <c r="FF37" s="114">
        <v>0</v>
      </c>
      <c r="FG37" s="114">
        <v>0</v>
      </c>
      <c r="FH37" s="114">
        <v>0</v>
      </c>
      <c r="FI37" s="114">
        <v>0</v>
      </c>
      <c r="FJ37" s="113">
        <v>0</v>
      </c>
      <c r="FK37" s="116">
        <v>0</v>
      </c>
      <c r="FL37" s="110">
        <v>153457</v>
      </c>
      <c r="FM37" s="114">
        <v>334055</v>
      </c>
      <c r="FN37" s="113">
        <v>487512</v>
      </c>
      <c r="FO37" s="110">
        <v>0</v>
      </c>
      <c r="FP37" s="114">
        <v>837765</v>
      </c>
      <c r="FQ37" s="114">
        <v>1016381</v>
      </c>
      <c r="FR37" s="114">
        <v>851814</v>
      </c>
      <c r="FS37" s="114">
        <v>760332</v>
      </c>
      <c r="FT37" s="114">
        <v>564822</v>
      </c>
      <c r="FU37" s="113">
        <v>4031114</v>
      </c>
      <c r="FV37" s="116">
        <v>4518626</v>
      </c>
      <c r="FW37" s="115">
        <v>99700</v>
      </c>
      <c r="FX37" s="114">
        <v>334055</v>
      </c>
      <c r="FY37" s="112">
        <v>433755</v>
      </c>
      <c r="FZ37" s="111">
        <v>0</v>
      </c>
      <c r="GA37" s="114">
        <v>610515</v>
      </c>
      <c r="GB37" s="114">
        <v>964484</v>
      </c>
      <c r="GC37" s="114">
        <v>804719</v>
      </c>
      <c r="GD37" s="114">
        <v>760332</v>
      </c>
      <c r="GE37" s="114">
        <v>539478</v>
      </c>
      <c r="GF37" s="113">
        <v>3679528</v>
      </c>
      <c r="GG37" s="316">
        <v>4113283</v>
      </c>
      <c r="GH37" s="115">
        <v>0</v>
      </c>
      <c r="GI37" s="114">
        <v>0</v>
      </c>
      <c r="GJ37" s="112">
        <v>0</v>
      </c>
      <c r="GK37" s="111">
        <v>0</v>
      </c>
      <c r="GL37" s="114">
        <v>0</v>
      </c>
      <c r="GM37" s="114">
        <v>51897</v>
      </c>
      <c r="GN37" s="114">
        <v>18295</v>
      </c>
      <c r="GO37" s="114">
        <v>0</v>
      </c>
      <c r="GP37" s="114">
        <v>25344</v>
      </c>
      <c r="GQ37" s="113">
        <v>95536</v>
      </c>
      <c r="GR37" s="116">
        <v>95536</v>
      </c>
      <c r="GS37" s="110">
        <v>53757</v>
      </c>
      <c r="GT37" s="114">
        <v>0</v>
      </c>
      <c r="GU37" s="113">
        <v>53757</v>
      </c>
      <c r="GV37" s="110">
        <v>0</v>
      </c>
      <c r="GW37" s="114">
        <v>227250</v>
      </c>
      <c r="GX37" s="114">
        <v>0</v>
      </c>
      <c r="GY37" s="114">
        <v>28800</v>
      </c>
      <c r="GZ37" s="114">
        <v>0</v>
      </c>
      <c r="HA37" s="114">
        <v>0</v>
      </c>
      <c r="HB37" s="112">
        <v>256050</v>
      </c>
      <c r="HC37" s="116">
        <v>309807</v>
      </c>
      <c r="HD37" s="110">
        <v>238711</v>
      </c>
      <c r="HE37" s="114">
        <v>299529</v>
      </c>
      <c r="HF37" s="112">
        <v>538240</v>
      </c>
      <c r="HG37" s="111">
        <v>0</v>
      </c>
      <c r="HH37" s="114">
        <v>1177014</v>
      </c>
      <c r="HI37" s="114">
        <v>925527</v>
      </c>
      <c r="HJ37" s="114">
        <v>1012528</v>
      </c>
      <c r="HK37" s="114">
        <v>1966884</v>
      </c>
      <c r="HL37" s="114">
        <v>1442918</v>
      </c>
      <c r="HM37" s="113">
        <v>6524871</v>
      </c>
      <c r="HN37" s="109">
        <v>7063111</v>
      </c>
      <c r="HO37" s="115">
        <v>91980</v>
      </c>
      <c r="HP37" s="114">
        <v>213480</v>
      </c>
      <c r="HQ37" s="113">
        <v>305460</v>
      </c>
      <c r="HR37" s="110">
        <v>0</v>
      </c>
      <c r="HS37" s="114">
        <v>1691648</v>
      </c>
      <c r="HT37" s="114">
        <v>1503037</v>
      </c>
      <c r="HU37" s="114">
        <v>854608</v>
      </c>
      <c r="HV37" s="114">
        <v>626153</v>
      </c>
      <c r="HW37" s="114">
        <v>342725</v>
      </c>
      <c r="HX37" s="112">
        <v>5018171</v>
      </c>
      <c r="HY37" s="116">
        <v>5323631</v>
      </c>
      <c r="HZ37" s="131">
        <v>51498</v>
      </c>
      <c r="IA37" s="132">
        <v>345384</v>
      </c>
      <c r="IB37" s="133">
        <v>396882</v>
      </c>
      <c r="IC37" s="146">
        <v>0</v>
      </c>
      <c r="ID37" s="132">
        <v>3478467</v>
      </c>
      <c r="IE37" s="147">
        <v>3915989</v>
      </c>
      <c r="IF37" s="133">
        <v>7926801</v>
      </c>
      <c r="IG37" s="132">
        <v>6039209</v>
      </c>
      <c r="IH37" s="133">
        <v>2249590</v>
      </c>
      <c r="II37" s="148">
        <v>23610056</v>
      </c>
      <c r="IJ37" s="139">
        <v>24006938</v>
      </c>
      <c r="IK37" s="232">
        <v>0</v>
      </c>
      <c r="IL37" s="236">
        <v>0</v>
      </c>
      <c r="IM37" s="237">
        <v>0</v>
      </c>
      <c r="IN37" s="140"/>
      <c r="IO37" s="119">
        <v>137502</v>
      </c>
      <c r="IP37" s="119">
        <v>83664</v>
      </c>
      <c r="IQ37" s="119">
        <v>0</v>
      </c>
      <c r="IR37" s="119">
        <v>337401</v>
      </c>
      <c r="IS37" s="119">
        <v>0</v>
      </c>
      <c r="IT37" s="141">
        <v>558567</v>
      </c>
      <c r="IU37" s="318">
        <v>558567</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1971766</v>
      </c>
      <c r="JL37" s="119">
        <v>2240200</v>
      </c>
      <c r="JM37" s="119">
        <v>965276</v>
      </c>
      <c r="JN37" s="119">
        <v>152651</v>
      </c>
      <c r="JO37" s="119">
        <v>158841</v>
      </c>
      <c r="JP37" s="120">
        <v>5488734</v>
      </c>
      <c r="JQ37" s="318">
        <v>5488734</v>
      </c>
      <c r="JR37" s="142">
        <v>0</v>
      </c>
      <c r="JS37" s="119">
        <v>0</v>
      </c>
      <c r="JT37" s="141">
        <v>0</v>
      </c>
      <c r="JU37" s="118">
        <v>0</v>
      </c>
      <c r="JV37" s="119">
        <v>297508</v>
      </c>
      <c r="JW37" s="119">
        <v>108999</v>
      </c>
      <c r="JX37" s="119">
        <v>336960</v>
      </c>
      <c r="JY37" s="119">
        <v>0</v>
      </c>
      <c r="JZ37" s="119">
        <v>164453</v>
      </c>
      <c r="KA37" s="120">
        <v>907920</v>
      </c>
      <c r="KB37" s="318">
        <v>907920</v>
      </c>
      <c r="KC37" s="234">
        <v>51498</v>
      </c>
      <c r="KD37" s="230">
        <v>345384</v>
      </c>
      <c r="KE37" s="120">
        <v>396882</v>
      </c>
      <c r="KF37" s="118">
        <v>0</v>
      </c>
      <c r="KG37" s="119">
        <v>363123</v>
      </c>
      <c r="KH37" s="119">
        <v>131782</v>
      </c>
      <c r="KI37" s="119">
        <v>437733</v>
      </c>
      <c r="KJ37" s="119">
        <v>1093851</v>
      </c>
      <c r="KK37" s="119">
        <v>0</v>
      </c>
      <c r="KL37" s="120">
        <v>2026489</v>
      </c>
      <c r="KM37" s="143">
        <v>2423371</v>
      </c>
      <c r="KN37" s="232">
        <v>0</v>
      </c>
      <c r="KO37" s="236">
        <v>0</v>
      </c>
      <c r="KP37" s="237">
        <v>0</v>
      </c>
      <c r="KQ37" s="140"/>
      <c r="KR37" s="119">
        <v>524500</v>
      </c>
      <c r="KS37" s="119">
        <v>1149035</v>
      </c>
      <c r="KT37" s="119">
        <v>3314152</v>
      </c>
      <c r="KU37" s="119">
        <v>2495376</v>
      </c>
      <c r="KV37" s="119">
        <v>1655207</v>
      </c>
      <c r="KW37" s="120">
        <v>9138270</v>
      </c>
      <c r="KX37" s="318">
        <v>9138270</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84068</v>
      </c>
      <c r="LO37" s="119">
        <v>202309</v>
      </c>
      <c r="LP37" s="119">
        <v>2872680</v>
      </c>
      <c r="LQ37" s="119">
        <v>1959930</v>
      </c>
      <c r="LR37" s="119">
        <v>271089</v>
      </c>
      <c r="LS37" s="120">
        <v>5490076</v>
      </c>
      <c r="LT37" s="318">
        <v>5490076</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703107</v>
      </c>
      <c r="MK37" s="119">
        <v>2806591</v>
      </c>
      <c r="ML37" s="119">
        <v>6934705</v>
      </c>
      <c r="MM37" s="119">
        <v>12105695</v>
      </c>
      <c r="MN37" s="119">
        <v>5996723</v>
      </c>
      <c r="MO37" s="120">
        <v>28546821</v>
      </c>
      <c r="MP37" s="143">
        <v>28546821</v>
      </c>
      <c r="MQ37" s="142">
        <v>0</v>
      </c>
      <c r="MR37" s="119">
        <v>0</v>
      </c>
      <c r="MS37" s="120">
        <v>0</v>
      </c>
      <c r="MT37" s="145"/>
      <c r="MU37" s="119">
        <v>433719</v>
      </c>
      <c r="MV37" s="119">
        <v>0</v>
      </c>
      <c r="MW37" s="119">
        <v>2621319</v>
      </c>
      <c r="MX37" s="119">
        <v>6330966</v>
      </c>
      <c r="MY37" s="119">
        <v>3600803</v>
      </c>
      <c r="MZ37" s="120">
        <v>12986807</v>
      </c>
      <c r="NA37" s="143">
        <v>12986807</v>
      </c>
      <c r="NB37" s="142">
        <v>0</v>
      </c>
      <c r="NC37" s="119">
        <v>0</v>
      </c>
      <c r="ND37" s="120">
        <v>0</v>
      </c>
      <c r="NE37" s="145"/>
      <c r="NF37" s="119">
        <v>269388</v>
      </c>
      <c r="NG37" s="119">
        <v>2806591</v>
      </c>
      <c r="NH37" s="119">
        <v>3633826</v>
      </c>
      <c r="NI37" s="119">
        <v>5774729</v>
      </c>
      <c r="NJ37" s="119">
        <v>1990917</v>
      </c>
      <c r="NK37" s="120">
        <v>14475451</v>
      </c>
      <c r="NL37" s="318">
        <v>14475451</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679560</v>
      </c>
      <c r="OE37" s="119">
        <v>0</v>
      </c>
      <c r="OF37" s="119">
        <v>405003</v>
      </c>
      <c r="OG37" s="120">
        <v>1084563</v>
      </c>
      <c r="OH37" s="121">
        <v>1084563</v>
      </c>
      <c r="OI37" s="142">
        <v>769537</v>
      </c>
      <c r="OJ37" s="119">
        <v>1505741</v>
      </c>
      <c r="OK37" s="141">
        <v>2275278</v>
      </c>
      <c r="OL37" s="118">
        <v>0</v>
      </c>
      <c r="OM37" s="119">
        <v>14208480</v>
      </c>
      <c r="ON37" s="119">
        <v>17468771</v>
      </c>
      <c r="OO37" s="119">
        <v>23352364</v>
      </c>
      <c r="OP37" s="119">
        <v>26986498</v>
      </c>
      <c r="OQ37" s="119">
        <v>15329450</v>
      </c>
      <c r="OR37" s="120">
        <v>97345563</v>
      </c>
      <c r="OS37" s="143">
        <v>99620841</v>
      </c>
    </row>
    <row r="38" spans="2:409" ht="21" customHeight="1" x14ac:dyDescent="0.2">
      <c r="B38" s="62" t="s">
        <v>33</v>
      </c>
      <c r="C38" s="110">
        <v>1282277</v>
      </c>
      <c r="D38" s="114">
        <v>2530443</v>
      </c>
      <c r="E38" s="113">
        <v>3812720</v>
      </c>
      <c r="F38" s="109">
        <v>0</v>
      </c>
      <c r="G38" s="114">
        <v>9196907</v>
      </c>
      <c r="H38" s="114">
        <v>9341539</v>
      </c>
      <c r="I38" s="114">
        <v>7534652</v>
      </c>
      <c r="J38" s="114">
        <v>4870491</v>
      </c>
      <c r="K38" s="114">
        <v>4512255</v>
      </c>
      <c r="L38" s="173">
        <v>35455844</v>
      </c>
      <c r="M38" s="116">
        <v>39268564</v>
      </c>
      <c r="N38" s="110">
        <v>547363</v>
      </c>
      <c r="O38" s="114">
        <v>986858</v>
      </c>
      <c r="P38" s="113">
        <v>1534221</v>
      </c>
      <c r="Q38" s="110">
        <v>0</v>
      </c>
      <c r="R38" s="114">
        <v>2773959</v>
      </c>
      <c r="S38" s="114">
        <v>2775857</v>
      </c>
      <c r="T38" s="114">
        <v>2253426</v>
      </c>
      <c r="U38" s="114">
        <v>1419352</v>
      </c>
      <c r="V38" s="114">
        <v>2785114</v>
      </c>
      <c r="W38" s="113">
        <v>12007708</v>
      </c>
      <c r="X38" s="116">
        <v>13541929</v>
      </c>
      <c r="Y38" s="110">
        <v>0</v>
      </c>
      <c r="Z38" s="114">
        <v>0</v>
      </c>
      <c r="AA38" s="113">
        <v>0</v>
      </c>
      <c r="AB38" s="110">
        <v>0</v>
      </c>
      <c r="AC38" s="114">
        <v>706729</v>
      </c>
      <c r="AD38" s="114">
        <v>864193</v>
      </c>
      <c r="AE38" s="114">
        <v>1102345</v>
      </c>
      <c r="AF38" s="114">
        <v>783658</v>
      </c>
      <c r="AG38" s="114">
        <v>1896783</v>
      </c>
      <c r="AH38" s="113">
        <v>5353708</v>
      </c>
      <c r="AI38" s="116">
        <v>5353708</v>
      </c>
      <c r="AJ38" s="110">
        <v>0</v>
      </c>
      <c r="AK38" s="114">
        <v>0</v>
      </c>
      <c r="AL38" s="113">
        <v>0</v>
      </c>
      <c r="AM38" s="110">
        <v>0</v>
      </c>
      <c r="AN38" s="114">
        <v>0</v>
      </c>
      <c r="AO38" s="114">
        <v>0</v>
      </c>
      <c r="AP38" s="114">
        <v>164886</v>
      </c>
      <c r="AQ38" s="114">
        <v>123195</v>
      </c>
      <c r="AR38" s="114">
        <v>284685</v>
      </c>
      <c r="AS38" s="113">
        <v>572766</v>
      </c>
      <c r="AT38" s="116">
        <v>572766</v>
      </c>
      <c r="AU38" s="110">
        <v>27194</v>
      </c>
      <c r="AV38" s="114">
        <v>88513</v>
      </c>
      <c r="AW38" s="113">
        <v>115707</v>
      </c>
      <c r="AX38" s="110">
        <v>0</v>
      </c>
      <c r="AY38" s="114">
        <v>518766</v>
      </c>
      <c r="AZ38" s="114">
        <v>582310</v>
      </c>
      <c r="BA38" s="114">
        <v>245634</v>
      </c>
      <c r="BB38" s="114">
        <v>219103</v>
      </c>
      <c r="BC38" s="114">
        <v>266076</v>
      </c>
      <c r="BD38" s="113">
        <v>1831889</v>
      </c>
      <c r="BE38" s="116">
        <v>1947596</v>
      </c>
      <c r="BF38" s="110">
        <v>426398</v>
      </c>
      <c r="BG38" s="114">
        <v>732817</v>
      </c>
      <c r="BH38" s="112">
        <v>1159215</v>
      </c>
      <c r="BI38" s="111">
        <v>0</v>
      </c>
      <c r="BJ38" s="114">
        <v>1239037</v>
      </c>
      <c r="BK38" s="114">
        <v>863797</v>
      </c>
      <c r="BL38" s="114">
        <v>301761</v>
      </c>
      <c r="BM38" s="114">
        <v>171892</v>
      </c>
      <c r="BN38" s="114">
        <v>173482</v>
      </c>
      <c r="BO38" s="113">
        <v>2749969</v>
      </c>
      <c r="BP38" s="116">
        <v>3909184</v>
      </c>
      <c r="BQ38" s="110">
        <v>93771</v>
      </c>
      <c r="BR38" s="114">
        <v>165528</v>
      </c>
      <c r="BS38" s="113">
        <v>259299</v>
      </c>
      <c r="BT38" s="110">
        <v>0</v>
      </c>
      <c r="BU38" s="114">
        <v>309427</v>
      </c>
      <c r="BV38" s="114">
        <v>465557</v>
      </c>
      <c r="BW38" s="114">
        <v>438800</v>
      </c>
      <c r="BX38" s="114">
        <v>121504</v>
      </c>
      <c r="BY38" s="114">
        <v>164088</v>
      </c>
      <c r="BZ38" s="113">
        <v>1499376</v>
      </c>
      <c r="CA38" s="116">
        <v>1758675</v>
      </c>
      <c r="CB38" s="110">
        <v>137951</v>
      </c>
      <c r="CC38" s="114">
        <v>545723</v>
      </c>
      <c r="CD38" s="113">
        <v>683674</v>
      </c>
      <c r="CE38" s="110">
        <v>0</v>
      </c>
      <c r="CF38" s="114">
        <v>1874249</v>
      </c>
      <c r="CG38" s="114">
        <v>1315947</v>
      </c>
      <c r="CH38" s="114">
        <v>1019305</v>
      </c>
      <c r="CI38" s="114">
        <v>361620</v>
      </c>
      <c r="CJ38" s="114">
        <v>328803</v>
      </c>
      <c r="CK38" s="113">
        <v>4899924</v>
      </c>
      <c r="CL38" s="116">
        <v>5583598</v>
      </c>
      <c r="CM38" s="110">
        <v>0</v>
      </c>
      <c r="CN38" s="114">
        <v>0</v>
      </c>
      <c r="CO38" s="113">
        <v>0</v>
      </c>
      <c r="CP38" s="111">
        <v>0</v>
      </c>
      <c r="CQ38" s="114">
        <v>709172</v>
      </c>
      <c r="CR38" s="114">
        <v>567202</v>
      </c>
      <c r="CS38" s="114">
        <v>356544</v>
      </c>
      <c r="CT38" s="114">
        <v>322973</v>
      </c>
      <c r="CU38" s="114">
        <v>162997</v>
      </c>
      <c r="CV38" s="113">
        <v>2118888</v>
      </c>
      <c r="CW38" s="116">
        <v>2118888</v>
      </c>
      <c r="CX38" s="110">
        <v>137951</v>
      </c>
      <c r="CY38" s="114">
        <v>545723</v>
      </c>
      <c r="CZ38" s="113">
        <v>683674</v>
      </c>
      <c r="DA38" s="110">
        <v>0</v>
      </c>
      <c r="DB38" s="114">
        <v>1165077</v>
      </c>
      <c r="DC38" s="114">
        <v>748745</v>
      </c>
      <c r="DD38" s="114">
        <v>662761</v>
      </c>
      <c r="DE38" s="114">
        <v>38647</v>
      </c>
      <c r="DF38" s="114">
        <v>165806</v>
      </c>
      <c r="DG38" s="113">
        <v>2781036</v>
      </c>
      <c r="DH38" s="116">
        <v>3464710</v>
      </c>
      <c r="DI38" s="110">
        <v>0</v>
      </c>
      <c r="DJ38" s="114">
        <v>0</v>
      </c>
      <c r="DK38" s="112">
        <v>0</v>
      </c>
      <c r="DL38" s="111">
        <v>0</v>
      </c>
      <c r="DM38" s="114">
        <v>253577</v>
      </c>
      <c r="DN38" s="114">
        <v>744602</v>
      </c>
      <c r="DO38" s="114">
        <v>609982</v>
      </c>
      <c r="DP38" s="114">
        <v>538505</v>
      </c>
      <c r="DQ38" s="114">
        <v>0</v>
      </c>
      <c r="DR38" s="113">
        <v>2146666</v>
      </c>
      <c r="DS38" s="116">
        <v>2146666</v>
      </c>
      <c r="DT38" s="110">
        <v>0</v>
      </c>
      <c r="DU38" s="114">
        <v>0</v>
      </c>
      <c r="DV38" s="113">
        <v>0</v>
      </c>
      <c r="DW38" s="110">
        <v>0</v>
      </c>
      <c r="DX38" s="114">
        <v>253577</v>
      </c>
      <c r="DY38" s="114">
        <v>624970</v>
      </c>
      <c r="DZ38" s="114">
        <v>609982</v>
      </c>
      <c r="EA38" s="114">
        <v>427635</v>
      </c>
      <c r="EB38" s="114">
        <v>0</v>
      </c>
      <c r="EC38" s="113">
        <v>1916164</v>
      </c>
      <c r="ED38" s="116">
        <v>1916164</v>
      </c>
      <c r="EE38" s="110">
        <v>0</v>
      </c>
      <c r="EF38" s="112">
        <v>0</v>
      </c>
      <c r="EG38" s="113">
        <v>0</v>
      </c>
      <c r="EH38" s="110">
        <v>0</v>
      </c>
      <c r="EI38" s="114">
        <v>0</v>
      </c>
      <c r="EJ38" s="114">
        <v>119632</v>
      </c>
      <c r="EK38" s="114">
        <v>0</v>
      </c>
      <c r="EL38" s="114">
        <v>110870</v>
      </c>
      <c r="EM38" s="114">
        <v>0</v>
      </c>
      <c r="EN38" s="112">
        <v>230502</v>
      </c>
      <c r="EO38" s="116">
        <v>230502</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5"/>
      <c r="FE38" s="114">
        <v>0</v>
      </c>
      <c r="FF38" s="114">
        <v>0</v>
      </c>
      <c r="FG38" s="114">
        <v>0</v>
      </c>
      <c r="FH38" s="114">
        <v>0</v>
      </c>
      <c r="FI38" s="114">
        <v>0</v>
      </c>
      <c r="FJ38" s="113">
        <v>0</v>
      </c>
      <c r="FK38" s="116">
        <v>0</v>
      </c>
      <c r="FL38" s="110">
        <v>150441</v>
      </c>
      <c r="FM38" s="114">
        <v>234475</v>
      </c>
      <c r="FN38" s="113">
        <v>384916</v>
      </c>
      <c r="FO38" s="110">
        <v>0</v>
      </c>
      <c r="FP38" s="114">
        <v>691830</v>
      </c>
      <c r="FQ38" s="114">
        <v>660703</v>
      </c>
      <c r="FR38" s="114">
        <v>393118</v>
      </c>
      <c r="FS38" s="114">
        <v>190278</v>
      </c>
      <c r="FT38" s="114">
        <v>511526</v>
      </c>
      <c r="FU38" s="113">
        <v>2447455</v>
      </c>
      <c r="FV38" s="116">
        <v>2832371</v>
      </c>
      <c r="FW38" s="115">
        <v>136041</v>
      </c>
      <c r="FX38" s="114">
        <v>216418</v>
      </c>
      <c r="FY38" s="112">
        <v>352459</v>
      </c>
      <c r="FZ38" s="111">
        <v>0</v>
      </c>
      <c r="GA38" s="114">
        <v>524110</v>
      </c>
      <c r="GB38" s="114">
        <v>639003</v>
      </c>
      <c r="GC38" s="114">
        <v>300670</v>
      </c>
      <c r="GD38" s="114">
        <v>190278</v>
      </c>
      <c r="GE38" s="114">
        <v>511526</v>
      </c>
      <c r="GF38" s="113">
        <v>2165587</v>
      </c>
      <c r="GG38" s="316">
        <v>2518046</v>
      </c>
      <c r="GH38" s="115">
        <v>0</v>
      </c>
      <c r="GI38" s="114">
        <v>18057</v>
      </c>
      <c r="GJ38" s="112">
        <v>18057</v>
      </c>
      <c r="GK38" s="111">
        <v>0</v>
      </c>
      <c r="GL38" s="114">
        <v>27720</v>
      </c>
      <c r="GM38" s="114">
        <v>0</v>
      </c>
      <c r="GN38" s="114">
        <v>44748</v>
      </c>
      <c r="GO38" s="114">
        <v>0</v>
      </c>
      <c r="GP38" s="114">
        <v>0</v>
      </c>
      <c r="GQ38" s="113">
        <v>72468</v>
      </c>
      <c r="GR38" s="116">
        <v>90525</v>
      </c>
      <c r="GS38" s="110">
        <v>14400</v>
      </c>
      <c r="GT38" s="114">
        <v>0</v>
      </c>
      <c r="GU38" s="113">
        <v>14400</v>
      </c>
      <c r="GV38" s="110">
        <v>0</v>
      </c>
      <c r="GW38" s="114">
        <v>140000</v>
      </c>
      <c r="GX38" s="114">
        <v>21700</v>
      </c>
      <c r="GY38" s="114">
        <v>47700</v>
      </c>
      <c r="GZ38" s="114">
        <v>0</v>
      </c>
      <c r="HA38" s="114">
        <v>0</v>
      </c>
      <c r="HB38" s="112">
        <v>209400</v>
      </c>
      <c r="HC38" s="116">
        <v>223800</v>
      </c>
      <c r="HD38" s="110">
        <v>274754</v>
      </c>
      <c r="HE38" s="114">
        <v>525901</v>
      </c>
      <c r="HF38" s="112">
        <v>800655</v>
      </c>
      <c r="HG38" s="111">
        <v>0</v>
      </c>
      <c r="HH38" s="114">
        <v>2265771</v>
      </c>
      <c r="HI38" s="114">
        <v>3017667</v>
      </c>
      <c r="HJ38" s="114">
        <v>2739255</v>
      </c>
      <c r="HK38" s="114">
        <v>2086745</v>
      </c>
      <c r="HL38" s="114">
        <v>589676</v>
      </c>
      <c r="HM38" s="113">
        <v>10699114</v>
      </c>
      <c r="HN38" s="109">
        <v>11499769</v>
      </c>
      <c r="HO38" s="115">
        <v>171768</v>
      </c>
      <c r="HP38" s="114">
        <v>237486</v>
      </c>
      <c r="HQ38" s="113">
        <v>409254</v>
      </c>
      <c r="HR38" s="110">
        <v>0</v>
      </c>
      <c r="HS38" s="114">
        <v>1337521</v>
      </c>
      <c r="HT38" s="114">
        <v>826763</v>
      </c>
      <c r="HU38" s="114">
        <v>519566</v>
      </c>
      <c r="HV38" s="114">
        <v>273991</v>
      </c>
      <c r="HW38" s="114">
        <v>297136</v>
      </c>
      <c r="HX38" s="112">
        <v>3254977</v>
      </c>
      <c r="HY38" s="116">
        <v>3664231</v>
      </c>
      <c r="HZ38" s="150">
        <v>0</v>
      </c>
      <c r="IA38" s="135">
        <v>491360</v>
      </c>
      <c r="IB38" s="150">
        <v>491360</v>
      </c>
      <c r="IC38" s="146">
        <v>0</v>
      </c>
      <c r="ID38" s="132">
        <v>2633089</v>
      </c>
      <c r="IE38" s="147">
        <v>2756636</v>
      </c>
      <c r="IF38" s="133">
        <v>4102330</v>
      </c>
      <c r="IG38" s="132">
        <v>567530</v>
      </c>
      <c r="IH38" s="133">
        <v>2003433</v>
      </c>
      <c r="II38" s="148">
        <v>12063018</v>
      </c>
      <c r="IJ38" s="150">
        <v>12554378</v>
      </c>
      <c r="IK38" s="232">
        <v>0</v>
      </c>
      <c r="IL38" s="236">
        <v>0</v>
      </c>
      <c r="IM38" s="237">
        <v>0</v>
      </c>
      <c r="IN38" s="140"/>
      <c r="IO38" s="119">
        <v>0</v>
      </c>
      <c r="IP38" s="119">
        <v>0</v>
      </c>
      <c r="IQ38" s="119">
        <v>0</v>
      </c>
      <c r="IR38" s="119">
        <v>0</v>
      </c>
      <c r="IS38" s="119">
        <v>0</v>
      </c>
      <c r="IT38" s="141">
        <v>0</v>
      </c>
      <c r="IU38" s="318">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500660</v>
      </c>
      <c r="JL38" s="119">
        <v>888846</v>
      </c>
      <c r="JM38" s="119">
        <v>648191</v>
      </c>
      <c r="JN38" s="119">
        <v>0</v>
      </c>
      <c r="JO38" s="119">
        <v>185639</v>
      </c>
      <c r="JP38" s="120">
        <v>3223336</v>
      </c>
      <c r="JQ38" s="318">
        <v>3223336</v>
      </c>
      <c r="JR38" s="142">
        <v>0</v>
      </c>
      <c r="JS38" s="119">
        <v>0</v>
      </c>
      <c r="JT38" s="141">
        <v>0</v>
      </c>
      <c r="JU38" s="118">
        <v>0</v>
      </c>
      <c r="JV38" s="119">
        <v>0</v>
      </c>
      <c r="JW38" s="119">
        <v>0</v>
      </c>
      <c r="JX38" s="119">
        <v>205857</v>
      </c>
      <c r="JY38" s="119">
        <v>0</v>
      </c>
      <c r="JZ38" s="119">
        <v>0</v>
      </c>
      <c r="KA38" s="120">
        <v>205857</v>
      </c>
      <c r="KB38" s="318">
        <v>205857</v>
      </c>
      <c r="KC38" s="234">
        <v>0</v>
      </c>
      <c r="KD38" s="230">
        <v>0</v>
      </c>
      <c r="KE38" s="120">
        <v>0</v>
      </c>
      <c r="KF38" s="118">
        <v>0</v>
      </c>
      <c r="KG38" s="119">
        <v>0</v>
      </c>
      <c r="KH38" s="119">
        <v>0</v>
      </c>
      <c r="KI38" s="119">
        <v>0</v>
      </c>
      <c r="KJ38" s="119">
        <v>0</v>
      </c>
      <c r="KK38" s="119">
        <v>0</v>
      </c>
      <c r="KL38" s="120">
        <v>0</v>
      </c>
      <c r="KM38" s="143">
        <v>0</v>
      </c>
      <c r="KN38" s="232">
        <v>0</v>
      </c>
      <c r="KO38" s="236">
        <v>491360</v>
      </c>
      <c r="KP38" s="237">
        <v>491360</v>
      </c>
      <c r="KQ38" s="140"/>
      <c r="KR38" s="119">
        <v>519522</v>
      </c>
      <c r="KS38" s="119">
        <v>813645</v>
      </c>
      <c r="KT38" s="119">
        <v>1953504</v>
      </c>
      <c r="KU38" s="119">
        <v>253373</v>
      </c>
      <c r="KV38" s="119">
        <v>289859</v>
      </c>
      <c r="KW38" s="120">
        <v>3829903</v>
      </c>
      <c r="KX38" s="318">
        <v>4321263</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18">
        <v>0</v>
      </c>
      <c r="LU38" s="142">
        <v>0</v>
      </c>
      <c r="LV38" s="119">
        <v>0</v>
      </c>
      <c r="LW38" s="120">
        <v>0</v>
      </c>
      <c r="LX38" s="145"/>
      <c r="LY38" s="119">
        <v>612907</v>
      </c>
      <c r="LZ38" s="119">
        <v>1054145</v>
      </c>
      <c r="MA38" s="119">
        <v>1294778</v>
      </c>
      <c r="MB38" s="119">
        <v>314157</v>
      </c>
      <c r="MC38" s="119">
        <v>1527935</v>
      </c>
      <c r="MD38" s="120">
        <v>4803922</v>
      </c>
      <c r="ME38" s="121">
        <v>4803922</v>
      </c>
      <c r="MF38" s="142">
        <v>0</v>
      </c>
      <c r="MG38" s="119">
        <v>0</v>
      </c>
      <c r="MH38" s="120">
        <v>0</v>
      </c>
      <c r="MI38" s="145"/>
      <c r="MJ38" s="119">
        <v>3321988</v>
      </c>
      <c r="MK38" s="119">
        <v>5094549</v>
      </c>
      <c r="ML38" s="119">
        <v>11738110</v>
      </c>
      <c r="MM38" s="119">
        <v>17652020</v>
      </c>
      <c r="MN38" s="119">
        <v>11982645</v>
      </c>
      <c r="MO38" s="120">
        <v>49789312</v>
      </c>
      <c r="MP38" s="143">
        <v>49789312</v>
      </c>
      <c r="MQ38" s="142">
        <v>0</v>
      </c>
      <c r="MR38" s="119">
        <v>0</v>
      </c>
      <c r="MS38" s="120">
        <v>0</v>
      </c>
      <c r="MT38" s="145"/>
      <c r="MU38" s="119">
        <v>0</v>
      </c>
      <c r="MV38" s="119">
        <v>1119791</v>
      </c>
      <c r="MW38" s="119">
        <v>5301543</v>
      </c>
      <c r="MX38" s="119">
        <v>9782411</v>
      </c>
      <c r="MY38" s="119">
        <v>6524768</v>
      </c>
      <c r="MZ38" s="120">
        <v>22728513</v>
      </c>
      <c r="NA38" s="143">
        <v>22728513</v>
      </c>
      <c r="NB38" s="142">
        <v>0</v>
      </c>
      <c r="NC38" s="119">
        <v>0</v>
      </c>
      <c r="ND38" s="120">
        <v>0</v>
      </c>
      <c r="NE38" s="145"/>
      <c r="NF38" s="119">
        <v>2213759</v>
      </c>
      <c r="NG38" s="119">
        <v>2326275</v>
      </c>
      <c r="NH38" s="119">
        <v>4612799</v>
      </c>
      <c r="NI38" s="119">
        <v>5521015</v>
      </c>
      <c r="NJ38" s="119">
        <v>2265345</v>
      </c>
      <c r="NK38" s="120">
        <v>16939193</v>
      </c>
      <c r="NL38" s="318">
        <v>16939193</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1108229</v>
      </c>
      <c r="OC38" s="119">
        <v>1648483</v>
      </c>
      <c r="OD38" s="119">
        <v>1823768</v>
      </c>
      <c r="OE38" s="119">
        <v>2348594</v>
      </c>
      <c r="OF38" s="119">
        <v>3192532</v>
      </c>
      <c r="OG38" s="120">
        <v>10121606</v>
      </c>
      <c r="OH38" s="121">
        <v>10121606</v>
      </c>
      <c r="OI38" s="142">
        <v>1282277</v>
      </c>
      <c r="OJ38" s="119">
        <v>3021803</v>
      </c>
      <c r="OK38" s="141">
        <v>4304080</v>
      </c>
      <c r="OL38" s="118">
        <v>0</v>
      </c>
      <c r="OM38" s="119">
        <v>15151984</v>
      </c>
      <c r="ON38" s="119">
        <v>17192724</v>
      </c>
      <c r="OO38" s="119">
        <v>23375092</v>
      </c>
      <c r="OP38" s="119">
        <v>23090041</v>
      </c>
      <c r="OQ38" s="119">
        <v>18498333</v>
      </c>
      <c r="OR38" s="120">
        <v>97308174</v>
      </c>
      <c r="OS38" s="143">
        <v>101612254</v>
      </c>
    </row>
    <row r="39" spans="2:409" ht="21" customHeight="1" x14ac:dyDescent="0.2">
      <c r="B39" s="62" t="s">
        <v>34</v>
      </c>
      <c r="C39" s="110">
        <v>503457</v>
      </c>
      <c r="D39" s="114">
        <v>746978</v>
      </c>
      <c r="E39" s="174">
        <v>1250435</v>
      </c>
      <c r="F39" s="175">
        <v>0</v>
      </c>
      <c r="G39" s="176">
        <v>7039322</v>
      </c>
      <c r="H39" s="176">
        <v>5959971</v>
      </c>
      <c r="I39" s="176">
        <v>4281418</v>
      </c>
      <c r="J39" s="176">
        <v>6622081</v>
      </c>
      <c r="K39" s="176">
        <v>2667897</v>
      </c>
      <c r="L39" s="177">
        <v>26570689</v>
      </c>
      <c r="M39" s="116">
        <v>27821124</v>
      </c>
      <c r="N39" s="110">
        <v>85698</v>
      </c>
      <c r="O39" s="114">
        <v>259272</v>
      </c>
      <c r="P39" s="113">
        <v>344970</v>
      </c>
      <c r="Q39" s="110">
        <v>0</v>
      </c>
      <c r="R39" s="114">
        <v>1320288</v>
      </c>
      <c r="S39" s="114">
        <v>1185178</v>
      </c>
      <c r="T39" s="114">
        <v>1214731</v>
      </c>
      <c r="U39" s="114">
        <v>1660779</v>
      </c>
      <c r="V39" s="114">
        <v>1180276</v>
      </c>
      <c r="W39" s="113">
        <v>6561252</v>
      </c>
      <c r="X39" s="116">
        <v>6906222</v>
      </c>
      <c r="Y39" s="110">
        <v>0</v>
      </c>
      <c r="Z39" s="114">
        <v>0</v>
      </c>
      <c r="AA39" s="113">
        <v>0</v>
      </c>
      <c r="AB39" s="110">
        <v>0</v>
      </c>
      <c r="AC39" s="114">
        <v>363280</v>
      </c>
      <c r="AD39" s="114">
        <v>280036</v>
      </c>
      <c r="AE39" s="114">
        <v>674157</v>
      </c>
      <c r="AF39" s="114">
        <v>918441</v>
      </c>
      <c r="AG39" s="114">
        <v>185614</v>
      </c>
      <c r="AH39" s="113">
        <v>2421528</v>
      </c>
      <c r="AI39" s="116">
        <v>2421528</v>
      </c>
      <c r="AJ39" s="110">
        <v>0</v>
      </c>
      <c r="AK39" s="114">
        <v>0</v>
      </c>
      <c r="AL39" s="113">
        <v>0</v>
      </c>
      <c r="AM39" s="110">
        <v>0</v>
      </c>
      <c r="AN39" s="114">
        <v>0</v>
      </c>
      <c r="AO39" s="114">
        <v>0</v>
      </c>
      <c r="AP39" s="114">
        <v>0</v>
      </c>
      <c r="AQ39" s="114">
        <v>86643</v>
      </c>
      <c r="AR39" s="114">
        <v>424098</v>
      </c>
      <c r="AS39" s="113">
        <v>510741</v>
      </c>
      <c r="AT39" s="116">
        <v>510741</v>
      </c>
      <c r="AU39" s="110">
        <v>19278</v>
      </c>
      <c r="AV39" s="114">
        <v>226053</v>
      </c>
      <c r="AW39" s="113">
        <v>245331</v>
      </c>
      <c r="AX39" s="110">
        <v>0</v>
      </c>
      <c r="AY39" s="114">
        <v>334965</v>
      </c>
      <c r="AZ39" s="114">
        <v>452373</v>
      </c>
      <c r="BA39" s="114">
        <v>229478</v>
      </c>
      <c r="BB39" s="114">
        <v>279648</v>
      </c>
      <c r="BC39" s="114">
        <v>164196</v>
      </c>
      <c r="BD39" s="113">
        <v>1460660</v>
      </c>
      <c r="BE39" s="116">
        <v>1705991</v>
      </c>
      <c r="BF39" s="110">
        <v>0</v>
      </c>
      <c r="BG39" s="114">
        <v>0</v>
      </c>
      <c r="BH39" s="112">
        <v>0</v>
      </c>
      <c r="BI39" s="111">
        <v>0</v>
      </c>
      <c r="BJ39" s="114">
        <v>191439</v>
      </c>
      <c r="BK39" s="114">
        <v>161806</v>
      </c>
      <c r="BL39" s="114">
        <v>99603</v>
      </c>
      <c r="BM39" s="114">
        <v>33480</v>
      </c>
      <c r="BN39" s="114">
        <v>109296</v>
      </c>
      <c r="BO39" s="113">
        <v>595624</v>
      </c>
      <c r="BP39" s="116">
        <v>595624</v>
      </c>
      <c r="BQ39" s="110">
        <v>66420</v>
      </c>
      <c r="BR39" s="114">
        <v>33219</v>
      </c>
      <c r="BS39" s="113">
        <v>99639</v>
      </c>
      <c r="BT39" s="110">
        <v>0</v>
      </c>
      <c r="BU39" s="114">
        <v>430604</v>
      </c>
      <c r="BV39" s="114">
        <v>290963</v>
      </c>
      <c r="BW39" s="114">
        <v>211493</v>
      </c>
      <c r="BX39" s="114">
        <v>342567</v>
      </c>
      <c r="BY39" s="114">
        <v>297072</v>
      </c>
      <c r="BZ39" s="113">
        <v>1572699</v>
      </c>
      <c r="CA39" s="116">
        <v>1672338</v>
      </c>
      <c r="CB39" s="110">
        <v>73269</v>
      </c>
      <c r="CC39" s="114">
        <v>131409</v>
      </c>
      <c r="CD39" s="113">
        <v>204678</v>
      </c>
      <c r="CE39" s="110">
        <v>0</v>
      </c>
      <c r="CF39" s="114">
        <v>2361744</v>
      </c>
      <c r="CG39" s="114">
        <v>2269100</v>
      </c>
      <c r="CH39" s="114">
        <v>1364130</v>
      </c>
      <c r="CI39" s="114">
        <v>1751853</v>
      </c>
      <c r="CJ39" s="114">
        <v>157014</v>
      </c>
      <c r="CK39" s="113">
        <v>7903841</v>
      </c>
      <c r="CL39" s="116">
        <v>8108519</v>
      </c>
      <c r="CM39" s="110">
        <v>0</v>
      </c>
      <c r="CN39" s="114">
        <v>0</v>
      </c>
      <c r="CO39" s="113">
        <v>0</v>
      </c>
      <c r="CP39" s="111">
        <v>0</v>
      </c>
      <c r="CQ39" s="114">
        <v>1893330</v>
      </c>
      <c r="CR39" s="114">
        <v>2143424</v>
      </c>
      <c r="CS39" s="114">
        <v>1268667</v>
      </c>
      <c r="CT39" s="114">
        <v>1306299</v>
      </c>
      <c r="CU39" s="114">
        <v>157014</v>
      </c>
      <c r="CV39" s="113">
        <v>6768734</v>
      </c>
      <c r="CW39" s="116">
        <v>6768734</v>
      </c>
      <c r="CX39" s="110">
        <v>73269</v>
      </c>
      <c r="CY39" s="114">
        <v>131409</v>
      </c>
      <c r="CZ39" s="113">
        <v>204678</v>
      </c>
      <c r="DA39" s="110">
        <v>0</v>
      </c>
      <c r="DB39" s="114">
        <v>468414</v>
      </c>
      <c r="DC39" s="114">
        <v>125676</v>
      </c>
      <c r="DD39" s="114">
        <v>95463</v>
      </c>
      <c r="DE39" s="114">
        <v>445554</v>
      </c>
      <c r="DF39" s="114">
        <v>0</v>
      </c>
      <c r="DG39" s="113">
        <v>1135107</v>
      </c>
      <c r="DH39" s="116">
        <v>1339785</v>
      </c>
      <c r="DI39" s="110">
        <v>0</v>
      </c>
      <c r="DJ39" s="114">
        <v>0</v>
      </c>
      <c r="DK39" s="112">
        <v>0</v>
      </c>
      <c r="DL39" s="111">
        <v>0</v>
      </c>
      <c r="DM39" s="114">
        <v>182763</v>
      </c>
      <c r="DN39" s="114">
        <v>16461</v>
      </c>
      <c r="DO39" s="114">
        <v>64413</v>
      </c>
      <c r="DP39" s="114">
        <v>645742</v>
      </c>
      <c r="DQ39" s="114">
        <v>253602</v>
      </c>
      <c r="DR39" s="113">
        <v>1162981</v>
      </c>
      <c r="DS39" s="116">
        <v>1162981</v>
      </c>
      <c r="DT39" s="110">
        <v>0</v>
      </c>
      <c r="DU39" s="114">
        <v>0</v>
      </c>
      <c r="DV39" s="113">
        <v>0</v>
      </c>
      <c r="DW39" s="110">
        <v>0</v>
      </c>
      <c r="DX39" s="114">
        <v>150363</v>
      </c>
      <c r="DY39" s="114">
        <v>16461</v>
      </c>
      <c r="DZ39" s="114">
        <v>64413</v>
      </c>
      <c r="EA39" s="114">
        <v>174384</v>
      </c>
      <c r="EB39" s="114">
        <v>253602</v>
      </c>
      <c r="EC39" s="113">
        <v>659223</v>
      </c>
      <c r="ED39" s="116">
        <v>659223</v>
      </c>
      <c r="EE39" s="110">
        <v>0</v>
      </c>
      <c r="EF39" s="112">
        <v>0</v>
      </c>
      <c r="EG39" s="113">
        <v>0</v>
      </c>
      <c r="EH39" s="110">
        <v>0</v>
      </c>
      <c r="EI39" s="114">
        <v>32400</v>
      </c>
      <c r="EJ39" s="114">
        <v>0</v>
      </c>
      <c r="EK39" s="114">
        <v>0</v>
      </c>
      <c r="EL39" s="114">
        <v>471358</v>
      </c>
      <c r="EM39" s="114">
        <v>0</v>
      </c>
      <c r="EN39" s="112">
        <v>503758</v>
      </c>
      <c r="EO39" s="116">
        <v>503758</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5"/>
      <c r="FE39" s="114">
        <v>0</v>
      </c>
      <c r="FF39" s="114">
        <v>0</v>
      </c>
      <c r="FG39" s="114">
        <v>0</v>
      </c>
      <c r="FH39" s="114">
        <v>0</v>
      </c>
      <c r="FI39" s="114">
        <v>0</v>
      </c>
      <c r="FJ39" s="113">
        <v>0</v>
      </c>
      <c r="FK39" s="116">
        <v>0</v>
      </c>
      <c r="FL39" s="110">
        <v>95760</v>
      </c>
      <c r="FM39" s="114">
        <v>144422</v>
      </c>
      <c r="FN39" s="113">
        <v>240182</v>
      </c>
      <c r="FO39" s="110">
        <v>0</v>
      </c>
      <c r="FP39" s="114">
        <v>396528</v>
      </c>
      <c r="FQ39" s="114">
        <v>575911</v>
      </c>
      <c r="FR39" s="114">
        <v>612404</v>
      </c>
      <c r="FS39" s="114">
        <v>449661</v>
      </c>
      <c r="FT39" s="114">
        <v>207935</v>
      </c>
      <c r="FU39" s="113">
        <v>2242439</v>
      </c>
      <c r="FV39" s="116">
        <v>2482621</v>
      </c>
      <c r="FW39" s="115">
        <v>95760</v>
      </c>
      <c r="FX39" s="114">
        <v>101456</v>
      </c>
      <c r="FY39" s="112">
        <v>197216</v>
      </c>
      <c r="FZ39" s="111">
        <v>0</v>
      </c>
      <c r="GA39" s="114">
        <v>381282</v>
      </c>
      <c r="GB39" s="114">
        <v>575911</v>
      </c>
      <c r="GC39" s="114">
        <v>383863</v>
      </c>
      <c r="GD39" s="114">
        <v>449661</v>
      </c>
      <c r="GE39" s="114">
        <v>207935</v>
      </c>
      <c r="GF39" s="113">
        <v>1998652</v>
      </c>
      <c r="GG39" s="316">
        <v>2195868</v>
      </c>
      <c r="GH39" s="115">
        <v>0</v>
      </c>
      <c r="GI39" s="114">
        <v>23760</v>
      </c>
      <c r="GJ39" s="112">
        <v>23760</v>
      </c>
      <c r="GK39" s="111">
        <v>0</v>
      </c>
      <c r="GL39" s="114">
        <v>15246</v>
      </c>
      <c r="GM39" s="114">
        <v>0</v>
      </c>
      <c r="GN39" s="114">
        <v>83358</v>
      </c>
      <c r="GO39" s="114">
        <v>0</v>
      </c>
      <c r="GP39" s="114">
        <v>0</v>
      </c>
      <c r="GQ39" s="113">
        <v>98604</v>
      </c>
      <c r="GR39" s="116">
        <v>122364</v>
      </c>
      <c r="GS39" s="110">
        <v>0</v>
      </c>
      <c r="GT39" s="114">
        <v>19206</v>
      </c>
      <c r="GU39" s="113">
        <v>19206</v>
      </c>
      <c r="GV39" s="110">
        <v>0</v>
      </c>
      <c r="GW39" s="114">
        <v>0</v>
      </c>
      <c r="GX39" s="114">
        <v>0</v>
      </c>
      <c r="GY39" s="114">
        <v>145183</v>
      </c>
      <c r="GZ39" s="114">
        <v>0</v>
      </c>
      <c r="HA39" s="114">
        <v>0</v>
      </c>
      <c r="HB39" s="112">
        <v>145183</v>
      </c>
      <c r="HC39" s="116">
        <v>164389</v>
      </c>
      <c r="HD39" s="110">
        <v>178650</v>
      </c>
      <c r="HE39" s="114">
        <v>108135</v>
      </c>
      <c r="HF39" s="112">
        <v>286785</v>
      </c>
      <c r="HG39" s="111">
        <v>0</v>
      </c>
      <c r="HH39" s="114">
        <v>1747217</v>
      </c>
      <c r="HI39" s="114">
        <v>1185162</v>
      </c>
      <c r="HJ39" s="114">
        <v>607964</v>
      </c>
      <c r="HK39" s="114">
        <v>1680768</v>
      </c>
      <c r="HL39" s="114">
        <v>732626</v>
      </c>
      <c r="HM39" s="113">
        <v>5953737</v>
      </c>
      <c r="HN39" s="109">
        <v>6240522</v>
      </c>
      <c r="HO39" s="115">
        <v>70080</v>
      </c>
      <c r="HP39" s="114">
        <v>103740</v>
      </c>
      <c r="HQ39" s="113">
        <v>173820</v>
      </c>
      <c r="HR39" s="110">
        <v>0</v>
      </c>
      <c r="HS39" s="114">
        <v>1030782</v>
      </c>
      <c r="HT39" s="114">
        <v>728159</v>
      </c>
      <c r="HU39" s="114">
        <v>417776</v>
      </c>
      <c r="HV39" s="114">
        <v>433278</v>
      </c>
      <c r="HW39" s="114">
        <v>136444</v>
      </c>
      <c r="HX39" s="112">
        <v>2746439</v>
      </c>
      <c r="HY39" s="116">
        <v>2920259</v>
      </c>
      <c r="HZ39" s="131">
        <v>99504</v>
      </c>
      <c r="IA39" s="132">
        <v>323604</v>
      </c>
      <c r="IB39" s="133">
        <v>423108</v>
      </c>
      <c r="IC39" s="146">
        <v>0</v>
      </c>
      <c r="ID39" s="132">
        <v>3616198</v>
      </c>
      <c r="IE39" s="147">
        <v>3522411</v>
      </c>
      <c r="IF39" s="133">
        <v>2698425</v>
      </c>
      <c r="IG39" s="132">
        <v>2280222</v>
      </c>
      <c r="IH39" s="133">
        <v>2329603</v>
      </c>
      <c r="II39" s="148">
        <v>14446859</v>
      </c>
      <c r="IJ39" s="139">
        <v>14869967</v>
      </c>
      <c r="IK39" s="232">
        <v>0</v>
      </c>
      <c r="IL39" s="236">
        <v>0</v>
      </c>
      <c r="IM39" s="237">
        <v>0</v>
      </c>
      <c r="IN39" s="140"/>
      <c r="IO39" s="119">
        <v>0</v>
      </c>
      <c r="IP39" s="119">
        <v>0</v>
      </c>
      <c r="IQ39" s="119">
        <v>0</v>
      </c>
      <c r="IR39" s="119">
        <v>0</v>
      </c>
      <c r="IS39" s="119">
        <v>0</v>
      </c>
      <c r="IT39" s="141">
        <v>0</v>
      </c>
      <c r="IU39" s="318">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804405</v>
      </c>
      <c r="JL39" s="119">
        <v>481510</v>
      </c>
      <c r="JM39" s="119">
        <v>290853</v>
      </c>
      <c r="JN39" s="119">
        <v>138114</v>
      </c>
      <c r="JO39" s="119">
        <v>49644</v>
      </c>
      <c r="JP39" s="120">
        <v>1764526</v>
      </c>
      <c r="JQ39" s="318">
        <v>1764526</v>
      </c>
      <c r="JR39" s="142">
        <v>0</v>
      </c>
      <c r="JS39" s="119">
        <v>0</v>
      </c>
      <c r="JT39" s="141">
        <v>0</v>
      </c>
      <c r="JU39" s="118">
        <v>0</v>
      </c>
      <c r="JV39" s="119">
        <v>0</v>
      </c>
      <c r="JW39" s="119">
        <v>0</v>
      </c>
      <c r="JX39" s="119">
        <v>0</v>
      </c>
      <c r="JY39" s="119">
        <v>0</v>
      </c>
      <c r="JZ39" s="119">
        <v>90363</v>
      </c>
      <c r="KA39" s="120">
        <v>90363</v>
      </c>
      <c r="KB39" s="318">
        <v>90363</v>
      </c>
      <c r="KC39" s="234">
        <v>99504</v>
      </c>
      <c r="KD39" s="230">
        <v>323604</v>
      </c>
      <c r="KE39" s="120">
        <v>423108</v>
      </c>
      <c r="KF39" s="118">
        <v>0</v>
      </c>
      <c r="KG39" s="119">
        <v>956488</v>
      </c>
      <c r="KH39" s="119">
        <v>723429</v>
      </c>
      <c r="KI39" s="119">
        <v>1668249</v>
      </c>
      <c r="KJ39" s="119">
        <v>0</v>
      </c>
      <c r="KK39" s="119">
        <v>0</v>
      </c>
      <c r="KL39" s="120">
        <v>3348166</v>
      </c>
      <c r="KM39" s="143">
        <v>3771274</v>
      </c>
      <c r="KN39" s="232">
        <v>0</v>
      </c>
      <c r="KO39" s="236">
        <v>0</v>
      </c>
      <c r="KP39" s="237">
        <v>0</v>
      </c>
      <c r="KQ39" s="140"/>
      <c r="KR39" s="119">
        <v>771795</v>
      </c>
      <c r="KS39" s="119">
        <v>537138</v>
      </c>
      <c r="KT39" s="119">
        <v>249570</v>
      </c>
      <c r="KU39" s="119">
        <v>562986</v>
      </c>
      <c r="KV39" s="119">
        <v>860922</v>
      </c>
      <c r="KW39" s="120">
        <v>2982411</v>
      </c>
      <c r="KX39" s="318">
        <v>2982411</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18">
        <v>0</v>
      </c>
      <c r="LU39" s="142">
        <v>0</v>
      </c>
      <c r="LV39" s="119">
        <v>0</v>
      </c>
      <c r="LW39" s="120">
        <v>0</v>
      </c>
      <c r="LX39" s="145"/>
      <c r="LY39" s="119">
        <v>1083510</v>
      </c>
      <c r="LZ39" s="119">
        <v>1780334</v>
      </c>
      <c r="MA39" s="119">
        <v>489753</v>
      </c>
      <c r="MB39" s="119">
        <v>1579122</v>
      </c>
      <c r="MC39" s="119">
        <v>1328674</v>
      </c>
      <c r="MD39" s="120">
        <v>6261393</v>
      </c>
      <c r="ME39" s="121">
        <v>6261393</v>
      </c>
      <c r="MF39" s="142">
        <v>0</v>
      </c>
      <c r="MG39" s="119">
        <v>0</v>
      </c>
      <c r="MH39" s="120">
        <v>0</v>
      </c>
      <c r="MI39" s="145"/>
      <c r="MJ39" s="119">
        <v>801241</v>
      </c>
      <c r="MK39" s="119">
        <v>3359285</v>
      </c>
      <c r="ML39" s="119">
        <v>5109630</v>
      </c>
      <c r="MM39" s="119">
        <v>10536747</v>
      </c>
      <c r="MN39" s="119">
        <v>5264765</v>
      </c>
      <c r="MO39" s="120">
        <v>25071668</v>
      </c>
      <c r="MP39" s="143">
        <v>25071668</v>
      </c>
      <c r="MQ39" s="142">
        <v>0</v>
      </c>
      <c r="MR39" s="119">
        <v>0</v>
      </c>
      <c r="MS39" s="120">
        <v>0</v>
      </c>
      <c r="MT39" s="145"/>
      <c r="MU39" s="119">
        <v>0</v>
      </c>
      <c r="MV39" s="119">
        <v>0</v>
      </c>
      <c r="MW39" s="119">
        <v>1856511</v>
      </c>
      <c r="MX39" s="119">
        <v>7038870</v>
      </c>
      <c r="MY39" s="119">
        <v>3313503</v>
      </c>
      <c r="MZ39" s="120">
        <v>12208884</v>
      </c>
      <c r="NA39" s="143">
        <v>12208884</v>
      </c>
      <c r="NB39" s="142">
        <v>0</v>
      </c>
      <c r="NC39" s="119">
        <v>0</v>
      </c>
      <c r="ND39" s="120">
        <v>0</v>
      </c>
      <c r="NE39" s="145"/>
      <c r="NF39" s="119">
        <v>801241</v>
      </c>
      <c r="NG39" s="119">
        <v>3359285</v>
      </c>
      <c r="NH39" s="119">
        <v>3253119</v>
      </c>
      <c r="NI39" s="119">
        <v>3076659</v>
      </c>
      <c r="NJ39" s="119">
        <v>1570229</v>
      </c>
      <c r="NK39" s="120">
        <v>12060533</v>
      </c>
      <c r="NL39" s="318">
        <v>12060533</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421218</v>
      </c>
      <c r="OF39" s="119">
        <v>381033</v>
      </c>
      <c r="OG39" s="120">
        <v>802251</v>
      </c>
      <c r="OH39" s="121">
        <v>802251</v>
      </c>
      <c r="OI39" s="142">
        <v>602961</v>
      </c>
      <c r="OJ39" s="119">
        <v>1070582</v>
      </c>
      <c r="OK39" s="141">
        <v>1673543</v>
      </c>
      <c r="OL39" s="118">
        <v>0</v>
      </c>
      <c r="OM39" s="119">
        <v>11456761</v>
      </c>
      <c r="ON39" s="119">
        <v>12841667</v>
      </c>
      <c r="OO39" s="119">
        <v>12089473</v>
      </c>
      <c r="OP39" s="119">
        <v>19439050</v>
      </c>
      <c r="OQ39" s="119">
        <v>10262265</v>
      </c>
      <c r="OR39" s="120">
        <v>66089216</v>
      </c>
      <c r="OS39" s="143">
        <v>67762759</v>
      </c>
    </row>
    <row r="40" spans="2:409" ht="21" customHeight="1" x14ac:dyDescent="0.2">
      <c r="B40" s="62" t="s">
        <v>35</v>
      </c>
      <c r="C40" s="110">
        <v>2127558</v>
      </c>
      <c r="D40" s="114">
        <v>4502471</v>
      </c>
      <c r="E40" s="113">
        <v>6630029</v>
      </c>
      <c r="F40" s="109">
        <v>0</v>
      </c>
      <c r="G40" s="114">
        <v>33426301</v>
      </c>
      <c r="H40" s="114">
        <v>25030815</v>
      </c>
      <c r="I40" s="114">
        <v>20362661</v>
      </c>
      <c r="J40" s="114">
        <v>25851000</v>
      </c>
      <c r="K40" s="114">
        <v>12352569</v>
      </c>
      <c r="L40" s="173">
        <v>117023346</v>
      </c>
      <c r="M40" s="116">
        <v>123653375</v>
      </c>
      <c r="N40" s="110">
        <v>410456</v>
      </c>
      <c r="O40" s="114">
        <v>834195</v>
      </c>
      <c r="P40" s="113">
        <v>1244651</v>
      </c>
      <c r="Q40" s="110">
        <v>0</v>
      </c>
      <c r="R40" s="114">
        <v>7703800</v>
      </c>
      <c r="S40" s="114">
        <v>6135094</v>
      </c>
      <c r="T40" s="114">
        <v>5959131</v>
      </c>
      <c r="U40" s="114">
        <v>8080515</v>
      </c>
      <c r="V40" s="114">
        <v>6165572</v>
      </c>
      <c r="W40" s="113">
        <v>34044112</v>
      </c>
      <c r="X40" s="116">
        <v>35288763</v>
      </c>
      <c r="Y40" s="110">
        <v>0</v>
      </c>
      <c r="Z40" s="114">
        <v>0</v>
      </c>
      <c r="AA40" s="113">
        <v>0</v>
      </c>
      <c r="AB40" s="110">
        <v>0</v>
      </c>
      <c r="AC40" s="114">
        <v>3650884</v>
      </c>
      <c r="AD40" s="114">
        <v>2820457</v>
      </c>
      <c r="AE40" s="114">
        <v>3490727</v>
      </c>
      <c r="AF40" s="114">
        <v>4293858</v>
      </c>
      <c r="AG40" s="114">
        <v>3661624</v>
      </c>
      <c r="AH40" s="113">
        <v>17917550</v>
      </c>
      <c r="AI40" s="116">
        <v>17917550</v>
      </c>
      <c r="AJ40" s="110">
        <v>0</v>
      </c>
      <c r="AK40" s="114">
        <v>0</v>
      </c>
      <c r="AL40" s="113">
        <v>0</v>
      </c>
      <c r="AM40" s="110">
        <v>0</v>
      </c>
      <c r="AN40" s="114">
        <v>65934</v>
      </c>
      <c r="AO40" s="114">
        <v>446508</v>
      </c>
      <c r="AP40" s="114">
        <v>125217</v>
      </c>
      <c r="AQ40" s="114">
        <v>688889</v>
      </c>
      <c r="AR40" s="114">
        <v>860764</v>
      </c>
      <c r="AS40" s="113">
        <v>2187312</v>
      </c>
      <c r="AT40" s="116">
        <v>2187312</v>
      </c>
      <c r="AU40" s="110">
        <v>163276</v>
      </c>
      <c r="AV40" s="114">
        <v>349540</v>
      </c>
      <c r="AW40" s="113">
        <v>512816</v>
      </c>
      <c r="AX40" s="110">
        <v>0</v>
      </c>
      <c r="AY40" s="114">
        <v>2030204</v>
      </c>
      <c r="AZ40" s="114">
        <v>1394519</v>
      </c>
      <c r="BA40" s="114">
        <v>1091594</v>
      </c>
      <c r="BB40" s="114">
        <v>1333721</v>
      </c>
      <c r="BC40" s="114">
        <v>973103</v>
      </c>
      <c r="BD40" s="113">
        <v>6823141</v>
      </c>
      <c r="BE40" s="116">
        <v>7335957</v>
      </c>
      <c r="BF40" s="110">
        <v>47360</v>
      </c>
      <c r="BG40" s="114">
        <v>146376</v>
      </c>
      <c r="BH40" s="112">
        <v>193736</v>
      </c>
      <c r="BI40" s="111">
        <v>0</v>
      </c>
      <c r="BJ40" s="114">
        <v>752954</v>
      </c>
      <c r="BK40" s="114">
        <v>406431</v>
      </c>
      <c r="BL40" s="114">
        <v>303858</v>
      </c>
      <c r="BM40" s="114">
        <v>497583</v>
      </c>
      <c r="BN40" s="114">
        <v>127827</v>
      </c>
      <c r="BO40" s="113">
        <v>2088653</v>
      </c>
      <c r="BP40" s="116">
        <v>2282389</v>
      </c>
      <c r="BQ40" s="110">
        <v>199820</v>
      </c>
      <c r="BR40" s="114">
        <v>338279</v>
      </c>
      <c r="BS40" s="113">
        <v>538099</v>
      </c>
      <c r="BT40" s="110">
        <v>0</v>
      </c>
      <c r="BU40" s="114">
        <v>1203824</v>
      </c>
      <c r="BV40" s="114">
        <v>1067179</v>
      </c>
      <c r="BW40" s="114">
        <v>947735</v>
      </c>
      <c r="BX40" s="114">
        <v>1266464</v>
      </c>
      <c r="BY40" s="114">
        <v>542254</v>
      </c>
      <c r="BZ40" s="113">
        <v>5027456</v>
      </c>
      <c r="CA40" s="116">
        <v>5565555</v>
      </c>
      <c r="CB40" s="110">
        <v>219438</v>
      </c>
      <c r="CC40" s="114">
        <v>951220</v>
      </c>
      <c r="CD40" s="113">
        <v>1170658</v>
      </c>
      <c r="CE40" s="110">
        <v>0</v>
      </c>
      <c r="CF40" s="114">
        <v>12254117</v>
      </c>
      <c r="CG40" s="114">
        <v>8829622</v>
      </c>
      <c r="CH40" s="114">
        <v>5660856</v>
      </c>
      <c r="CI40" s="114">
        <v>5055173</v>
      </c>
      <c r="CJ40" s="114">
        <v>2465100</v>
      </c>
      <c r="CK40" s="113">
        <v>34264868</v>
      </c>
      <c r="CL40" s="116">
        <v>35435526</v>
      </c>
      <c r="CM40" s="110">
        <v>0</v>
      </c>
      <c r="CN40" s="114">
        <v>0</v>
      </c>
      <c r="CO40" s="113">
        <v>0</v>
      </c>
      <c r="CP40" s="111">
        <v>0</v>
      </c>
      <c r="CQ40" s="114">
        <v>8310910</v>
      </c>
      <c r="CR40" s="114">
        <v>6962803</v>
      </c>
      <c r="CS40" s="114">
        <v>4834926</v>
      </c>
      <c r="CT40" s="114">
        <v>4163793</v>
      </c>
      <c r="CU40" s="114">
        <v>2453526</v>
      </c>
      <c r="CV40" s="113">
        <v>26725958</v>
      </c>
      <c r="CW40" s="116">
        <v>26725958</v>
      </c>
      <c r="CX40" s="110">
        <v>219438</v>
      </c>
      <c r="CY40" s="114">
        <v>951220</v>
      </c>
      <c r="CZ40" s="113">
        <v>1170658</v>
      </c>
      <c r="DA40" s="110">
        <v>0</v>
      </c>
      <c r="DB40" s="114">
        <v>3943207</v>
      </c>
      <c r="DC40" s="114">
        <v>1866819</v>
      </c>
      <c r="DD40" s="114">
        <v>825930</v>
      </c>
      <c r="DE40" s="114">
        <v>891380</v>
      </c>
      <c r="DF40" s="114">
        <v>11574</v>
      </c>
      <c r="DG40" s="113">
        <v>7538910</v>
      </c>
      <c r="DH40" s="116">
        <v>8709568</v>
      </c>
      <c r="DI40" s="110">
        <v>0</v>
      </c>
      <c r="DJ40" s="114">
        <v>41328</v>
      </c>
      <c r="DK40" s="112">
        <v>41328</v>
      </c>
      <c r="DL40" s="111">
        <v>0</v>
      </c>
      <c r="DM40" s="114">
        <v>852805</v>
      </c>
      <c r="DN40" s="114">
        <v>810537</v>
      </c>
      <c r="DO40" s="114">
        <v>620280</v>
      </c>
      <c r="DP40" s="114">
        <v>1959191</v>
      </c>
      <c r="DQ40" s="114">
        <v>296964</v>
      </c>
      <c r="DR40" s="113">
        <v>4539777</v>
      </c>
      <c r="DS40" s="116">
        <v>4581105</v>
      </c>
      <c r="DT40" s="110">
        <v>0</v>
      </c>
      <c r="DU40" s="114">
        <v>0</v>
      </c>
      <c r="DV40" s="113">
        <v>0</v>
      </c>
      <c r="DW40" s="110">
        <v>0</v>
      </c>
      <c r="DX40" s="114">
        <v>494100</v>
      </c>
      <c r="DY40" s="114">
        <v>588750</v>
      </c>
      <c r="DZ40" s="114">
        <v>571374</v>
      </c>
      <c r="EA40" s="114">
        <v>1806371</v>
      </c>
      <c r="EB40" s="114">
        <v>296964</v>
      </c>
      <c r="EC40" s="113">
        <v>3757559</v>
      </c>
      <c r="ED40" s="116">
        <v>3757559</v>
      </c>
      <c r="EE40" s="110">
        <v>0</v>
      </c>
      <c r="EF40" s="112">
        <v>41328</v>
      </c>
      <c r="EG40" s="113">
        <v>41328</v>
      </c>
      <c r="EH40" s="110">
        <v>0</v>
      </c>
      <c r="EI40" s="114">
        <v>358705</v>
      </c>
      <c r="EJ40" s="114">
        <v>221787</v>
      </c>
      <c r="EK40" s="114">
        <v>48906</v>
      </c>
      <c r="EL40" s="114">
        <v>152820</v>
      </c>
      <c r="EM40" s="114">
        <v>0</v>
      </c>
      <c r="EN40" s="112">
        <v>782218</v>
      </c>
      <c r="EO40" s="116">
        <v>823546</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5"/>
      <c r="FE40" s="114">
        <v>0</v>
      </c>
      <c r="FF40" s="114">
        <v>0</v>
      </c>
      <c r="FG40" s="114">
        <v>0</v>
      </c>
      <c r="FH40" s="114">
        <v>0</v>
      </c>
      <c r="FI40" s="114">
        <v>0</v>
      </c>
      <c r="FJ40" s="113">
        <v>0</v>
      </c>
      <c r="FK40" s="116">
        <v>0</v>
      </c>
      <c r="FL40" s="110">
        <v>283172</v>
      </c>
      <c r="FM40" s="114">
        <v>804475</v>
      </c>
      <c r="FN40" s="113">
        <v>1087647</v>
      </c>
      <c r="FO40" s="110">
        <v>0</v>
      </c>
      <c r="FP40" s="114">
        <v>1561245</v>
      </c>
      <c r="FQ40" s="114">
        <v>2055442</v>
      </c>
      <c r="FR40" s="114">
        <v>1595374</v>
      </c>
      <c r="FS40" s="114">
        <v>1426027</v>
      </c>
      <c r="FT40" s="114">
        <v>750621</v>
      </c>
      <c r="FU40" s="113">
        <v>7388709</v>
      </c>
      <c r="FV40" s="116">
        <v>8476356</v>
      </c>
      <c r="FW40" s="115">
        <v>228722</v>
      </c>
      <c r="FX40" s="114">
        <v>473351</v>
      </c>
      <c r="FY40" s="112">
        <v>702073</v>
      </c>
      <c r="FZ40" s="111">
        <v>0</v>
      </c>
      <c r="GA40" s="114">
        <v>1183857</v>
      </c>
      <c r="GB40" s="114">
        <v>2009902</v>
      </c>
      <c r="GC40" s="114">
        <v>1490599</v>
      </c>
      <c r="GD40" s="114">
        <v>1368426</v>
      </c>
      <c r="GE40" s="114">
        <v>750621</v>
      </c>
      <c r="GF40" s="113">
        <v>6803405</v>
      </c>
      <c r="GG40" s="316">
        <v>7505478</v>
      </c>
      <c r="GH40" s="115">
        <v>0</v>
      </c>
      <c r="GI40" s="114">
        <v>88574</v>
      </c>
      <c r="GJ40" s="112">
        <v>88574</v>
      </c>
      <c r="GK40" s="111">
        <v>0</v>
      </c>
      <c r="GL40" s="114">
        <v>100188</v>
      </c>
      <c r="GM40" s="114">
        <v>27720</v>
      </c>
      <c r="GN40" s="114">
        <v>33495</v>
      </c>
      <c r="GO40" s="114">
        <v>44731</v>
      </c>
      <c r="GP40" s="114">
        <v>0</v>
      </c>
      <c r="GQ40" s="113">
        <v>206134</v>
      </c>
      <c r="GR40" s="116">
        <v>294708</v>
      </c>
      <c r="GS40" s="110">
        <v>54450</v>
      </c>
      <c r="GT40" s="114">
        <v>242550</v>
      </c>
      <c r="GU40" s="113">
        <v>297000</v>
      </c>
      <c r="GV40" s="110">
        <v>0</v>
      </c>
      <c r="GW40" s="114">
        <v>277200</v>
      </c>
      <c r="GX40" s="114">
        <v>17820</v>
      </c>
      <c r="GY40" s="114">
        <v>71280</v>
      </c>
      <c r="GZ40" s="114">
        <v>12870</v>
      </c>
      <c r="HA40" s="114">
        <v>0</v>
      </c>
      <c r="HB40" s="112">
        <v>379170</v>
      </c>
      <c r="HC40" s="116">
        <v>676170</v>
      </c>
      <c r="HD40" s="110">
        <v>937582</v>
      </c>
      <c r="HE40" s="114">
        <v>1407384</v>
      </c>
      <c r="HF40" s="112">
        <v>2344966</v>
      </c>
      <c r="HG40" s="111">
        <v>0</v>
      </c>
      <c r="HH40" s="114">
        <v>6497550</v>
      </c>
      <c r="HI40" s="114">
        <v>4488035</v>
      </c>
      <c r="HJ40" s="114">
        <v>4795842</v>
      </c>
      <c r="HK40" s="114">
        <v>7874797</v>
      </c>
      <c r="HL40" s="114">
        <v>2073948</v>
      </c>
      <c r="HM40" s="113">
        <v>25730172</v>
      </c>
      <c r="HN40" s="109">
        <v>28075138</v>
      </c>
      <c r="HO40" s="115">
        <v>276910</v>
      </c>
      <c r="HP40" s="114">
        <v>463869</v>
      </c>
      <c r="HQ40" s="113">
        <v>740779</v>
      </c>
      <c r="HR40" s="110">
        <v>0</v>
      </c>
      <c r="HS40" s="114">
        <v>4556784</v>
      </c>
      <c r="HT40" s="114">
        <v>2712085</v>
      </c>
      <c r="HU40" s="114">
        <v>1731178</v>
      </c>
      <c r="HV40" s="114">
        <v>1455297</v>
      </c>
      <c r="HW40" s="114">
        <v>600364</v>
      </c>
      <c r="HX40" s="112">
        <v>11055708</v>
      </c>
      <c r="HY40" s="116">
        <v>11796487</v>
      </c>
      <c r="HZ40" s="150">
        <v>116397</v>
      </c>
      <c r="IA40" s="135">
        <v>162630</v>
      </c>
      <c r="IB40" s="150">
        <v>279027</v>
      </c>
      <c r="IC40" s="146">
        <v>0</v>
      </c>
      <c r="ID40" s="132">
        <v>6063117</v>
      </c>
      <c r="IE40" s="147">
        <v>7163813</v>
      </c>
      <c r="IF40" s="133">
        <v>7918612</v>
      </c>
      <c r="IG40" s="132">
        <v>5969217</v>
      </c>
      <c r="IH40" s="133">
        <v>3377790</v>
      </c>
      <c r="II40" s="148">
        <v>30492549</v>
      </c>
      <c r="IJ40" s="150">
        <v>30771576</v>
      </c>
      <c r="IK40" s="232">
        <v>0</v>
      </c>
      <c r="IL40" s="236">
        <v>0</v>
      </c>
      <c r="IM40" s="237">
        <v>0</v>
      </c>
      <c r="IN40" s="140"/>
      <c r="IO40" s="119">
        <v>0</v>
      </c>
      <c r="IP40" s="119">
        <v>0</v>
      </c>
      <c r="IQ40" s="119">
        <v>301486</v>
      </c>
      <c r="IR40" s="119">
        <v>230238</v>
      </c>
      <c r="IS40" s="119">
        <v>0</v>
      </c>
      <c r="IT40" s="141">
        <v>531724</v>
      </c>
      <c r="IU40" s="318">
        <v>531724</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512522</v>
      </c>
      <c r="JL40" s="119">
        <v>2602584</v>
      </c>
      <c r="JM40" s="119">
        <v>1946928</v>
      </c>
      <c r="JN40" s="119">
        <v>1573260</v>
      </c>
      <c r="JO40" s="119">
        <v>1234251</v>
      </c>
      <c r="JP40" s="120">
        <v>8869545</v>
      </c>
      <c r="JQ40" s="318">
        <v>8869545</v>
      </c>
      <c r="JR40" s="142">
        <v>0</v>
      </c>
      <c r="JS40" s="119">
        <v>0</v>
      </c>
      <c r="JT40" s="141">
        <v>0</v>
      </c>
      <c r="JU40" s="118">
        <v>0</v>
      </c>
      <c r="JV40" s="119">
        <v>0</v>
      </c>
      <c r="JW40" s="119">
        <v>0</v>
      </c>
      <c r="JX40" s="119">
        <v>0</v>
      </c>
      <c r="JY40" s="119">
        <v>0</v>
      </c>
      <c r="JZ40" s="119">
        <v>0</v>
      </c>
      <c r="KA40" s="120">
        <v>0</v>
      </c>
      <c r="KB40" s="318">
        <v>0</v>
      </c>
      <c r="KC40" s="234">
        <v>116397</v>
      </c>
      <c r="KD40" s="230">
        <v>162630</v>
      </c>
      <c r="KE40" s="120">
        <v>279027</v>
      </c>
      <c r="KF40" s="118">
        <v>0</v>
      </c>
      <c r="KG40" s="119">
        <v>1553442</v>
      </c>
      <c r="KH40" s="119">
        <v>985572</v>
      </c>
      <c r="KI40" s="119">
        <v>1811430</v>
      </c>
      <c r="KJ40" s="119">
        <v>472303</v>
      </c>
      <c r="KK40" s="119">
        <v>590526</v>
      </c>
      <c r="KL40" s="120">
        <v>5413273</v>
      </c>
      <c r="KM40" s="143">
        <v>5692300</v>
      </c>
      <c r="KN40" s="232">
        <v>0</v>
      </c>
      <c r="KO40" s="236">
        <v>0</v>
      </c>
      <c r="KP40" s="237">
        <v>0</v>
      </c>
      <c r="KQ40" s="140"/>
      <c r="KR40" s="119">
        <v>2997153</v>
      </c>
      <c r="KS40" s="119">
        <v>3575657</v>
      </c>
      <c r="KT40" s="119">
        <v>3858768</v>
      </c>
      <c r="KU40" s="119">
        <v>3693416</v>
      </c>
      <c r="KV40" s="119">
        <v>1553013</v>
      </c>
      <c r="KW40" s="120">
        <v>15678007</v>
      </c>
      <c r="KX40" s="318">
        <v>15678007</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18">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5576734</v>
      </c>
      <c r="MK40" s="119">
        <v>9368890</v>
      </c>
      <c r="ML40" s="119">
        <v>14215028</v>
      </c>
      <c r="MM40" s="119">
        <v>20298871</v>
      </c>
      <c r="MN40" s="119">
        <v>13995903</v>
      </c>
      <c r="MO40" s="120">
        <v>63455426</v>
      </c>
      <c r="MP40" s="143">
        <v>63455426</v>
      </c>
      <c r="MQ40" s="142">
        <v>0</v>
      </c>
      <c r="MR40" s="119">
        <v>0</v>
      </c>
      <c r="MS40" s="120">
        <v>0</v>
      </c>
      <c r="MT40" s="145"/>
      <c r="MU40" s="119">
        <v>201996</v>
      </c>
      <c r="MV40" s="119">
        <v>476667</v>
      </c>
      <c r="MW40" s="119">
        <v>6602411</v>
      </c>
      <c r="MX40" s="119">
        <v>11692894</v>
      </c>
      <c r="MY40" s="119">
        <v>7976501</v>
      </c>
      <c r="MZ40" s="120">
        <v>26950469</v>
      </c>
      <c r="NA40" s="143">
        <v>26950469</v>
      </c>
      <c r="NB40" s="142">
        <v>0</v>
      </c>
      <c r="NC40" s="119">
        <v>0</v>
      </c>
      <c r="ND40" s="120">
        <v>0</v>
      </c>
      <c r="NE40" s="145"/>
      <c r="NF40" s="119">
        <v>4912840</v>
      </c>
      <c r="NG40" s="119">
        <v>8121931</v>
      </c>
      <c r="NH40" s="119">
        <v>6344625</v>
      </c>
      <c r="NI40" s="119">
        <v>6175255</v>
      </c>
      <c r="NJ40" s="119">
        <v>2375332</v>
      </c>
      <c r="NK40" s="120">
        <v>27929983</v>
      </c>
      <c r="NL40" s="318">
        <v>27929983</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461898</v>
      </c>
      <c r="OC40" s="119">
        <v>770292</v>
      </c>
      <c r="OD40" s="119">
        <v>1267992</v>
      </c>
      <c r="OE40" s="119">
        <v>2430722</v>
      </c>
      <c r="OF40" s="119">
        <v>3644070</v>
      </c>
      <c r="OG40" s="120">
        <v>8574974</v>
      </c>
      <c r="OH40" s="121">
        <v>8574974</v>
      </c>
      <c r="OI40" s="142">
        <v>2243955</v>
      </c>
      <c r="OJ40" s="119">
        <v>4665101</v>
      </c>
      <c r="OK40" s="141">
        <v>6909056</v>
      </c>
      <c r="OL40" s="118">
        <v>0</v>
      </c>
      <c r="OM40" s="119">
        <v>45066152</v>
      </c>
      <c r="ON40" s="119">
        <v>41563518</v>
      </c>
      <c r="OO40" s="119">
        <v>42496301</v>
      </c>
      <c r="OP40" s="119">
        <v>52119088</v>
      </c>
      <c r="OQ40" s="119">
        <v>29726262</v>
      </c>
      <c r="OR40" s="120">
        <v>210971321</v>
      </c>
      <c r="OS40" s="143">
        <v>217880377</v>
      </c>
    </row>
    <row r="41" spans="2:409" ht="21" customHeight="1" x14ac:dyDescent="0.2">
      <c r="B41" s="62" t="s">
        <v>36</v>
      </c>
      <c r="C41" s="110">
        <v>1192628</v>
      </c>
      <c r="D41" s="114">
        <v>2825256</v>
      </c>
      <c r="E41" s="113">
        <v>4017884</v>
      </c>
      <c r="F41" s="109">
        <v>0</v>
      </c>
      <c r="G41" s="114">
        <v>22775037</v>
      </c>
      <c r="H41" s="114">
        <v>28519478</v>
      </c>
      <c r="I41" s="114">
        <v>22152885</v>
      </c>
      <c r="J41" s="114">
        <v>23500344</v>
      </c>
      <c r="K41" s="114">
        <v>16156853</v>
      </c>
      <c r="L41" s="173">
        <v>113104597</v>
      </c>
      <c r="M41" s="116">
        <v>117122481</v>
      </c>
      <c r="N41" s="110">
        <v>432966</v>
      </c>
      <c r="O41" s="114">
        <v>1156181</v>
      </c>
      <c r="P41" s="113">
        <v>1589147</v>
      </c>
      <c r="Q41" s="110">
        <v>0</v>
      </c>
      <c r="R41" s="114">
        <v>6250094</v>
      </c>
      <c r="S41" s="114">
        <v>8761572</v>
      </c>
      <c r="T41" s="114">
        <v>7597525</v>
      </c>
      <c r="U41" s="114">
        <v>10960951</v>
      </c>
      <c r="V41" s="114">
        <v>9495282</v>
      </c>
      <c r="W41" s="113">
        <v>43065424</v>
      </c>
      <c r="X41" s="116">
        <v>44654571</v>
      </c>
      <c r="Y41" s="110">
        <v>0</v>
      </c>
      <c r="Z41" s="114">
        <v>0</v>
      </c>
      <c r="AA41" s="113">
        <v>0</v>
      </c>
      <c r="AB41" s="110">
        <v>0</v>
      </c>
      <c r="AC41" s="114">
        <v>2337352</v>
      </c>
      <c r="AD41" s="114">
        <v>4222193</v>
      </c>
      <c r="AE41" s="114">
        <v>4443080</v>
      </c>
      <c r="AF41" s="114">
        <v>6889944</v>
      </c>
      <c r="AG41" s="114">
        <v>5745564</v>
      </c>
      <c r="AH41" s="113">
        <v>23638133</v>
      </c>
      <c r="AI41" s="116">
        <v>23638133</v>
      </c>
      <c r="AJ41" s="110">
        <v>0</v>
      </c>
      <c r="AK41" s="114">
        <v>0</v>
      </c>
      <c r="AL41" s="113">
        <v>0</v>
      </c>
      <c r="AM41" s="110">
        <v>0</v>
      </c>
      <c r="AN41" s="114">
        <v>379795</v>
      </c>
      <c r="AO41" s="114">
        <v>431616</v>
      </c>
      <c r="AP41" s="114">
        <v>289096</v>
      </c>
      <c r="AQ41" s="114">
        <v>592448</v>
      </c>
      <c r="AR41" s="114">
        <v>738037</v>
      </c>
      <c r="AS41" s="113">
        <v>2430992</v>
      </c>
      <c r="AT41" s="116">
        <v>2430992</v>
      </c>
      <c r="AU41" s="110">
        <v>285887</v>
      </c>
      <c r="AV41" s="114">
        <v>708401</v>
      </c>
      <c r="AW41" s="113">
        <v>994288</v>
      </c>
      <c r="AX41" s="110">
        <v>0</v>
      </c>
      <c r="AY41" s="114">
        <v>2620223</v>
      </c>
      <c r="AZ41" s="114">
        <v>2626946</v>
      </c>
      <c r="BA41" s="114">
        <v>1463991</v>
      </c>
      <c r="BB41" s="114">
        <v>2192948</v>
      </c>
      <c r="BC41" s="114">
        <v>1948986</v>
      </c>
      <c r="BD41" s="113">
        <v>10853094</v>
      </c>
      <c r="BE41" s="116">
        <v>11847382</v>
      </c>
      <c r="BF41" s="110">
        <v>105962</v>
      </c>
      <c r="BG41" s="114">
        <v>360723</v>
      </c>
      <c r="BH41" s="112">
        <v>466685</v>
      </c>
      <c r="BI41" s="111">
        <v>0</v>
      </c>
      <c r="BJ41" s="114">
        <v>544909</v>
      </c>
      <c r="BK41" s="114">
        <v>628460</v>
      </c>
      <c r="BL41" s="114">
        <v>334323</v>
      </c>
      <c r="BM41" s="114">
        <v>351314</v>
      </c>
      <c r="BN41" s="114">
        <v>361824</v>
      </c>
      <c r="BO41" s="113">
        <v>2220830</v>
      </c>
      <c r="BP41" s="116">
        <v>2687515</v>
      </c>
      <c r="BQ41" s="110">
        <v>41117</v>
      </c>
      <c r="BR41" s="114">
        <v>87057</v>
      </c>
      <c r="BS41" s="113">
        <v>128174</v>
      </c>
      <c r="BT41" s="110">
        <v>0</v>
      </c>
      <c r="BU41" s="114">
        <v>367815</v>
      </c>
      <c r="BV41" s="114">
        <v>852357</v>
      </c>
      <c r="BW41" s="114">
        <v>1067035</v>
      </c>
      <c r="BX41" s="114">
        <v>934297</v>
      </c>
      <c r="BY41" s="114">
        <v>700871</v>
      </c>
      <c r="BZ41" s="113">
        <v>3922375</v>
      </c>
      <c r="CA41" s="116">
        <v>4050549</v>
      </c>
      <c r="CB41" s="110">
        <v>92145</v>
      </c>
      <c r="CC41" s="114">
        <v>289255</v>
      </c>
      <c r="CD41" s="113">
        <v>381400</v>
      </c>
      <c r="CE41" s="110">
        <v>0</v>
      </c>
      <c r="CF41" s="114">
        <v>7632230</v>
      </c>
      <c r="CG41" s="114">
        <v>9806795</v>
      </c>
      <c r="CH41" s="114">
        <v>5159014</v>
      </c>
      <c r="CI41" s="114">
        <v>3628948</v>
      </c>
      <c r="CJ41" s="114">
        <v>2400138</v>
      </c>
      <c r="CK41" s="113">
        <v>28627125</v>
      </c>
      <c r="CL41" s="116">
        <v>29008525</v>
      </c>
      <c r="CM41" s="110">
        <v>0</v>
      </c>
      <c r="CN41" s="114">
        <v>0</v>
      </c>
      <c r="CO41" s="113">
        <v>0</v>
      </c>
      <c r="CP41" s="111">
        <v>0</v>
      </c>
      <c r="CQ41" s="114">
        <v>6014036</v>
      </c>
      <c r="CR41" s="114">
        <v>8148887</v>
      </c>
      <c r="CS41" s="114">
        <v>3811524</v>
      </c>
      <c r="CT41" s="114">
        <v>3220416</v>
      </c>
      <c r="CU41" s="114">
        <v>2193598</v>
      </c>
      <c r="CV41" s="113">
        <v>23388461</v>
      </c>
      <c r="CW41" s="116">
        <v>23388461</v>
      </c>
      <c r="CX41" s="110">
        <v>92145</v>
      </c>
      <c r="CY41" s="114">
        <v>289255</v>
      </c>
      <c r="CZ41" s="113">
        <v>381400</v>
      </c>
      <c r="DA41" s="110">
        <v>0</v>
      </c>
      <c r="DB41" s="114">
        <v>1618194</v>
      </c>
      <c r="DC41" s="114">
        <v>1657908</v>
      </c>
      <c r="DD41" s="114">
        <v>1347490</v>
      </c>
      <c r="DE41" s="114">
        <v>408532</v>
      </c>
      <c r="DF41" s="114">
        <v>206540</v>
      </c>
      <c r="DG41" s="113">
        <v>5238664</v>
      </c>
      <c r="DH41" s="116">
        <v>5620064</v>
      </c>
      <c r="DI41" s="110">
        <v>0</v>
      </c>
      <c r="DJ41" s="114">
        <v>0</v>
      </c>
      <c r="DK41" s="112">
        <v>0</v>
      </c>
      <c r="DL41" s="111">
        <v>0</v>
      </c>
      <c r="DM41" s="114">
        <v>1477236</v>
      </c>
      <c r="DN41" s="114">
        <v>1352428</v>
      </c>
      <c r="DO41" s="114">
        <v>2845613</v>
      </c>
      <c r="DP41" s="114">
        <v>2529051</v>
      </c>
      <c r="DQ41" s="114">
        <v>1131525</v>
      </c>
      <c r="DR41" s="113">
        <v>9335853</v>
      </c>
      <c r="DS41" s="116">
        <v>9335853</v>
      </c>
      <c r="DT41" s="110">
        <v>0</v>
      </c>
      <c r="DU41" s="114">
        <v>0</v>
      </c>
      <c r="DV41" s="113">
        <v>0</v>
      </c>
      <c r="DW41" s="110">
        <v>0</v>
      </c>
      <c r="DX41" s="114">
        <v>1477236</v>
      </c>
      <c r="DY41" s="114">
        <v>1352428</v>
      </c>
      <c r="DZ41" s="114">
        <v>2807533</v>
      </c>
      <c r="EA41" s="114">
        <v>2421974</v>
      </c>
      <c r="EB41" s="114">
        <v>1086429</v>
      </c>
      <c r="EC41" s="113">
        <v>9145600</v>
      </c>
      <c r="ED41" s="116">
        <v>9145600</v>
      </c>
      <c r="EE41" s="110">
        <v>0</v>
      </c>
      <c r="EF41" s="112">
        <v>0</v>
      </c>
      <c r="EG41" s="113">
        <v>0</v>
      </c>
      <c r="EH41" s="110">
        <v>0</v>
      </c>
      <c r="EI41" s="114">
        <v>0</v>
      </c>
      <c r="EJ41" s="114">
        <v>0</v>
      </c>
      <c r="EK41" s="114">
        <v>38080</v>
      </c>
      <c r="EL41" s="114">
        <v>107077</v>
      </c>
      <c r="EM41" s="114">
        <v>45096</v>
      </c>
      <c r="EN41" s="112">
        <v>190253</v>
      </c>
      <c r="EO41" s="116">
        <v>190253</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5"/>
      <c r="FE41" s="114">
        <v>0</v>
      </c>
      <c r="FF41" s="114">
        <v>0</v>
      </c>
      <c r="FG41" s="114">
        <v>0</v>
      </c>
      <c r="FH41" s="114">
        <v>0</v>
      </c>
      <c r="FI41" s="114">
        <v>0</v>
      </c>
      <c r="FJ41" s="113">
        <v>0</v>
      </c>
      <c r="FK41" s="116">
        <v>0</v>
      </c>
      <c r="FL41" s="110">
        <v>329562</v>
      </c>
      <c r="FM41" s="114">
        <v>722761</v>
      </c>
      <c r="FN41" s="113">
        <v>1052323</v>
      </c>
      <c r="FO41" s="110">
        <v>0</v>
      </c>
      <c r="FP41" s="114">
        <v>2125907</v>
      </c>
      <c r="FQ41" s="114">
        <v>2758451</v>
      </c>
      <c r="FR41" s="114">
        <v>1416785</v>
      </c>
      <c r="FS41" s="114">
        <v>1760181</v>
      </c>
      <c r="FT41" s="114">
        <v>1199373</v>
      </c>
      <c r="FU41" s="113">
        <v>9260697</v>
      </c>
      <c r="FV41" s="116">
        <v>10313020</v>
      </c>
      <c r="FW41" s="115">
        <v>217692</v>
      </c>
      <c r="FX41" s="114">
        <v>613092</v>
      </c>
      <c r="FY41" s="112">
        <v>830784</v>
      </c>
      <c r="FZ41" s="111">
        <v>0</v>
      </c>
      <c r="GA41" s="114">
        <v>1619927</v>
      </c>
      <c r="GB41" s="114">
        <v>2509421</v>
      </c>
      <c r="GC41" s="114">
        <v>1389016</v>
      </c>
      <c r="GD41" s="114">
        <v>1701771</v>
      </c>
      <c r="GE41" s="114">
        <v>1144563</v>
      </c>
      <c r="GF41" s="113">
        <v>8364698</v>
      </c>
      <c r="GG41" s="316">
        <v>9195482</v>
      </c>
      <c r="GH41" s="115">
        <v>0</v>
      </c>
      <c r="GI41" s="114">
        <v>27769</v>
      </c>
      <c r="GJ41" s="112">
        <v>27769</v>
      </c>
      <c r="GK41" s="111">
        <v>0</v>
      </c>
      <c r="GL41" s="114">
        <v>195480</v>
      </c>
      <c r="GM41" s="114">
        <v>26730</v>
      </c>
      <c r="GN41" s="114">
        <v>27769</v>
      </c>
      <c r="GO41" s="114">
        <v>0</v>
      </c>
      <c r="GP41" s="114">
        <v>26910</v>
      </c>
      <c r="GQ41" s="113">
        <v>276889</v>
      </c>
      <c r="GR41" s="116">
        <v>304658</v>
      </c>
      <c r="GS41" s="110">
        <v>111870</v>
      </c>
      <c r="GT41" s="114">
        <v>81900</v>
      </c>
      <c r="GU41" s="113">
        <v>193770</v>
      </c>
      <c r="GV41" s="110">
        <v>0</v>
      </c>
      <c r="GW41" s="114">
        <v>310500</v>
      </c>
      <c r="GX41" s="114">
        <v>222300</v>
      </c>
      <c r="GY41" s="114">
        <v>0</v>
      </c>
      <c r="GZ41" s="114">
        <v>58410</v>
      </c>
      <c r="HA41" s="114">
        <v>27900</v>
      </c>
      <c r="HB41" s="112">
        <v>619110</v>
      </c>
      <c r="HC41" s="116">
        <v>812880</v>
      </c>
      <c r="HD41" s="110">
        <v>127024</v>
      </c>
      <c r="HE41" s="114">
        <v>102119</v>
      </c>
      <c r="HF41" s="112">
        <v>229143</v>
      </c>
      <c r="HG41" s="111">
        <v>0</v>
      </c>
      <c r="HH41" s="114">
        <v>1582392</v>
      </c>
      <c r="HI41" s="114">
        <v>2535223</v>
      </c>
      <c r="HJ41" s="114">
        <v>3151393</v>
      </c>
      <c r="HK41" s="114">
        <v>2816779</v>
      </c>
      <c r="HL41" s="114">
        <v>762197</v>
      </c>
      <c r="HM41" s="113">
        <v>10847984</v>
      </c>
      <c r="HN41" s="109">
        <v>11077127</v>
      </c>
      <c r="HO41" s="115">
        <v>210931</v>
      </c>
      <c r="HP41" s="114">
        <v>554940</v>
      </c>
      <c r="HQ41" s="113">
        <v>765871</v>
      </c>
      <c r="HR41" s="110">
        <v>0</v>
      </c>
      <c r="HS41" s="114">
        <v>3707178</v>
      </c>
      <c r="HT41" s="114">
        <v>3305009</v>
      </c>
      <c r="HU41" s="114">
        <v>1982555</v>
      </c>
      <c r="HV41" s="114">
        <v>1804434</v>
      </c>
      <c r="HW41" s="114">
        <v>1168338</v>
      </c>
      <c r="HX41" s="112">
        <v>11967514</v>
      </c>
      <c r="HY41" s="116">
        <v>12733385</v>
      </c>
      <c r="HZ41" s="131">
        <v>142965</v>
      </c>
      <c r="IA41" s="132">
        <v>85349</v>
      </c>
      <c r="IB41" s="133">
        <v>228314</v>
      </c>
      <c r="IC41" s="146">
        <v>0</v>
      </c>
      <c r="ID41" s="132">
        <v>5729492</v>
      </c>
      <c r="IE41" s="147">
        <v>7842713</v>
      </c>
      <c r="IF41" s="133">
        <v>8044368</v>
      </c>
      <c r="IG41" s="132">
        <v>6459496</v>
      </c>
      <c r="IH41" s="133">
        <v>4881333</v>
      </c>
      <c r="II41" s="148">
        <v>32957402</v>
      </c>
      <c r="IJ41" s="139">
        <v>33185716</v>
      </c>
      <c r="IK41" s="232">
        <v>0</v>
      </c>
      <c r="IL41" s="236">
        <v>0</v>
      </c>
      <c r="IM41" s="237">
        <v>0</v>
      </c>
      <c r="IN41" s="140"/>
      <c r="IO41" s="119">
        <v>0</v>
      </c>
      <c r="IP41" s="119">
        <v>0</v>
      </c>
      <c r="IQ41" s="119">
        <v>0</v>
      </c>
      <c r="IR41" s="119">
        <v>0</v>
      </c>
      <c r="IS41" s="119">
        <v>0</v>
      </c>
      <c r="IT41" s="141">
        <v>0</v>
      </c>
      <c r="IU41" s="318">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564051</v>
      </c>
      <c r="JL41" s="119">
        <v>3344160</v>
      </c>
      <c r="JM41" s="119">
        <v>4007673</v>
      </c>
      <c r="JN41" s="119">
        <v>2830125</v>
      </c>
      <c r="JO41" s="119">
        <v>2580426</v>
      </c>
      <c r="JP41" s="120">
        <v>15326435</v>
      </c>
      <c r="JQ41" s="318">
        <v>15326435</v>
      </c>
      <c r="JR41" s="142">
        <v>0</v>
      </c>
      <c r="JS41" s="119">
        <v>0</v>
      </c>
      <c r="JT41" s="141">
        <v>0</v>
      </c>
      <c r="JU41" s="118">
        <v>0</v>
      </c>
      <c r="JV41" s="119">
        <v>0</v>
      </c>
      <c r="JW41" s="119">
        <v>0</v>
      </c>
      <c r="JX41" s="119">
        <v>0</v>
      </c>
      <c r="JY41" s="119">
        <v>0</v>
      </c>
      <c r="JZ41" s="119">
        <v>0</v>
      </c>
      <c r="KA41" s="120">
        <v>0</v>
      </c>
      <c r="KB41" s="318">
        <v>0</v>
      </c>
      <c r="KC41" s="234">
        <v>142965</v>
      </c>
      <c r="KD41" s="230">
        <v>85349</v>
      </c>
      <c r="KE41" s="120">
        <v>228314</v>
      </c>
      <c r="KF41" s="118">
        <v>0</v>
      </c>
      <c r="KG41" s="119">
        <v>1613968</v>
      </c>
      <c r="KH41" s="119">
        <v>1294598</v>
      </c>
      <c r="KI41" s="119">
        <v>1785796</v>
      </c>
      <c r="KJ41" s="119">
        <v>1165669</v>
      </c>
      <c r="KK41" s="119">
        <v>579915</v>
      </c>
      <c r="KL41" s="120">
        <v>6439946</v>
      </c>
      <c r="KM41" s="143">
        <v>6668260</v>
      </c>
      <c r="KN41" s="232">
        <v>0</v>
      </c>
      <c r="KO41" s="236">
        <v>0</v>
      </c>
      <c r="KP41" s="237">
        <v>0</v>
      </c>
      <c r="KQ41" s="140"/>
      <c r="KR41" s="119">
        <v>1551473</v>
      </c>
      <c r="KS41" s="119">
        <v>3203955</v>
      </c>
      <c r="KT41" s="119">
        <v>2250899</v>
      </c>
      <c r="KU41" s="119">
        <v>2463702</v>
      </c>
      <c r="KV41" s="119">
        <v>1720992</v>
      </c>
      <c r="KW41" s="120">
        <v>11191021</v>
      </c>
      <c r="KX41" s="318">
        <v>11191021</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18">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4383853</v>
      </c>
      <c r="MK41" s="119">
        <v>7048911</v>
      </c>
      <c r="ML41" s="119">
        <v>28722041</v>
      </c>
      <c r="MM41" s="119">
        <v>36411065</v>
      </c>
      <c r="MN41" s="119">
        <v>29939268</v>
      </c>
      <c r="MO41" s="120">
        <v>106505138</v>
      </c>
      <c r="MP41" s="143">
        <v>106505138</v>
      </c>
      <c r="MQ41" s="142">
        <v>0</v>
      </c>
      <c r="MR41" s="119">
        <v>0</v>
      </c>
      <c r="MS41" s="120">
        <v>0</v>
      </c>
      <c r="MT41" s="145"/>
      <c r="MU41" s="119">
        <v>0</v>
      </c>
      <c r="MV41" s="119">
        <v>724259</v>
      </c>
      <c r="MW41" s="119">
        <v>15123263</v>
      </c>
      <c r="MX41" s="119">
        <v>22135468</v>
      </c>
      <c r="MY41" s="119">
        <v>22046184</v>
      </c>
      <c r="MZ41" s="120">
        <v>60029174</v>
      </c>
      <c r="NA41" s="143">
        <v>60029174</v>
      </c>
      <c r="NB41" s="142">
        <v>0</v>
      </c>
      <c r="NC41" s="119">
        <v>0</v>
      </c>
      <c r="ND41" s="120">
        <v>0</v>
      </c>
      <c r="NE41" s="145"/>
      <c r="NF41" s="119">
        <v>4383853</v>
      </c>
      <c r="NG41" s="119">
        <v>6324652</v>
      </c>
      <c r="NH41" s="119">
        <v>13598778</v>
      </c>
      <c r="NI41" s="119">
        <v>11809065</v>
      </c>
      <c r="NJ41" s="119">
        <v>7541755</v>
      </c>
      <c r="NK41" s="120">
        <v>43658103</v>
      </c>
      <c r="NL41" s="318">
        <v>43658103</v>
      </c>
      <c r="NM41" s="142">
        <v>0</v>
      </c>
      <c r="NN41" s="119">
        <v>0</v>
      </c>
      <c r="NO41" s="120">
        <v>0</v>
      </c>
      <c r="NP41" s="145"/>
      <c r="NQ41" s="119">
        <v>0</v>
      </c>
      <c r="NR41" s="119">
        <v>0</v>
      </c>
      <c r="NS41" s="119">
        <v>0</v>
      </c>
      <c r="NT41" s="119">
        <v>652464</v>
      </c>
      <c r="NU41" s="119">
        <v>351329</v>
      </c>
      <c r="NV41" s="120">
        <v>1003793</v>
      </c>
      <c r="NW41" s="121">
        <v>1003793</v>
      </c>
      <c r="NX41" s="142">
        <v>0</v>
      </c>
      <c r="NY41" s="119">
        <v>0</v>
      </c>
      <c r="NZ41" s="120">
        <v>0</v>
      </c>
      <c r="OA41" s="145"/>
      <c r="OB41" s="119">
        <v>0</v>
      </c>
      <c r="OC41" s="119">
        <v>0</v>
      </c>
      <c r="OD41" s="119">
        <v>0</v>
      </c>
      <c r="OE41" s="119">
        <v>1814068</v>
      </c>
      <c r="OF41" s="119">
        <v>0</v>
      </c>
      <c r="OG41" s="120">
        <v>1814068</v>
      </c>
      <c r="OH41" s="121">
        <v>1814068</v>
      </c>
      <c r="OI41" s="142">
        <v>1335593</v>
      </c>
      <c r="OJ41" s="119">
        <v>2910605</v>
      </c>
      <c r="OK41" s="141">
        <v>4246198</v>
      </c>
      <c r="OL41" s="118">
        <v>0</v>
      </c>
      <c r="OM41" s="119">
        <v>32888382</v>
      </c>
      <c r="ON41" s="119">
        <v>43411102</v>
      </c>
      <c r="OO41" s="119">
        <v>58919294</v>
      </c>
      <c r="OP41" s="119">
        <v>66370905</v>
      </c>
      <c r="OQ41" s="119">
        <v>50977454</v>
      </c>
      <c r="OR41" s="120">
        <v>252567137</v>
      </c>
      <c r="OS41" s="143">
        <v>256813335</v>
      </c>
    </row>
    <row r="42" spans="2:409" ht="21" customHeight="1" thickBot="1" x14ac:dyDescent="0.25">
      <c r="B42" s="63" t="s">
        <v>37</v>
      </c>
      <c r="C42" s="117">
        <v>237102</v>
      </c>
      <c r="D42" s="178">
        <v>173666</v>
      </c>
      <c r="E42" s="179">
        <v>410768</v>
      </c>
      <c r="F42" s="180">
        <v>0</v>
      </c>
      <c r="G42" s="178">
        <v>1250089</v>
      </c>
      <c r="H42" s="178">
        <v>1299328</v>
      </c>
      <c r="I42" s="178">
        <v>3165252</v>
      </c>
      <c r="J42" s="178">
        <v>1905322</v>
      </c>
      <c r="K42" s="178">
        <v>666705</v>
      </c>
      <c r="L42" s="180">
        <v>8286696</v>
      </c>
      <c r="M42" s="181">
        <v>8697464</v>
      </c>
      <c r="N42" s="117">
        <v>40884</v>
      </c>
      <c r="O42" s="178">
        <v>45046</v>
      </c>
      <c r="P42" s="179">
        <v>85930</v>
      </c>
      <c r="Q42" s="117">
        <v>0</v>
      </c>
      <c r="R42" s="178">
        <v>124190</v>
      </c>
      <c r="S42" s="178">
        <v>419082</v>
      </c>
      <c r="T42" s="178">
        <v>429583</v>
      </c>
      <c r="U42" s="178">
        <v>437325</v>
      </c>
      <c r="V42" s="178">
        <v>381554</v>
      </c>
      <c r="W42" s="179">
        <v>1791734</v>
      </c>
      <c r="X42" s="181">
        <v>1877664</v>
      </c>
      <c r="Y42" s="117">
        <v>0</v>
      </c>
      <c r="Z42" s="178">
        <v>0</v>
      </c>
      <c r="AA42" s="179">
        <v>0</v>
      </c>
      <c r="AB42" s="117">
        <v>0</v>
      </c>
      <c r="AC42" s="178">
        <v>44323</v>
      </c>
      <c r="AD42" s="178">
        <v>226499</v>
      </c>
      <c r="AE42" s="178">
        <v>224437</v>
      </c>
      <c r="AF42" s="178">
        <v>124797</v>
      </c>
      <c r="AG42" s="178">
        <v>360444</v>
      </c>
      <c r="AH42" s="179">
        <v>980500</v>
      </c>
      <c r="AI42" s="181">
        <v>980500</v>
      </c>
      <c r="AJ42" s="117">
        <v>0</v>
      </c>
      <c r="AK42" s="178">
        <v>0</v>
      </c>
      <c r="AL42" s="179">
        <v>0</v>
      </c>
      <c r="AM42" s="117">
        <v>0</v>
      </c>
      <c r="AN42" s="178">
        <v>0</v>
      </c>
      <c r="AO42" s="178">
        <v>0</v>
      </c>
      <c r="AP42" s="178">
        <v>0</v>
      </c>
      <c r="AQ42" s="178">
        <v>0</v>
      </c>
      <c r="AR42" s="178">
        <v>0</v>
      </c>
      <c r="AS42" s="179">
        <v>0</v>
      </c>
      <c r="AT42" s="181">
        <v>0</v>
      </c>
      <c r="AU42" s="117">
        <v>31092</v>
      </c>
      <c r="AV42" s="178">
        <v>45046</v>
      </c>
      <c r="AW42" s="179">
        <v>76138</v>
      </c>
      <c r="AX42" s="117">
        <v>0</v>
      </c>
      <c r="AY42" s="178">
        <v>57592</v>
      </c>
      <c r="AZ42" s="178">
        <v>154396</v>
      </c>
      <c r="BA42" s="178">
        <v>102357</v>
      </c>
      <c r="BB42" s="178">
        <v>185221</v>
      </c>
      <c r="BC42" s="178">
        <v>0</v>
      </c>
      <c r="BD42" s="179">
        <v>499566</v>
      </c>
      <c r="BE42" s="181">
        <v>575704</v>
      </c>
      <c r="BF42" s="117">
        <v>0</v>
      </c>
      <c r="BG42" s="178">
        <v>0</v>
      </c>
      <c r="BH42" s="183">
        <v>0</v>
      </c>
      <c r="BI42" s="182">
        <v>0</v>
      </c>
      <c r="BJ42" s="178">
        <v>0</v>
      </c>
      <c r="BK42" s="178">
        <v>28170</v>
      </c>
      <c r="BL42" s="178">
        <v>0</v>
      </c>
      <c r="BM42" s="178">
        <v>67492</v>
      </c>
      <c r="BN42" s="178">
        <v>0</v>
      </c>
      <c r="BO42" s="179">
        <v>95662</v>
      </c>
      <c r="BP42" s="181">
        <v>95662</v>
      </c>
      <c r="BQ42" s="117">
        <v>9792</v>
      </c>
      <c r="BR42" s="178">
        <v>0</v>
      </c>
      <c r="BS42" s="179">
        <v>9792</v>
      </c>
      <c r="BT42" s="117">
        <v>0</v>
      </c>
      <c r="BU42" s="178">
        <v>22275</v>
      </c>
      <c r="BV42" s="178">
        <v>10017</v>
      </c>
      <c r="BW42" s="178">
        <v>102789</v>
      </c>
      <c r="BX42" s="178">
        <v>59815</v>
      </c>
      <c r="BY42" s="178">
        <v>21110</v>
      </c>
      <c r="BZ42" s="179">
        <v>216006</v>
      </c>
      <c r="CA42" s="181">
        <v>225798</v>
      </c>
      <c r="CB42" s="117">
        <v>46854</v>
      </c>
      <c r="CC42" s="178">
        <v>70747</v>
      </c>
      <c r="CD42" s="179">
        <v>117601</v>
      </c>
      <c r="CE42" s="117">
        <v>0</v>
      </c>
      <c r="CF42" s="178">
        <v>612025</v>
      </c>
      <c r="CG42" s="178">
        <v>315357</v>
      </c>
      <c r="CH42" s="178">
        <v>1362008</v>
      </c>
      <c r="CI42" s="178">
        <v>580356</v>
      </c>
      <c r="CJ42" s="178">
        <v>109523</v>
      </c>
      <c r="CK42" s="179">
        <v>2979269</v>
      </c>
      <c r="CL42" s="181">
        <v>3096870</v>
      </c>
      <c r="CM42" s="117">
        <v>0</v>
      </c>
      <c r="CN42" s="178">
        <v>0</v>
      </c>
      <c r="CO42" s="179">
        <v>0</v>
      </c>
      <c r="CP42" s="182">
        <v>0</v>
      </c>
      <c r="CQ42" s="178">
        <v>315652</v>
      </c>
      <c r="CR42" s="178">
        <v>224196</v>
      </c>
      <c r="CS42" s="178">
        <v>1095844</v>
      </c>
      <c r="CT42" s="178">
        <v>162991</v>
      </c>
      <c r="CU42" s="178">
        <v>109523</v>
      </c>
      <c r="CV42" s="179">
        <v>1908206</v>
      </c>
      <c r="CW42" s="181">
        <v>1908206</v>
      </c>
      <c r="CX42" s="117">
        <v>46854</v>
      </c>
      <c r="CY42" s="178">
        <v>70747</v>
      </c>
      <c r="CZ42" s="179">
        <v>117601</v>
      </c>
      <c r="DA42" s="117">
        <v>0</v>
      </c>
      <c r="DB42" s="178">
        <v>296373</v>
      </c>
      <c r="DC42" s="178">
        <v>91161</v>
      </c>
      <c r="DD42" s="178">
        <v>266164</v>
      </c>
      <c r="DE42" s="178">
        <v>417365</v>
      </c>
      <c r="DF42" s="178">
        <v>0</v>
      </c>
      <c r="DG42" s="179">
        <v>1071063</v>
      </c>
      <c r="DH42" s="181">
        <v>1188664</v>
      </c>
      <c r="DI42" s="117">
        <v>0</v>
      </c>
      <c r="DJ42" s="178">
        <v>0</v>
      </c>
      <c r="DK42" s="183">
        <v>0</v>
      </c>
      <c r="DL42" s="182">
        <v>0</v>
      </c>
      <c r="DM42" s="178">
        <v>49241</v>
      </c>
      <c r="DN42" s="178">
        <v>45119</v>
      </c>
      <c r="DO42" s="178">
        <v>523036</v>
      </c>
      <c r="DP42" s="178">
        <v>103432</v>
      </c>
      <c r="DQ42" s="178">
        <v>42268</v>
      </c>
      <c r="DR42" s="179">
        <v>763096</v>
      </c>
      <c r="DS42" s="181">
        <v>763096</v>
      </c>
      <c r="DT42" s="117">
        <v>0</v>
      </c>
      <c r="DU42" s="178">
        <v>0</v>
      </c>
      <c r="DV42" s="179">
        <v>0</v>
      </c>
      <c r="DW42" s="117">
        <v>0</v>
      </c>
      <c r="DX42" s="178">
        <v>0</v>
      </c>
      <c r="DY42" s="178">
        <v>45119</v>
      </c>
      <c r="DZ42" s="178">
        <v>433489</v>
      </c>
      <c r="EA42" s="178">
        <v>103432</v>
      </c>
      <c r="EB42" s="178">
        <v>0</v>
      </c>
      <c r="EC42" s="179">
        <v>582040</v>
      </c>
      <c r="ED42" s="181">
        <v>582040</v>
      </c>
      <c r="EE42" s="117">
        <v>0</v>
      </c>
      <c r="EF42" s="183">
        <v>0</v>
      </c>
      <c r="EG42" s="179">
        <v>0</v>
      </c>
      <c r="EH42" s="117">
        <v>0</v>
      </c>
      <c r="EI42" s="178">
        <v>49241</v>
      </c>
      <c r="EJ42" s="178">
        <v>0</v>
      </c>
      <c r="EK42" s="178">
        <v>89547</v>
      </c>
      <c r="EL42" s="178">
        <v>0</v>
      </c>
      <c r="EM42" s="178">
        <v>42268</v>
      </c>
      <c r="EN42" s="183">
        <v>181056</v>
      </c>
      <c r="EO42" s="181">
        <v>181056</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6"/>
      <c r="FE42" s="178">
        <v>0</v>
      </c>
      <c r="FF42" s="178">
        <v>0</v>
      </c>
      <c r="FG42" s="178">
        <v>0</v>
      </c>
      <c r="FH42" s="178">
        <v>0</v>
      </c>
      <c r="FI42" s="178">
        <v>0</v>
      </c>
      <c r="FJ42" s="179">
        <v>0</v>
      </c>
      <c r="FK42" s="181">
        <v>0</v>
      </c>
      <c r="FL42" s="117">
        <v>85482</v>
      </c>
      <c r="FM42" s="178">
        <v>25932</v>
      </c>
      <c r="FN42" s="179">
        <v>111414</v>
      </c>
      <c r="FO42" s="117">
        <v>0</v>
      </c>
      <c r="FP42" s="178">
        <v>148446</v>
      </c>
      <c r="FQ42" s="178">
        <v>261558</v>
      </c>
      <c r="FR42" s="178">
        <v>375516</v>
      </c>
      <c r="FS42" s="178">
        <v>184428</v>
      </c>
      <c r="FT42" s="178">
        <v>70500</v>
      </c>
      <c r="FU42" s="179">
        <v>1040448</v>
      </c>
      <c r="FV42" s="181">
        <v>1151862</v>
      </c>
      <c r="FW42" s="184">
        <v>85482</v>
      </c>
      <c r="FX42" s="178">
        <v>25932</v>
      </c>
      <c r="FY42" s="183">
        <v>111414</v>
      </c>
      <c r="FZ42" s="182">
        <v>0</v>
      </c>
      <c r="GA42" s="178">
        <v>148446</v>
      </c>
      <c r="GB42" s="178">
        <v>261558</v>
      </c>
      <c r="GC42" s="178">
        <v>375516</v>
      </c>
      <c r="GD42" s="178">
        <v>184428</v>
      </c>
      <c r="GE42" s="178">
        <v>70500</v>
      </c>
      <c r="GF42" s="179">
        <v>1040448</v>
      </c>
      <c r="GG42" s="317">
        <v>1151862</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408113</v>
      </c>
      <c r="HL42" s="178">
        <v>0</v>
      </c>
      <c r="HM42" s="179">
        <v>408113</v>
      </c>
      <c r="HN42" s="180">
        <v>408113</v>
      </c>
      <c r="HO42" s="184">
        <v>63882</v>
      </c>
      <c r="HP42" s="178">
        <v>31941</v>
      </c>
      <c r="HQ42" s="179">
        <v>95823</v>
      </c>
      <c r="HR42" s="117">
        <v>0</v>
      </c>
      <c r="HS42" s="178">
        <v>316187</v>
      </c>
      <c r="HT42" s="178">
        <v>258212</v>
      </c>
      <c r="HU42" s="178">
        <v>475109</v>
      </c>
      <c r="HV42" s="178">
        <v>191668</v>
      </c>
      <c r="HW42" s="178">
        <v>62860</v>
      </c>
      <c r="HX42" s="183">
        <v>1304036</v>
      </c>
      <c r="HY42" s="181">
        <v>1399859</v>
      </c>
      <c r="HZ42" s="151">
        <v>0</v>
      </c>
      <c r="IA42" s="152">
        <v>0</v>
      </c>
      <c r="IB42" s="153">
        <v>0</v>
      </c>
      <c r="IC42" s="154">
        <v>0</v>
      </c>
      <c r="ID42" s="155">
        <v>1185926</v>
      </c>
      <c r="IE42" s="156">
        <v>829058</v>
      </c>
      <c r="IF42" s="157">
        <v>1690007</v>
      </c>
      <c r="IG42" s="155">
        <v>981820</v>
      </c>
      <c r="IH42" s="157">
        <v>582984</v>
      </c>
      <c r="II42" s="158">
        <v>5269795</v>
      </c>
      <c r="IJ42" s="159">
        <v>5269795</v>
      </c>
      <c r="IK42" s="233">
        <v>0</v>
      </c>
      <c r="IL42" s="238">
        <v>0</v>
      </c>
      <c r="IM42" s="239">
        <v>0</v>
      </c>
      <c r="IN42" s="160"/>
      <c r="IO42" s="161">
        <v>0</v>
      </c>
      <c r="IP42" s="161">
        <v>0</v>
      </c>
      <c r="IQ42" s="161">
        <v>0</v>
      </c>
      <c r="IR42" s="161">
        <v>448959</v>
      </c>
      <c r="IS42" s="161">
        <v>0</v>
      </c>
      <c r="IT42" s="162">
        <v>448959</v>
      </c>
      <c r="IU42" s="319">
        <v>448959</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885359</v>
      </c>
      <c r="JL42" s="161">
        <v>829058</v>
      </c>
      <c r="JM42" s="161">
        <v>1124911</v>
      </c>
      <c r="JN42" s="161">
        <v>0</v>
      </c>
      <c r="JO42" s="161">
        <v>328207</v>
      </c>
      <c r="JP42" s="165">
        <v>3167535</v>
      </c>
      <c r="JQ42" s="319">
        <v>3167535</v>
      </c>
      <c r="JR42" s="163">
        <v>0</v>
      </c>
      <c r="JS42" s="161">
        <v>0</v>
      </c>
      <c r="JT42" s="162">
        <v>0</v>
      </c>
      <c r="JU42" s="164">
        <v>0</v>
      </c>
      <c r="JV42" s="161">
        <v>37577</v>
      </c>
      <c r="JW42" s="161">
        <v>0</v>
      </c>
      <c r="JX42" s="161">
        <v>0</v>
      </c>
      <c r="JY42" s="161">
        <v>245016</v>
      </c>
      <c r="JZ42" s="161">
        <v>254777</v>
      </c>
      <c r="KA42" s="165">
        <v>537370</v>
      </c>
      <c r="KB42" s="319">
        <v>53737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62990</v>
      </c>
      <c r="KS42" s="161">
        <v>0</v>
      </c>
      <c r="KT42" s="161">
        <v>565096</v>
      </c>
      <c r="KU42" s="161">
        <v>287845</v>
      </c>
      <c r="KV42" s="161">
        <v>0</v>
      </c>
      <c r="KW42" s="165">
        <v>1115931</v>
      </c>
      <c r="KX42" s="319">
        <v>1115931</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19">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469708</v>
      </c>
      <c r="MK42" s="161">
        <v>0</v>
      </c>
      <c r="ML42" s="161">
        <v>5160375</v>
      </c>
      <c r="MM42" s="161">
        <v>1824747</v>
      </c>
      <c r="MN42" s="161">
        <v>2262779</v>
      </c>
      <c r="MO42" s="165">
        <v>9717609</v>
      </c>
      <c r="MP42" s="167">
        <v>9717609</v>
      </c>
      <c r="MQ42" s="163">
        <v>0</v>
      </c>
      <c r="MR42" s="161">
        <v>0</v>
      </c>
      <c r="MS42" s="165">
        <v>0</v>
      </c>
      <c r="MT42" s="169"/>
      <c r="MU42" s="161">
        <v>0</v>
      </c>
      <c r="MV42" s="161">
        <v>0</v>
      </c>
      <c r="MW42" s="161">
        <v>2726634</v>
      </c>
      <c r="MX42" s="161">
        <v>1487179</v>
      </c>
      <c r="MY42" s="161">
        <v>1918922</v>
      </c>
      <c r="MZ42" s="165">
        <v>6132735</v>
      </c>
      <c r="NA42" s="167">
        <v>6132735</v>
      </c>
      <c r="NB42" s="163">
        <v>0</v>
      </c>
      <c r="NC42" s="161">
        <v>0</v>
      </c>
      <c r="ND42" s="165">
        <v>0</v>
      </c>
      <c r="NE42" s="169"/>
      <c r="NF42" s="161">
        <v>469708</v>
      </c>
      <c r="NG42" s="161">
        <v>0</v>
      </c>
      <c r="NH42" s="161">
        <v>2433741</v>
      </c>
      <c r="NI42" s="161">
        <v>337568</v>
      </c>
      <c r="NJ42" s="161">
        <v>343857</v>
      </c>
      <c r="NK42" s="165">
        <v>3584874</v>
      </c>
      <c r="NL42" s="319">
        <v>3584874</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237102</v>
      </c>
      <c r="OJ42" s="161">
        <v>173666</v>
      </c>
      <c r="OK42" s="162">
        <v>410768</v>
      </c>
      <c r="OL42" s="164">
        <v>0</v>
      </c>
      <c r="OM42" s="161">
        <v>2905723</v>
      </c>
      <c r="ON42" s="161">
        <v>2128386</v>
      </c>
      <c r="OO42" s="161">
        <v>10015634</v>
      </c>
      <c r="OP42" s="161">
        <v>4711889</v>
      </c>
      <c r="OQ42" s="161">
        <v>3512468</v>
      </c>
      <c r="OR42" s="165">
        <v>23274100</v>
      </c>
      <c r="OS42" s="167">
        <v>23684868</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2" customWidth="1"/>
    <col min="83" max="83" width="7.6640625" style="322" customWidth="1"/>
    <col min="84" max="84" width="9.88671875" style="322" customWidth="1"/>
    <col min="85" max="85" width="10" style="322" customWidth="1"/>
    <col min="86" max="86" width="9.77734375" style="322" customWidth="1"/>
    <col min="87" max="87" width="9.21875" style="322" customWidth="1"/>
    <col min="88" max="88" width="8.77734375" style="322" customWidth="1"/>
    <col min="89" max="89" width="9.88671875" style="322" customWidth="1"/>
    <col min="90" max="90" width="9.77734375" style="322"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2" customWidth="1"/>
    <col min="116" max="116" width="7.21875" style="322" customWidth="1"/>
    <col min="117" max="121" width="8.21875" style="322" customWidth="1"/>
    <col min="122" max="122" width="10.109375" style="322" customWidth="1"/>
    <col min="123" max="123" width="9.77734375" style="322"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2" customWidth="1"/>
    <col min="171" max="171" width="6.6640625" style="322" customWidth="1"/>
    <col min="172" max="176" width="8.21875" style="322" customWidth="1"/>
    <col min="177" max="177" width="10.109375" style="322" customWidth="1"/>
    <col min="178" max="178" width="9.88671875" style="322"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496">
        <f>第１表!F2</f>
        <v>5</v>
      </c>
      <c r="F1" s="246">
        <f>第１表!G2</f>
        <v>5</v>
      </c>
      <c r="G1" s="679">
        <f>IF(F1&lt;3,F1-2+12,F1-2)</f>
        <v>3</v>
      </c>
      <c r="H1" s="679"/>
      <c r="IB1" s="365"/>
      <c r="IC1" s="252"/>
      <c r="ID1" s="649"/>
      <c r="IE1" s="649"/>
    </row>
    <row r="2" spans="1:409" ht="24" customHeight="1" x14ac:dyDescent="0.2">
      <c r="B2" s="20" t="s">
        <v>147</v>
      </c>
      <c r="E2" s="249"/>
      <c r="F2" s="250"/>
      <c r="G2" s="339"/>
      <c r="H2" s="339"/>
      <c r="IB2" s="251"/>
      <c r="IC2" s="252"/>
      <c r="ID2" s="368"/>
      <c r="IE2" s="368"/>
    </row>
    <row r="3" spans="1:409" ht="24" customHeight="1" thickBot="1" x14ac:dyDescent="0.25">
      <c r="B3" s="20" t="s">
        <v>137</v>
      </c>
    </row>
    <row r="4" spans="1:409" ht="21" customHeight="1" thickBot="1" x14ac:dyDescent="0.25">
      <c r="B4" s="709" t="s">
        <v>42</v>
      </c>
      <c r="C4" s="712" t="s">
        <v>63</v>
      </c>
      <c r="D4" s="712"/>
      <c r="E4" s="712"/>
      <c r="F4" s="712"/>
      <c r="G4" s="712"/>
      <c r="H4" s="712"/>
      <c r="I4" s="712"/>
      <c r="J4" s="712"/>
      <c r="K4" s="712"/>
      <c r="L4" s="712"/>
      <c r="M4" s="712"/>
      <c r="N4" s="715"/>
      <c r="O4" s="715"/>
      <c r="P4" s="715"/>
      <c r="Q4" s="715"/>
      <c r="R4" s="715"/>
      <c r="S4" s="715"/>
      <c r="T4" s="715"/>
      <c r="U4" s="715"/>
      <c r="V4" s="715"/>
      <c r="W4" s="715"/>
      <c r="X4" s="715"/>
      <c r="Y4" s="715"/>
      <c r="Z4" s="715"/>
      <c r="AA4" s="715"/>
      <c r="AB4" s="715"/>
      <c r="AC4" s="715"/>
      <c r="AD4" s="715"/>
      <c r="AE4" s="715"/>
      <c r="AF4" s="715"/>
      <c r="AG4" s="715"/>
      <c r="AH4" s="715"/>
      <c r="AI4" s="715"/>
      <c r="AJ4" s="715"/>
      <c r="AK4" s="715"/>
      <c r="AL4" s="715"/>
      <c r="AM4" s="715"/>
      <c r="AN4" s="715"/>
      <c r="AO4" s="715"/>
      <c r="AP4" s="715"/>
      <c r="AQ4" s="715"/>
      <c r="AR4" s="715"/>
      <c r="AS4" s="715"/>
      <c r="AT4" s="715"/>
      <c r="AU4" s="715"/>
      <c r="AV4" s="715"/>
      <c r="AW4" s="715"/>
      <c r="AX4" s="715"/>
      <c r="AY4" s="715"/>
      <c r="AZ4" s="715"/>
      <c r="BA4" s="715"/>
      <c r="BB4" s="715"/>
      <c r="BC4" s="715"/>
      <c r="BD4" s="715"/>
      <c r="BE4" s="715"/>
      <c r="BF4" s="715"/>
      <c r="BG4" s="715"/>
      <c r="BH4" s="715"/>
      <c r="BI4" s="715"/>
      <c r="BJ4" s="715"/>
      <c r="BK4" s="715"/>
      <c r="BL4" s="715"/>
      <c r="BM4" s="715"/>
      <c r="BN4" s="715"/>
      <c r="BO4" s="715"/>
      <c r="BP4" s="715"/>
      <c r="BQ4" s="715"/>
      <c r="BR4" s="715"/>
      <c r="BS4" s="715"/>
      <c r="BT4" s="715"/>
      <c r="BU4" s="715"/>
      <c r="BV4" s="715"/>
      <c r="BW4" s="715"/>
      <c r="BX4" s="715"/>
      <c r="BY4" s="715"/>
      <c r="BZ4" s="715"/>
      <c r="CA4" s="715"/>
      <c r="CB4" s="715"/>
      <c r="CC4" s="715"/>
      <c r="CD4" s="715"/>
      <c r="CE4" s="715"/>
      <c r="CF4" s="715"/>
      <c r="CG4" s="715"/>
      <c r="CH4" s="715"/>
      <c r="CI4" s="715"/>
      <c r="CJ4" s="715"/>
      <c r="CK4" s="715"/>
      <c r="CL4" s="715"/>
      <c r="CM4" s="715"/>
      <c r="CN4" s="715"/>
      <c r="CO4" s="715"/>
      <c r="CP4" s="715"/>
      <c r="CQ4" s="715"/>
      <c r="CR4" s="715"/>
      <c r="CS4" s="715"/>
      <c r="CT4" s="715"/>
      <c r="CU4" s="715"/>
      <c r="CV4" s="715"/>
      <c r="CW4" s="715"/>
      <c r="CX4" s="715"/>
      <c r="CY4" s="715"/>
      <c r="CZ4" s="715"/>
      <c r="DA4" s="715"/>
      <c r="DB4" s="715"/>
      <c r="DC4" s="715"/>
      <c r="DD4" s="715"/>
      <c r="DE4" s="715"/>
      <c r="DF4" s="715"/>
      <c r="DG4" s="715"/>
      <c r="DH4" s="715"/>
      <c r="DI4" s="715"/>
      <c r="DJ4" s="715"/>
      <c r="DK4" s="715"/>
      <c r="DL4" s="715"/>
      <c r="DM4" s="715"/>
      <c r="DN4" s="715"/>
      <c r="DO4" s="715"/>
      <c r="DP4" s="715"/>
      <c r="DQ4" s="715"/>
      <c r="DR4" s="715"/>
      <c r="DS4" s="715"/>
      <c r="DT4" s="715"/>
      <c r="DU4" s="715"/>
      <c r="DV4" s="715"/>
      <c r="DW4" s="715"/>
      <c r="DX4" s="715"/>
      <c r="DY4" s="715"/>
      <c r="DZ4" s="715"/>
      <c r="EA4" s="715"/>
      <c r="EB4" s="715"/>
      <c r="EC4" s="715"/>
      <c r="ED4" s="715"/>
      <c r="EE4" s="715"/>
      <c r="EF4" s="715"/>
      <c r="EG4" s="715"/>
      <c r="EH4" s="715"/>
      <c r="EI4" s="715"/>
      <c r="EJ4" s="715"/>
      <c r="EK4" s="715"/>
      <c r="EL4" s="715"/>
      <c r="EM4" s="715"/>
      <c r="EN4" s="715"/>
      <c r="EO4" s="715"/>
      <c r="EP4" s="715"/>
      <c r="EQ4" s="715"/>
      <c r="ER4" s="715"/>
      <c r="ES4" s="715"/>
      <c r="ET4" s="715"/>
      <c r="EU4" s="715"/>
      <c r="EV4" s="715"/>
      <c r="EW4" s="715"/>
      <c r="EX4" s="715"/>
      <c r="EY4" s="715"/>
      <c r="EZ4" s="715"/>
      <c r="FA4" s="715"/>
      <c r="FB4" s="715"/>
      <c r="FC4" s="715"/>
      <c r="FD4" s="715"/>
      <c r="FE4" s="715"/>
      <c r="FF4" s="715"/>
      <c r="FG4" s="715"/>
      <c r="FH4" s="715"/>
      <c r="FI4" s="715"/>
      <c r="FJ4" s="715"/>
      <c r="FK4" s="715"/>
      <c r="FL4" s="715"/>
      <c r="FM4" s="715"/>
      <c r="FN4" s="715"/>
      <c r="FO4" s="715"/>
      <c r="FP4" s="715"/>
      <c r="FQ4" s="715"/>
      <c r="FR4" s="715"/>
      <c r="FS4" s="715"/>
      <c r="FT4" s="715"/>
      <c r="FU4" s="715"/>
      <c r="FV4" s="715"/>
      <c r="FW4" s="715"/>
      <c r="FX4" s="715"/>
      <c r="FY4" s="715"/>
      <c r="FZ4" s="715"/>
      <c r="GA4" s="715"/>
      <c r="GB4" s="715"/>
      <c r="GC4" s="715"/>
      <c r="GD4" s="715"/>
      <c r="GE4" s="715"/>
      <c r="GF4" s="715"/>
      <c r="GG4" s="715"/>
      <c r="GH4" s="715"/>
      <c r="GI4" s="715"/>
      <c r="GJ4" s="715"/>
      <c r="GK4" s="715"/>
      <c r="GL4" s="715"/>
      <c r="GM4" s="715"/>
      <c r="GN4" s="715"/>
      <c r="GO4" s="715"/>
      <c r="GP4" s="715"/>
      <c r="GQ4" s="715"/>
      <c r="GR4" s="715"/>
      <c r="GS4" s="715"/>
      <c r="GT4" s="715"/>
      <c r="GU4" s="715"/>
      <c r="GV4" s="715"/>
      <c r="GW4" s="715"/>
      <c r="GX4" s="715"/>
      <c r="GY4" s="715"/>
      <c r="GZ4" s="715"/>
      <c r="HA4" s="715"/>
      <c r="HB4" s="715"/>
      <c r="HC4" s="715"/>
      <c r="HD4" s="715"/>
      <c r="HE4" s="715"/>
      <c r="HF4" s="715"/>
      <c r="HG4" s="715"/>
      <c r="HH4" s="715"/>
      <c r="HI4" s="715"/>
      <c r="HJ4" s="715"/>
      <c r="HK4" s="715"/>
      <c r="HL4" s="715"/>
      <c r="HM4" s="715"/>
      <c r="HN4" s="715"/>
      <c r="HO4" s="715"/>
      <c r="HP4" s="715"/>
      <c r="HQ4" s="715"/>
      <c r="HR4" s="715"/>
      <c r="HS4" s="715"/>
      <c r="HT4" s="715"/>
      <c r="HU4" s="715"/>
      <c r="HV4" s="715"/>
      <c r="HW4" s="715"/>
      <c r="HX4" s="715"/>
      <c r="HY4" s="716"/>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710"/>
      <c r="C5" s="713"/>
      <c r="D5" s="713"/>
      <c r="E5" s="713"/>
      <c r="F5" s="713"/>
      <c r="G5" s="713"/>
      <c r="H5" s="713"/>
      <c r="I5" s="713"/>
      <c r="J5" s="713"/>
      <c r="K5" s="713"/>
      <c r="L5" s="713"/>
      <c r="M5" s="713"/>
      <c r="N5" s="717" t="s">
        <v>64</v>
      </c>
      <c r="O5" s="718"/>
      <c r="P5" s="718"/>
      <c r="Q5" s="718"/>
      <c r="R5" s="718"/>
      <c r="S5" s="718"/>
      <c r="T5" s="718"/>
      <c r="U5" s="718"/>
      <c r="V5" s="718"/>
      <c r="W5" s="718"/>
      <c r="X5" s="718"/>
      <c r="Y5" s="718"/>
      <c r="Z5" s="718"/>
      <c r="AA5" s="718"/>
      <c r="AB5" s="718"/>
      <c r="AC5" s="718"/>
      <c r="AD5" s="718"/>
      <c r="AE5" s="718"/>
      <c r="AF5" s="718"/>
      <c r="AG5" s="718"/>
      <c r="AH5" s="718"/>
      <c r="AI5" s="718"/>
      <c r="AJ5" s="718"/>
      <c r="AK5" s="718"/>
      <c r="AL5" s="718"/>
      <c r="AM5" s="718"/>
      <c r="AN5" s="718"/>
      <c r="AO5" s="718"/>
      <c r="AP5" s="718"/>
      <c r="AQ5" s="718"/>
      <c r="AR5" s="718"/>
      <c r="AS5" s="718"/>
      <c r="AT5" s="718"/>
      <c r="AU5" s="718"/>
      <c r="AV5" s="718"/>
      <c r="AW5" s="718"/>
      <c r="AX5" s="718"/>
      <c r="AY5" s="718"/>
      <c r="AZ5" s="718"/>
      <c r="BA5" s="718"/>
      <c r="BB5" s="718"/>
      <c r="BC5" s="718"/>
      <c r="BD5" s="718"/>
      <c r="BE5" s="718"/>
      <c r="BF5" s="718"/>
      <c r="BG5" s="718"/>
      <c r="BH5" s="718"/>
      <c r="BI5" s="718"/>
      <c r="BJ5" s="718"/>
      <c r="BK5" s="718"/>
      <c r="BL5" s="718"/>
      <c r="BM5" s="718"/>
      <c r="BN5" s="718"/>
      <c r="BO5" s="718"/>
      <c r="BP5" s="718"/>
      <c r="BQ5" s="718"/>
      <c r="BR5" s="718"/>
      <c r="BS5" s="718"/>
      <c r="BT5" s="718"/>
      <c r="BU5" s="718"/>
      <c r="BV5" s="718"/>
      <c r="BW5" s="718"/>
      <c r="BX5" s="718"/>
      <c r="BY5" s="718"/>
      <c r="BZ5" s="718"/>
      <c r="CA5" s="719"/>
      <c r="CB5" s="717" t="s">
        <v>65</v>
      </c>
      <c r="CC5" s="718"/>
      <c r="CD5" s="718"/>
      <c r="CE5" s="718"/>
      <c r="CF5" s="718"/>
      <c r="CG5" s="718"/>
      <c r="CH5" s="718"/>
      <c r="CI5" s="718"/>
      <c r="CJ5" s="718"/>
      <c r="CK5" s="718"/>
      <c r="CL5" s="718"/>
      <c r="CM5" s="718"/>
      <c r="CN5" s="718"/>
      <c r="CO5" s="718"/>
      <c r="CP5" s="718"/>
      <c r="CQ5" s="718"/>
      <c r="CR5" s="718"/>
      <c r="CS5" s="718"/>
      <c r="CT5" s="718"/>
      <c r="CU5" s="718"/>
      <c r="CV5" s="718"/>
      <c r="CW5" s="718"/>
      <c r="CX5" s="718"/>
      <c r="CY5" s="718"/>
      <c r="CZ5" s="718"/>
      <c r="DA5" s="718"/>
      <c r="DB5" s="718"/>
      <c r="DC5" s="718"/>
      <c r="DD5" s="718"/>
      <c r="DE5" s="718"/>
      <c r="DF5" s="718"/>
      <c r="DG5" s="718"/>
      <c r="DH5" s="719"/>
      <c r="DI5" s="521" t="s">
        <v>66</v>
      </c>
      <c r="DJ5" s="522"/>
      <c r="DK5" s="522"/>
      <c r="DL5" s="522"/>
      <c r="DM5" s="522"/>
      <c r="DN5" s="522"/>
      <c r="DO5" s="522"/>
      <c r="DP5" s="522"/>
      <c r="DQ5" s="522"/>
      <c r="DR5" s="522"/>
      <c r="DS5" s="522"/>
      <c r="DT5" s="522"/>
      <c r="DU5" s="522"/>
      <c r="DV5" s="522"/>
      <c r="DW5" s="522"/>
      <c r="DX5" s="522"/>
      <c r="DY5" s="522"/>
      <c r="DZ5" s="522"/>
      <c r="EA5" s="522"/>
      <c r="EB5" s="522"/>
      <c r="EC5" s="522"/>
      <c r="ED5" s="522"/>
      <c r="EE5" s="522"/>
      <c r="EF5" s="522"/>
      <c r="EG5" s="522"/>
      <c r="EH5" s="522"/>
      <c r="EI5" s="522"/>
      <c r="EJ5" s="522"/>
      <c r="EK5" s="522"/>
      <c r="EL5" s="522"/>
      <c r="EM5" s="522"/>
      <c r="EN5" s="522"/>
      <c r="EO5" s="522"/>
      <c r="EP5" s="522"/>
      <c r="EQ5" s="522"/>
      <c r="ER5" s="522"/>
      <c r="ES5" s="522"/>
      <c r="ET5" s="522"/>
      <c r="EU5" s="522"/>
      <c r="EV5" s="522"/>
      <c r="EW5" s="522"/>
      <c r="EX5" s="522"/>
      <c r="EY5" s="522"/>
      <c r="EZ5" s="522"/>
      <c r="FA5" s="522"/>
      <c r="FB5" s="522"/>
      <c r="FC5" s="522"/>
      <c r="FD5" s="522"/>
      <c r="FE5" s="522"/>
      <c r="FF5" s="522"/>
      <c r="FG5" s="522"/>
      <c r="FH5" s="522"/>
      <c r="FI5" s="522"/>
      <c r="FJ5" s="522"/>
      <c r="FK5" s="523"/>
      <c r="FL5" s="717" t="s">
        <v>67</v>
      </c>
      <c r="FM5" s="718"/>
      <c r="FN5" s="718"/>
      <c r="FO5" s="718"/>
      <c r="FP5" s="718"/>
      <c r="FQ5" s="718"/>
      <c r="FR5" s="718"/>
      <c r="FS5" s="718"/>
      <c r="FT5" s="718"/>
      <c r="FU5" s="718"/>
      <c r="FV5" s="718"/>
      <c r="FW5" s="718"/>
      <c r="FX5" s="718"/>
      <c r="FY5" s="718"/>
      <c r="FZ5" s="718"/>
      <c r="GA5" s="718"/>
      <c r="GB5" s="718"/>
      <c r="GC5" s="718"/>
      <c r="GD5" s="718"/>
      <c r="GE5" s="718"/>
      <c r="GF5" s="718"/>
      <c r="GG5" s="718"/>
      <c r="GH5" s="718"/>
      <c r="GI5" s="718"/>
      <c r="GJ5" s="718"/>
      <c r="GK5" s="718"/>
      <c r="GL5" s="718"/>
      <c r="GM5" s="718"/>
      <c r="GN5" s="718"/>
      <c r="GO5" s="718"/>
      <c r="GP5" s="718"/>
      <c r="GQ5" s="718"/>
      <c r="GR5" s="718"/>
      <c r="GS5" s="718"/>
      <c r="GT5" s="718"/>
      <c r="GU5" s="718"/>
      <c r="GV5" s="718"/>
      <c r="GW5" s="718"/>
      <c r="GX5" s="718"/>
      <c r="GY5" s="718"/>
      <c r="GZ5" s="718"/>
      <c r="HA5" s="718"/>
      <c r="HB5" s="718"/>
      <c r="HC5" s="719"/>
      <c r="HD5" s="720" t="s">
        <v>68</v>
      </c>
      <c r="HE5" s="721"/>
      <c r="HF5" s="721"/>
      <c r="HG5" s="721"/>
      <c r="HH5" s="721"/>
      <c r="HI5" s="721"/>
      <c r="HJ5" s="721"/>
      <c r="HK5" s="721"/>
      <c r="HL5" s="721"/>
      <c r="HM5" s="721"/>
      <c r="HN5" s="722"/>
      <c r="HO5" s="720" t="s">
        <v>69</v>
      </c>
      <c r="HP5" s="721"/>
      <c r="HQ5" s="721"/>
      <c r="HR5" s="721"/>
      <c r="HS5" s="721"/>
      <c r="HT5" s="721"/>
      <c r="HU5" s="721"/>
      <c r="HV5" s="721"/>
      <c r="HW5" s="721"/>
      <c r="HX5" s="721"/>
      <c r="HY5" s="7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710"/>
      <c r="C6" s="714"/>
      <c r="D6" s="714"/>
      <c r="E6" s="714"/>
      <c r="F6" s="714"/>
      <c r="G6" s="714"/>
      <c r="H6" s="714"/>
      <c r="I6" s="714"/>
      <c r="J6" s="714"/>
      <c r="K6" s="714"/>
      <c r="L6" s="714"/>
      <c r="M6" s="714"/>
      <c r="N6" s="513"/>
      <c r="O6" s="514"/>
      <c r="P6" s="514"/>
      <c r="Q6" s="514"/>
      <c r="R6" s="514"/>
      <c r="S6" s="514"/>
      <c r="T6" s="514"/>
      <c r="U6" s="514"/>
      <c r="V6" s="514"/>
      <c r="W6" s="514"/>
      <c r="X6" s="515"/>
      <c r="Y6" s="702" t="s">
        <v>70</v>
      </c>
      <c r="Z6" s="517"/>
      <c r="AA6" s="517"/>
      <c r="AB6" s="517"/>
      <c r="AC6" s="517"/>
      <c r="AD6" s="517"/>
      <c r="AE6" s="517"/>
      <c r="AF6" s="517"/>
      <c r="AG6" s="517"/>
      <c r="AH6" s="517"/>
      <c r="AI6" s="518"/>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0"/>
      <c r="CC6" s="701"/>
      <c r="CD6" s="701"/>
      <c r="CE6" s="701"/>
      <c r="CF6" s="701"/>
      <c r="CG6" s="701"/>
      <c r="CH6" s="701"/>
      <c r="CI6" s="701"/>
      <c r="CJ6" s="701"/>
      <c r="CK6" s="701"/>
      <c r="CL6" s="726"/>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0"/>
      <c r="DJ6" s="701"/>
      <c r="DK6" s="701"/>
      <c r="DL6" s="701"/>
      <c r="DM6" s="701"/>
      <c r="DN6" s="701"/>
      <c r="DO6" s="701"/>
      <c r="DP6" s="701"/>
      <c r="DQ6" s="701"/>
      <c r="DR6" s="701"/>
      <c r="DS6" s="701"/>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19" t="s">
        <v>152</v>
      </c>
      <c r="FB6" s="698"/>
      <c r="FC6" s="698"/>
      <c r="FD6" s="698"/>
      <c r="FE6" s="698"/>
      <c r="FF6" s="698"/>
      <c r="FG6" s="698"/>
      <c r="FH6" s="698"/>
      <c r="FI6" s="698"/>
      <c r="FJ6" s="698"/>
      <c r="FK6" s="699"/>
      <c r="FL6" s="700"/>
      <c r="FM6" s="701"/>
      <c r="FN6" s="701"/>
      <c r="FO6" s="701"/>
      <c r="FP6" s="701"/>
      <c r="FQ6" s="701"/>
      <c r="FR6" s="701"/>
      <c r="FS6" s="701"/>
      <c r="FT6" s="701"/>
      <c r="FU6" s="701"/>
      <c r="FV6" s="701"/>
      <c r="FW6" s="697" t="s">
        <v>80</v>
      </c>
      <c r="FX6" s="698"/>
      <c r="FY6" s="698"/>
      <c r="FZ6" s="698"/>
      <c r="GA6" s="698"/>
      <c r="GB6" s="698"/>
      <c r="GC6" s="698"/>
      <c r="GD6" s="698"/>
      <c r="GE6" s="698"/>
      <c r="GF6" s="698"/>
      <c r="GG6" s="699"/>
      <c r="GH6" s="702" t="s">
        <v>81</v>
      </c>
      <c r="GI6" s="517"/>
      <c r="GJ6" s="517"/>
      <c r="GK6" s="517"/>
      <c r="GL6" s="517"/>
      <c r="GM6" s="517"/>
      <c r="GN6" s="517"/>
      <c r="GO6" s="517"/>
      <c r="GP6" s="517"/>
      <c r="GQ6" s="517"/>
      <c r="GR6" s="518"/>
      <c r="GS6" s="702" t="s">
        <v>82</v>
      </c>
      <c r="GT6" s="517"/>
      <c r="GU6" s="517"/>
      <c r="GV6" s="517"/>
      <c r="GW6" s="517"/>
      <c r="GX6" s="517"/>
      <c r="GY6" s="517"/>
      <c r="GZ6" s="517"/>
      <c r="HA6" s="517"/>
      <c r="HB6" s="517"/>
      <c r="HC6" s="518"/>
      <c r="HD6" s="723"/>
      <c r="HE6" s="724"/>
      <c r="HF6" s="724"/>
      <c r="HG6" s="724"/>
      <c r="HH6" s="724"/>
      <c r="HI6" s="724"/>
      <c r="HJ6" s="724"/>
      <c r="HK6" s="724"/>
      <c r="HL6" s="724"/>
      <c r="HM6" s="724"/>
      <c r="HN6" s="725"/>
      <c r="HO6" s="723"/>
      <c r="HP6" s="724"/>
      <c r="HQ6" s="724"/>
      <c r="HR6" s="724"/>
      <c r="HS6" s="724"/>
      <c r="HT6" s="724"/>
      <c r="HU6" s="724"/>
      <c r="HV6" s="724"/>
      <c r="HW6" s="724"/>
      <c r="HX6" s="724"/>
      <c r="HY6" s="725"/>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710"/>
      <c r="C7" s="695" t="s">
        <v>61</v>
      </c>
      <c r="D7" s="695"/>
      <c r="E7" s="695"/>
      <c r="F7" s="707" t="s">
        <v>62</v>
      </c>
      <c r="G7" s="695"/>
      <c r="H7" s="695"/>
      <c r="I7" s="695"/>
      <c r="J7" s="695"/>
      <c r="K7" s="695"/>
      <c r="L7" s="695"/>
      <c r="M7" s="707" t="s">
        <v>52</v>
      </c>
      <c r="N7" s="706" t="s">
        <v>61</v>
      </c>
      <c r="O7" s="695"/>
      <c r="P7" s="695"/>
      <c r="Q7" s="707" t="s">
        <v>62</v>
      </c>
      <c r="R7" s="695"/>
      <c r="S7" s="695"/>
      <c r="T7" s="695"/>
      <c r="U7" s="695"/>
      <c r="V7" s="695"/>
      <c r="W7" s="708"/>
      <c r="X7" s="703" t="s">
        <v>52</v>
      </c>
      <c r="Y7" s="513" t="s">
        <v>61</v>
      </c>
      <c r="Z7" s="514"/>
      <c r="AA7" s="689"/>
      <c r="AB7" s="688" t="s">
        <v>62</v>
      </c>
      <c r="AC7" s="514"/>
      <c r="AD7" s="514"/>
      <c r="AE7" s="514"/>
      <c r="AF7" s="514"/>
      <c r="AG7" s="514"/>
      <c r="AH7" s="689"/>
      <c r="AI7" s="515" t="s">
        <v>52</v>
      </c>
      <c r="AJ7" s="683" t="s">
        <v>61</v>
      </c>
      <c r="AK7" s="684"/>
      <c r="AL7" s="685"/>
      <c r="AM7" s="686" t="s">
        <v>62</v>
      </c>
      <c r="AN7" s="684"/>
      <c r="AO7" s="684"/>
      <c r="AP7" s="684"/>
      <c r="AQ7" s="684"/>
      <c r="AR7" s="684"/>
      <c r="AS7" s="687"/>
      <c r="AT7" s="515" t="s">
        <v>52</v>
      </c>
      <c r="AU7" s="683" t="s">
        <v>61</v>
      </c>
      <c r="AV7" s="684"/>
      <c r="AW7" s="685"/>
      <c r="AX7" s="686" t="s">
        <v>62</v>
      </c>
      <c r="AY7" s="684"/>
      <c r="AZ7" s="684"/>
      <c r="BA7" s="684"/>
      <c r="BB7" s="684"/>
      <c r="BC7" s="684"/>
      <c r="BD7" s="687"/>
      <c r="BE7" s="515" t="s">
        <v>52</v>
      </c>
      <c r="BF7" s="683" t="s">
        <v>61</v>
      </c>
      <c r="BG7" s="684"/>
      <c r="BH7" s="685"/>
      <c r="BI7" s="686" t="s">
        <v>62</v>
      </c>
      <c r="BJ7" s="684"/>
      <c r="BK7" s="684"/>
      <c r="BL7" s="684"/>
      <c r="BM7" s="684"/>
      <c r="BN7" s="684"/>
      <c r="BO7" s="687"/>
      <c r="BP7" s="515" t="s">
        <v>52</v>
      </c>
      <c r="BQ7" s="683" t="s">
        <v>61</v>
      </c>
      <c r="BR7" s="684"/>
      <c r="BS7" s="685"/>
      <c r="BT7" s="686" t="s">
        <v>62</v>
      </c>
      <c r="BU7" s="684"/>
      <c r="BV7" s="684"/>
      <c r="BW7" s="684"/>
      <c r="BX7" s="684"/>
      <c r="BY7" s="684"/>
      <c r="BZ7" s="687"/>
      <c r="CA7" s="515" t="s">
        <v>52</v>
      </c>
      <c r="CB7" s="690" t="s">
        <v>61</v>
      </c>
      <c r="CC7" s="691"/>
      <c r="CD7" s="692"/>
      <c r="CE7" s="693" t="s">
        <v>62</v>
      </c>
      <c r="CF7" s="691"/>
      <c r="CG7" s="691"/>
      <c r="CH7" s="691"/>
      <c r="CI7" s="691"/>
      <c r="CJ7" s="691"/>
      <c r="CK7" s="694"/>
      <c r="CL7" s="703" t="s">
        <v>52</v>
      </c>
      <c r="CM7" s="683" t="s">
        <v>61</v>
      </c>
      <c r="CN7" s="684"/>
      <c r="CO7" s="687"/>
      <c r="CP7" s="686" t="s">
        <v>62</v>
      </c>
      <c r="CQ7" s="684"/>
      <c r="CR7" s="684"/>
      <c r="CS7" s="684"/>
      <c r="CT7" s="684"/>
      <c r="CU7" s="684"/>
      <c r="CV7" s="687"/>
      <c r="CW7" s="705" t="s">
        <v>52</v>
      </c>
      <c r="CX7" s="683" t="s">
        <v>61</v>
      </c>
      <c r="CY7" s="684"/>
      <c r="CZ7" s="687"/>
      <c r="DA7" s="686" t="s">
        <v>62</v>
      </c>
      <c r="DB7" s="684"/>
      <c r="DC7" s="684"/>
      <c r="DD7" s="684"/>
      <c r="DE7" s="684"/>
      <c r="DF7" s="684"/>
      <c r="DG7" s="687"/>
      <c r="DH7" s="705" t="s">
        <v>52</v>
      </c>
      <c r="DI7" s="690" t="s">
        <v>61</v>
      </c>
      <c r="DJ7" s="691"/>
      <c r="DK7" s="694"/>
      <c r="DL7" s="693" t="s">
        <v>62</v>
      </c>
      <c r="DM7" s="691"/>
      <c r="DN7" s="691"/>
      <c r="DO7" s="691"/>
      <c r="DP7" s="691"/>
      <c r="DQ7" s="691"/>
      <c r="DR7" s="694"/>
      <c r="DS7" s="703" t="s">
        <v>52</v>
      </c>
      <c r="DT7" s="683" t="s">
        <v>61</v>
      </c>
      <c r="DU7" s="684"/>
      <c r="DV7" s="685"/>
      <c r="DW7" s="686" t="s">
        <v>62</v>
      </c>
      <c r="DX7" s="684"/>
      <c r="DY7" s="684"/>
      <c r="DZ7" s="684"/>
      <c r="EA7" s="684"/>
      <c r="EB7" s="684"/>
      <c r="EC7" s="687"/>
      <c r="ED7" s="515" t="s">
        <v>52</v>
      </c>
      <c r="EE7" s="683" t="s">
        <v>61</v>
      </c>
      <c r="EF7" s="684"/>
      <c r="EG7" s="685"/>
      <c r="EH7" s="686" t="s">
        <v>62</v>
      </c>
      <c r="EI7" s="684"/>
      <c r="EJ7" s="684"/>
      <c r="EK7" s="684"/>
      <c r="EL7" s="684"/>
      <c r="EM7" s="684"/>
      <c r="EN7" s="687"/>
      <c r="EO7" s="515" t="s">
        <v>52</v>
      </c>
      <c r="EP7" s="683" t="s">
        <v>61</v>
      </c>
      <c r="EQ7" s="684"/>
      <c r="ER7" s="685"/>
      <c r="ES7" s="686" t="s">
        <v>62</v>
      </c>
      <c r="ET7" s="684"/>
      <c r="EU7" s="684"/>
      <c r="EV7" s="684"/>
      <c r="EW7" s="684"/>
      <c r="EX7" s="684"/>
      <c r="EY7" s="687"/>
      <c r="EZ7" s="515" t="s">
        <v>52</v>
      </c>
      <c r="FA7" s="683" t="s">
        <v>61</v>
      </c>
      <c r="FB7" s="684"/>
      <c r="FC7" s="685"/>
      <c r="FD7" s="686" t="s">
        <v>62</v>
      </c>
      <c r="FE7" s="684"/>
      <c r="FF7" s="684"/>
      <c r="FG7" s="684"/>
      <c r="FH7" s="684"/>
      <c r="FI7" s="684"/>
      <c r="FJ7" s="687"/>
      <c r="FK7" s="515" t="s">
        <v>52</v>
      </c>
      <c r="FL7" s="690" t="s">
        <v>61</v>
      </c>
      <c r="FM7" s="691"/>
      <c r="FN7" s="692"/>
      <c r="FO7" s="693" t="s">
        <v>62</v>
      </c>
      <c r="FP7" s="691"/>
      <c r="FQ7" s="691"/>
      <c r="FR7" s="691"/>
      <c r="FS7" s="691"/>
      <c r="FT7" s="691"/>
      <c r="FU7" s="694"/>
      <c r="FV7" s="695" t="s">
        <v>52</v>
      </c>
      <c r="FW7" s="683" t="s">
        <v>61</v>
      </c>
      <c r="FX7" s="684"/>
      <c r="FY7" s="685"/>
      <c r="FZ7" s="686" t="s">
        <v>62</v>
      </c>
      <c r="GA7" s="684"/>
      <c r="GB7" s="684"/>
      <c r="GC7" s="684"/>
      <c r="GD7" s="684"/>
      <c r="GE7" s="684"/>
      <c r="GF7" s="687"/>
      <c r="GG7" s="515" t="s">
        <v>52</v>
      </c>
      <c r="GH7" s="513" t="s">
        <v>61</v>
      </c>
      <c r="GI7" s="514"/>
      <c r="GJ7" s="514"/>
      <c r="GK7" s="688" t="s">
        <v>62</v>
      </c>
      <c r="GL7" s="514"/>
      <c r="GM7" s="514"/>
      <c r="GN7" s="514"/>
      <c r="GO7" s="514"/>
      <c r="GP7" s="514"/>
      <c r="GQ7" s="689"/>
      <c r="GR7" s="681" t="s">
        <v>52</v>
      </c>
      <c r="GS7" s="513" t="s">
        <v>61</v>
      </c>
      <c r="GT7" s="514"/>
      <c r="GU7" s="689"/>
      <c r="GV7" s="688" t="s">
        <v>62</v>
      </c>
      <c r="GW7" s="514"/>
      <c r="GX7" s="514"/>
      <c r="GY7" s="514"/>
      <c r="GZ7" s="514"/>
      <c r="HA7" s="514"/>
      <c r="HB7" s="689"/>
      <c r="HC7" s="681" t="s">
        <v>52</v>
      </c>
      <c r="HD7" s="683" t="s">
        <v>61</v>
      </c>
      <c r="HE7" s="684"/>
      <c r="HF7" s="685"/>
      <c r="HG7" s="686" t="s">
        <v>62</v>
      </c>
      <c r="HH7" s="684"/>
      <c r="HI7" s="684"/>
      <c r="HJ7" s="684"/>
      <c r="HK7" s="684"/>
      <c r="HL7" s="684"/>
      <c r="HM7" s="687"/>
      <c r="HN7" s="515" t="s">
        <v>52</v>
      </c>
      <c r="HO7" s="683" t="s">
        <v>61</v>
      </c>
      <c r="HP7" s="684"/>
      <c r="HQ7" s="685"/>
      <c r="HR7" s="686" t="s">
        <v>62</v>
      </c>
      <c r="HS7" s="684"/>
      <c r="HT7" s="684"/>
      <c r="HU7" s="684"/>
      <c r="HV7" s="684"/>
      <c r="HW7" s="684"/>
      <c r="HX7" s="687"/>
      <c r="HY7" s="515"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711"/>
      <c r="C8" s="323" t="s">
        <v>43</v>
      </c>
      <c r="D8" s="47" t="s">
        <v>44</v>
      </c>
      <c r="E8" s="324" t="s">
        <v>45</v>
      </c>
      <c r="F8" s="52" t="s">
        <v>83</v>
      </c>
      <c r="G8" s="47" t="s">
        <v>47</v>
      </c>
      <c r="H8" s="47" t="s">
        <v>48</v>
      </c>
      <c r="I8" s="47" t="s">
        <v>49</v>
      </c>
      <c r="J8" s="47" t="s">
        <v>50</v>
      </c>
      <c r="K8" s="47" t="s">
        <v>51</v>
      </c>
      <c r="L8" s="48" t="s">
        <v>45</v>
      </c>
      <c r="M8" s="727"/>
      <c r="N8" s="51" t="s">
        <v>43</v>
      </c>
      <c r="O8" s="47" t="s">
        <v>44</v>
      </c>
      <c r="P8" s="48" t="s">
        <v>45</v>
      </c>
      <c r="Q8" s="52" t="s">
        <v>83</v>
      </c>
      <c r="R8" s="47" t="s">
        <v>47</v>
      </c>
      <c r="S8" s="47" t="s">
        <v>48</v>
      </c>
      <c r="T8" s="47" t="s">
        <v>49</v>
      </c>
      <c r="U8" s="47" t="s">
        <v>50</v>
      </c>
      <c r="V8" s="47" t="s">
        <v>51</v>
      </c>
      <c r="W8" s="48" t="s">
        <v>45</v>
      </c>
      <c r="X8" s="704"/>
      <c r="Y8" s="51" t="s">
        <v>43</v>
      </c>
      <c r="Z8" s="47" t="s">
        <v>44</v>
      </c>
      <c r="AA8" s="48" t="s">
        <v>45</v>
      </c>
      <c r="AB8" s="52" t="s">
        <v>83</v>
      </c>
      <c r="AC8" s="47" t="s">
        <v>47</v>
      </c>
      <c r="AD8" s="47" t="s">
        <v>48</v>
      </c>
      <c r="AE8" s="47" t="s">
        <v>49</v>
      </c>
      <c r="AF8" s="47" t="s">
        <v>50</v>
      </c>
      <c r="AG8" s="47" t="s">
        <v>51</v>
      </c>
      <c r="AH8" s="48" t="s">
        <v>45</v>
      </c>
      <c r="AI8" s="680"/>
      <c r="AJ8" s="51" t="s">
        <v>43</v>
      </c>
      <c r="AK8" s="47" t="s">
        <v>44</v>
      </c>
      <c r="AL8" s="324" t="s">
        <v>45</v>
      </c>
      <c r="AM8" s="52" t="s">
        <v>83</v>
      </c>
      <c r="AN8" s="47" t="s">
        <v>47</v>
      </c>
      <c r="AO8" s="47" t="s">
        <v>48</v>
      </c>
      <c r="AP8" s="47" t="s">
        <v>49</v>
      </c>
      <c r="AQ8" s="47" t="s">
        <v>50</v>
      </c>
      <c r="AR8" s="47" t="s">
        <v>51</v>
      </c>
      <c r="AS8" s="48" t="s">
        <v>45</v>
      </c>
      <c r="AT8" s="680"/>
      <c r="AU8" s="51" t="s">
        <v>43</v>
      </c>
      <c r="AV8" s="47" t="s">
        <v>44</v>
      </c>
      <c r="AW8" s="324" t="s">
        <v>45</v>
      </c>
      <c r="AX8" s="52" t="s">
        <v>83</v>
      </c>
      <c r="AY8" s="47" t="s">
        <v>47</v>
      </c>
      <c r="AZ8" s="47" t="s">
        <v>48</v>
      </c>
      <c r="BA8" s="47" t="s">
        <v>49</v>
      </c>
      <c r="BB8" s="47" t="s">
        <v>50</v>
      </c>
      <c r="BC8" s="47" t="s">
        <v>51</v>
      </c>
      <c r="BD8" s="48" t="s">
        <v>45</v>
      </c>
      <c r="BE8" s="680"/>
      <c r="BF8" s="325" t="s">
        <v>43</v>
      </c>
      <c r="BG8" s="47" t="s">
        <v>44</v>
      </c>
      <c r="BH8" s="324" t="s">
        <v>45</v>
      </c>
      <c r="BI8" s="52" t="s">
        <v>83</v>
      </c>
      <c r="BJ8" s="47" t="s">
        <v>47</v>
      </c>
      <c r="BK8" s="47" t="s">
        <v>48</v>
      </c>
      <c r="BL8" s="47" t="s">
        <v>49</v>
      </c>
      <c r="BM8" s="47" t="s">
        <v>50</v>
      </c>
      <c r="BN8" s="47" t="s">
        <v>51</v>
      </c>
      <c r="BO8" s="48" t="s">
        <v>45</v>
      </c>
      <c r="BP8" s="680"/>
      <c r="BQ8" s="51" t="s">
        <v>43</v>
      </c>
      <c r="BR8" s="47" t="s">
        <v>44</v>
      </c>
      <c r="BS8" s="324" t="s">
        <v>45</v>
      </c>
      <c r="BT8" s="52" t="s">
        <v>83</v>
      </c>
      <c r="BU8" s="47" t="s">
        <v>47</v>
      </c>
      <c r="BV8" s="47" t="s">
        <v>48</v>
      </c>
      <c r="BW8" s="47" t="s">
        <v>49</v>
      </c>
      <c r="BX8" s="47" t="s">
        <v>50</v>
      </c>
      <c r="BY8" s="47" t="s">
        <v>51</v>
      </c>
      <c r="BZ8" s="48" t="s">
        <v>45</v>
      </c>
      <c r="CA8" s="680"/>
      <c r="CB8" s="51" t="s">
        <v>43</v>
      </c>
      <c r="CC8" s="47" t="s">
        <v>44</v>
      </c>
      <c r="CD8" s="324" t="s">
        <v>45</v>
      </c>
      <c r="CE8" s="52" t="s">
        <v>83</v>
      </c>
      <c r="CF8" s="47" t="s">
        <v>47</v>
      </c>
      <c r="CG8" s="47" t="s">
        <v>48</v>
      </c>
      <c r="CH8" s="47" t="s">
        <v>49</v>
      </c>
      <c r="CI8" s="47" t="s">
        <v>50</v>
      </c>
      <c r="CJ8" s="47" t="s">
        <v>51</v>
      </c>
      <c r="CK8" s="48" t="s">
        <v>45</v>
      </c>
      <c r="CL8" s="704"/>
      <c r="CM8" s="51" t="s">
        <v>43</v>
      </c>
      <c r="CN8" s="47" t="s">
        <v>44</v>
      </c>
      <c r="CO8" s="48" t="s">
        <v>45</v>
      </c>
      <c r="CP8" s="52" t="s">
        <v>83</v>
      </c>
      <c r="CQ8" s="47" t="s">
        <v>47</v>
      </c>
      <c r="CR8" s="47" t="s">
        <v>48</v>
      </c>
      <c r="CS8" s="47" t="s">
        <v>49</v>
      </c>
      <c r="CT8" s="47" t="s">
        <v>50</v>
      </c>
      <c r="CU8" s="47" t="s">
        <v>51</v>
      </c>
      <c r="CV8" s="48" t="s">
        <v>45</v>
      </c>
      <c r="CW8" s="704"/>
      <c r="CX8" s="51" t="s">
        <v>43</v>
      </c>
      <c r="CY8" s="47" t="s">
        <v>44</v>
      </c>
      <c r="CZ8" s="48" t="s">
        <v>45</v>
      </c>
      <c r="DA8" s="52" t="s">
        <v>83</v>
      </c>
      <c r="DB8" s="47" t="s">
        <v>47</v>
      </c>
      <c r="DC8" s="47" t="s">
        <v>48</v>
      </c>
      <c r="DD8" s="47" t="s">
        <v>49</v>
      </c>
      <c r="DE8" s="47" t="s">
        <v>50</v>
      </c>
      <c r="DF8" s="47" t="s">
        <v>51</v>
      </c>
      <c r="DG8" s="48" t="s">
        <v>45</v>
      </c>
      <c r="DH8" s="704"/>
      <c r="DI8" s="51" t="s">
        <v>43</v>
      </c>
      <c r="DJ8" s="47" t="s">
        <v>44</v>
      </c>
      <c r="DK8" s="48" t="s">
        <v>45</v>
      </c>
      <c r="DL8" s="52" t="s">
        <v>83</v>
      </c>
      <c r="DM8" s="47" t="s">
        <v>47</v>
      </c>
      <c r="DN8" s="47" t="s">
        <v>48</v>
      </c>
      <c r="DO8" s="47" t="s">
        <v>49</v>
      </c>
      <c r="DP8" s="47" t="s">
        <v>50</v>
      </c>
      <c r="DQ8" s="47" t="s">
        <v>51</v>
      </c>
      <c r="DR8" s="48" t="s">
        <v>45</v>
      </c>
      <c r="DS8" s="704"/>
      <c r="DT8" s="51" t="s">
        <v>43</v>
      </c>
      <c r="DU8" s="47" t="s">
        <v>44</v>
      </c>
      <c r="DV8" s="324" t="s">
        <v>45</v>
      </c>
      <c r="DW8" s="52" t="s">
        <v>83</v>
      </c>
      <c r="DX8" s="47" t="s">
        <v>47</v>
      </c>
      <c r="DY8" s="47" t="s">
        <v>48</v>
      </c>
      <c r="DZ8" s="47" t="s">
        <v>49</v>
      </c>
      <c r="EA8" s="47" t="s">
        <v>50</v>
      </c>
      <c r="EB8" s="47" t="s">
        <v>51</v>
      </c>
      <c r="EC8" s="48" t="s">
        <v>45</v>
      </c>
      <c r="ED8" s="680"/>
      <c r="EE8" s="51" t="s">
        <v>43</v>
      </c>
      <c r="EF8" s="47" t="s">
        <v>44</v>
      </c>
      <c r="EG8" s="324" t="s">
        <v>45</v>
      </c>
      <c r="EH8" s="52" t="s">
        <v>83</v>
      </c>
      <c r="EI8" s="47" t="s">
        <v>47</v>
      </c>
      <c r="EJ8" s="47" t="s">
        <v>48</v>
      </c>
      <c r="EK8" s="47" t="s">
        <v>49</v>
      </c>
      <c r="EL8" s="47" t="s">
        <v>50</v>
      </c>
      <c r="EM8" s="47" t="s">
        <v>51</v>
      </c>
      <c r="EN8" s="48" t="s">
        <v>45</v>
      </c>
      <c r="EO8" s="680"/>
      <c r="EP8" s="51" t="s">
        <v>43</v>
      </c>
      <c r="EQ8" s="47" t="s">
        <v>44</v>
      </c>
      <c r="ER8" s="324" t="s">
        <v>45</v>
      </c>
      <c r="ES8" s="52" t="s">
        <v>83</v>
      </c>
      <c r="ET8" s="47" t="s">
        <v>47</v>
      </c>
      <c r="EU8" s="47" t="s">
        <v>48</v>
      </c>
      <c r="EV8" s="47" t="s">
        <v>49</v>
      </c>
      <c r="EW8" s="47" t="s">
        <v>50</v>
      </c>
      <c r="EX8" s="47" t="s">
        <v>51</v>
      </c>
      <c r="EY8" s="48" t="s">
        <v>45</v>
      </c>
      <c r="EZ8" s="680"/>
      <c r="FA8" s="51" t="s">
        <v>43</v>
      </c>
      <c r="FB8" s="47" t="s">
        <v>44</v>
      </c>
      <c r="FC8" s="324" t="s">
        <v>45</v>
      </c>
      <c r="FD8" s="52" t="s">
        <v>83</v>
      </c>
      <c r="FE8" s="47" t="s">
        <v>47</v>
      </c>
      <c r="FF8" s="47" t="s">
        <v>48</v>
      </c>
      <c r="FG8" s="47" t="s">
        <v>49</v>
      </c>
      <c r="FH8" s="47" t="s">
        <v>50</v>
      </c>
      <c r="FI8" s="47" t="s">
        <v>51</v>
      </c>
      <c r="FJ8" s="48" t="s">
        <v>45</v>
      </c>
      <c r="FK8" s="680"/>
      <c r="FL8" s="51" t="s">
        <v>43</v>
      </c>
      <c r="FM8" s="47" t="s">
        <v>44</v>
      </c>
      <c r="FN8" s="324" t="s">
        <v>45</v>
      </c>
      <c r="FO8" s="52" t="s">
        <v>83</v>
      </c>
      <c r="FP8" s="47" t="s">
        <v>47</v>
      </c>
      <c r="FQ8" s="47" t="s">
        <v>48</v>
      </c>
      <c r="FR8" s="47" t="s">
        <v>49</v>
      </c>
      <c r="FS8" s="47" t="s">
        <v>50</v>
      </c>
      <c r="FT8" s="47" t="s">
        <v>51</v>
      </c>
      <c r="FU8" s="48" t="s">
        <v>45</v>
      </c>
      <c r="FV8" s="696"/>
      <c r="FW8" s="51" t="s">
        <v>43</v>
      </c>
      <c r="FX8" s="47" t="s">
        <v>44</v>
      </c>
      <c r="FY8" s="324" t="s">
        <v>45</v>
      </c>
      <c r="FZ8" s="52" t="s">
        <v>83</v>
      </c>
      <c r="GA8" s="47" t="s">
        <v>47</v>
      </c>
      <c r="GB8" s="47" t="s">
        <v>48</v>
      </c>
      <c r="GC8" s="47" t="s">
        <v>49</v>
      </c>
      <c r="GD8" s="47" t="s">
        <v>50</v>
      </c>
      <c r="GE8" s="47" t="s">
        <v>51</v>
      </c>
      <c r="GF8" s="48" t="s">
        <v>45</v>
      </c>
      <c r="GG8" s="680"/>
      <c r="GH8" s="51" t="s">
        <v>43</v>
      </c>
      <c r="GI8" s="47" t="s">
        <v>44</v>
      </c>
      <c r="GJ8" s="324" t="s">
        <v>45</v>
      </c>
      <c r="GK8" s="52" t="s">
        <v>83</v>
      </c>
      <c r="GL8" s="47" t="s">
        <v>47</v>
      </c>
      <c r="GM8" s="47" t="s">
        <v>48</v>
      </c>
      <c r="GN8" s="47" t="s">
        <v>49</v>
      </c>
      <c r="GO8" s="47" t="s">
        <v>50</v>
      </c>
      <c r="GP8" s="47" t="s">
        <v>51</v>
      </c>
      <c r="GQ8" s="48" t="s">
        <v>45</v>
      </c>
      <c r="GR8" s="682"/>
      <c r="GS8" s="51" t="s">
        <v>43</v>
      </c>
      <c r="GT8" s="47" t="s">
        <v>44</v>
      </c>
      <c r="GU8" s="324" t="s">
        <v>45</v>
      </c>
      <c r="GV8" s="52" t="s">
        <v>83</v>
      </c>
      <c r="GW8" s="47" t="s">
        <v>47</v>
      </c>
      <c r="GX8" s="47" t="s">
        <v>48</v>
      </c>
      <c r="GY8" s="47" t="s">
        <v>49</v>
      </c>
      <c r="GZ8" s="47" t="s">
        <v>50</v>
      </c>
      <c r="HA8" s="47" t="s">
        <v>51</v>
      </c>
      <c r="HB8" s="48" t="s">
        <v>45</v>
      </c>
      <c r="HC8" s="682"/>
      <c r="HD8" s="51" t="s">
        <v>43</v>
      </c>
      <c r="HE8" s="47" t="s">
        <v>44</v>
      </c>
      <c r="HF8" s="324" t="s">
        <v>45</v>
      </c>
      <c r="HG8" s="52" t="s">
        <v>83</v>
      </c>
      <c r="HH8" s="47" t="s">
        <v>47</v>
      </c>
      <c r="HI8" s="47" t="s">
        <v>48</v>
      </c>
      <c r="HJ8" s="47" t="s">
        <v>49</v>
      </c>
      <c r="HK8" s="47" t="s">
        <v>50</v>
      </c>
      <c r="HL8" s="47" t="s">
        <v>51</v>
      </c>
      <c r="HM8" s="48" t="s">
        <v>45</v>
      </c>
      <c r="HN8" s="680"/>
      <c r="HO8" s="51" t="s">
        <v>43</v>
      </c>
      <c r="HP8" s="47" t="s">
        <v>44</v>
      </c>
      <c r="HQ8" s="324" t="s">
        <v>45</v>
      </c>
      <c r="HR8" s="52" t="s">
        <v>83</v>
      </c>
      <c r="HS8" s="47" t="s">
        <v>47</v>
      </c>
      <c r="HT8" s="47" t="s">
        <v>48</v>
      </c>
      <c r="HU8" s="47" t="s">
        <v>49</v>
      </c>
      <c r="HV8" s="47" t="s">
        <v>50</v>
      </c>
      <c r="HW8" s="47" t="s">
        <v>51</v>
      </c>
      <c r="HX8" s="48" t="s">
        <v>45</v>
      </c>
      <c r="HY8" s="680"/>
      <c r="HZ8" s="366" t="s">
        <v>43</v>
      </c>
      <c r="IA8" s="367" t="s">
        <v>44</v>
      </c>
      <c r="IB8" s="41" t="s">
        <v>45</v>
      </c>
      <c r="IC8" s="42" t="s">
        <v>83</v>
      </c>
      <c r="ID8" s="367" t="s">
        <v>47</v>
      </c>
      <c r="IE8" s="367" t="s">
        <v>48</v>
      </c>
      <c r="IF8" s="367" t="s">
        <v>49</v>
      </c>
      <c r="IG8" s="367" t="s">
        <v>50</v>
      </c>
      <c r="IH8" s="367" t="s">
        <v>51</v>
      </c>
      <c r="II8" s="17" t="s">
        <v>45</v>
      </c>
      <c r="IJ8" s="647"/>
      <c r="IK8" s="366" t="s">
        <v>43</v>
      </c>
      <c r="IL8" s="367"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71" customFormat="1" ht="21" customHeight="1" x14ac:dyDescent="0.2">
      <c r="A9" s="44"/>
      <c r="B9" s="465" t="s">
        <v>4</v>
      </c>
      <c r="C9" s="385">
        <v>29053776</v>
      </c>
      <c r="D9" s="386">
        <v>44767046</v>
      </c>
      <c r="E9" s="387">
        <v>73820822</v>
      </c>
      <c r="F9" s="388">
        <v>0</v>
      </c>
      <c r="G9" s="386">
        <v>305514003</v>
      </c>
      <c r="H9" s="386">
        <v>404609382</v>
      </c>
      <c r="I9" s="386">
        <v>369738231</v>
      </c>
      <c r="J9" s="386">
        <v>322359296</v>
      </c>
      <c r="K9" s="386">
        <v>221205986</v>
      </c>
      <c r="L9" s="389">
        <v>1623426898</v>
      </c>
      <c r="M9" s="390">
        <v>1697247720</v>
      </c>
      <c r="N9" s="385">
        <v>7950904</v>
      </c>
      <c r="O9" s="386">
        <v>15735240</v>
      </c>
      <c r="P9" s="391">
        <v>23686144</v>
      </c>
      <c r="Q9" s="385">
        <v>0</v>
      </c>
      <c r="R9" s="386">
        <v>95840711</v>
      </c>
      <c r="S9" s="386">
        <v>135316439</v>
      </c>
      <c r="T9" s="386">
        <v>120937458</v>
      </c>
      <c r="U9" s="386">
        <v>124956100</v>
      </c>
      <c r="V9" s="386">
        <v>109462137</v>
      </c>
      <c r="W9" s="391">
        <v>586512845</v>
      </c>
      <c r="X9" s="390">
        <v>610198989</v>
      </c>
      <c r="Y9" s="385">
        <v>0</v>
      </c>
      <c r="Z9" s="386">
        <v>0</v>
      </c>
      <c r="AA9" s="391">
        <v>0</v>
      </c>
      <c r="AB9" s="392">
        <v>0</v>
      </c>
      <c r="AC9" s="393">
        <v>41096762</v>
      </c>
      <c r="AD9" s="393">
        <v>56834974</v>
      </c>
      <c r="AE9" s="393">
        <v>59654606</v>
      </c>
      <c r="AF9" s="393">
        <v>64982089</v>
      </c>
      <c r="AG9" s="393">
        <v>58769065</v>
      </c>
      <c r="AH9" s="391">
        <v>281337496</v>
      </c>
      <c r="AI9" s="390">
        <v>281337496</v>
      </c>
      <c r="AJ9" s="394">
        <v>0</v>
      </c>
      <c r="AK9" s="393">
        <v>0</v>
      </c>
      <c r="AL9" s="391">
        <v>0</v>
      </c>
      <c r="AM9" s="392">
        <v>0</v>
      </c>
      <c r="AN9" s="393">
        <v>538098</v>
      </c>
      <c r="AO9" s="389">
        <v>1948129</v>
      </c>
      <c r="AP9" s="393">
        <v>3288055</v>
      </c>
      <c r="AQ9" s="393">
        <v>7255022</v>
      </c>
      <c r="AR9" s="393">
        <v>13271118</v>
      </c>
      <c r="AS9" s="391">
        <v>26300422</v>
      </c>
      <c r="AT9" s="390">
        <v>26300422</v>
      </c>
      <c r="AU9" s="394">
        <v>4174983</v>
      </c>
      <c r="AV9" s="393">
        <v>10518879</v>
      </c>
      <c r="AW9" s="391">
        <v>14693862</v>
      </c>
      <c r="AX9" s="392">
        <v>0</v>
      </c>
      <c r="AY9" s="393">
        <v>35195608</v>
      </c>
      <c r="AZ9" s="393">
        <v>52084013</v>
      </c>
      <c r="BA9" s="393">
        <v>37011110</v>
      </c>
      <c r="BB9" s="393">
        <v>33141519</v>
      </c>
      <c r="BC9" s="393">
        <v>24650724</v>
      </c>
      <c r="BD9" s="391">
        <v>182082974</v>
      </c>
      <c r="BE9" s="395">
        <v>196776836</v>
      </c>
      <c r="BF9" s="394">
        <v>423057</v>
      </c>
      <c r="BG9" s="389">
        <v>1775889</v>
      </c>
      <c r="BH9" s="396">
        <v>2198946</v>
      </c>
      <c r="BI9" s="392">
        <v>0</v>
      </c>
      <c r="BJ9" s="393">
        <v>2384619</v>
      </c>
      <c r="BK9" s="393">
        <v>4942397</v>
      </c>
      <c r="BL9" s="393">
        <v>2804871</v>
      </c>
      <c r="BM9" s="393">
        <v>2988782</v>
      </c>
      <c r="BN9" s="393">
        <v>699294</v>
      </c>
      <c r="BO9" s="391">
        <v>13819963</v>
      </c>
      <c r="BP9" s="390">
        <v>16018909</v>
      </c>
      <c r="BQ9" s="394">
        <v>3352864</v>
      </c>
      <c r="BR9" s="393">
        <v>3440472</v>
      </c>
      <c r="BS9" s="391">
        <v>6793336</v>
      </c>
      <c r="BT9" s="392">
        <v>0</v>
      </c>
      <c r="BU9" s="393">
        <v>16625624</v>
      </c>
      <c r="BV9" s="393">
        <v>19506926</v>
      </c>
      <c r="BW9" s="393">
        <v>18178816</v>
      </c>
      <c r="BX9" s="393">
        <v>16588688</v>
      </c>
      <c r="BY9" s="393">
        <v>12071936</v>
      </c>
      <c r="BZ9" s="391">
        <v>82971990</v>
      </c>
      <c r="CA9" s="390">
        <v>89765326</v>
      </c>
      <c r="CB9" s="394">
        <v>3087794</v>
      </c>
      <c r="CC9" s="393">
        <v>6548411</v>
      </c>
      <c r="CD9" s="391">
        <v>9636205</v>
      </c>
      <c r="CE9" s="392">
        <v>0</v>
      </c>
      <c r="CF9" s="393">
        <v>96099314</v>
      </c>
      <c r="CG9" s="393">
        <v>125887461</v>
      </c>
      <c r="CH9" s="397">
        <v>88566731</v>
      </c>
      <c r="CI9" s="393">
        <v>50178899</v>
      </c>
      <c r="CJ9" s="393">
        <v>19638082</v>
      </c>
      <c r="CK9" s="391">
        <v>380370487</v>
      </c>
      <c r="CL9" s="390">
        <v>390006692</v>
      </c>
      <c r="CM9" s="385">
        <v>0</v>
      </c>
      <c r="CN9" s="386">
        <v>0</v>
      </c>
      <c r="CO9" s="391">
        <v>0</v>
      </c>
      <c r="CP9" s="392">
        <v>0</v>
      </c>
      <c r="CQ9" s="393">
        <v>76944424</v>
      </c>
      <c r="CR9" s="393">
        <v>94043347</v>
      </c>
      <c r="CS9" s="393">
        <v>64698022</v>
      </c>
      <c r="CT9" s="393">
        <v>35148745</v>
      </c>
      <c r="CU9" s="393">
        <v>14629395</v>
      </c>
      <c r="CV9" s="398">
        <v>285463933</v>
      </c>
      <c r="CW9" s="390">
        <v>285463933</v>
      </c>
      <c r="CX9" s="394">
        <v>3087794</v>
      </c>
      <c r="CY9" s="393">
        <v>6548411</v>
      </c>
      <c r="CZ9" s="391">
        <v>9636205</v>
      </c>
      <c r="DA9" s="392">
        <v>0</v>
      </c>
      <c r="DB9" s="393">
        <v>19154890</v>
      </c>
      <c r="DC9" s="393">
        <v>31844114</v>
      </c>
      <c r="DD9" s="393">
        <v>23868709</v>
      </c>
      <c r="DE9" s="393">
        <v>15030154</v>
      </c>
      <c r="DF9" s="393">
        <v>5008687</v>
      </c>
      <c r="DG9" s="391">
        <v>94906554</v>
      </c>
      <c r="DH9" s="390">
        <v>104542759</v>
      </c>
      <c r="DI9" s="394">
        <v>238917</v>
      </c>
      <c r="DJ9" s="393">
        <v>617508</v>
      </c>
      <c r="DK9" s="396">
        <v>856425</v>
      </c>
      <c r="DL9" s="392">
        <v>0</v>
      </c>
      <c r="DM9" s="393">
        <v>9484068</v>
      </c>
      <c r="DN9" s="393">
        <v>19360874</v>
      </c>
      <c r="DO9" s="393">
        <v>40164646</v>
      </c>
      <c r="DP9" s="393">
        <v>29026419</v>
      </c>
      <c r="DQ9" s="393">
        <v>15389738</v>
      </c>
      <c r="DR9" s="399">
        <v>113425745</v>
      </c>
      <c r="DS9" s="390">
        <v>114282170</v>
      </c>
      <c r="DT9" s="394">
        <v>183714</v>
      </c>
      <c r="DU9" s="393">
        <v>494697</v>
      </c>
      <c r="DV9" s="391">
        <v>678411</v>
      </c>
      <c r="DW9" s="392">
        <v>0</v>
      </c>
      <c r="DX9" s="393">
        <v>8312628</v>
      </c>
      <c r="DY9" s="393">
        <v>15992900</v>
      </c>
      <c r="DZ9" s="393">
        <v>35154594</v>
      </c>
      <c r="EA9" s="393">
        <v>25104980</v>
      </c>
      <c r="EB9" s="393">
        <v>13541812</v>
      </c>
      <c r="EC9" s="391">
        <v>98106914</v>
      </c>
      <c r="ED9" s="390">
        <v>98785325</v>
      </c>
      <c r="EE9" s="394">
        <v>55203</v>
      </c>
      <c r="EF9" s="389">
        <v>122811</v>
      </c>
      <c r="EG9" s="391">
        <v>178014</v>
      </c>
      <c r="EH9" s="395">
        <v>0</v>
      </c>
      <c r="EI9" s="393">
        <v>1171440</v>
      </c>
      <c r="EJ9" s="393">
        <v>3367974</v>
      </c>
      <c r="EK9" s="393">
        <v>5010052</v>
      </c>
      <c r="EL9" s="393">
        <v>3921439</v>
      </c>
      <c r="EM9" s="397">
        <v>1847926</v>
      </c>
      <c r="EN9" s="389">
        <v>15318831</v>
      </c>
      <c r="EO9" s="390">
        <v>15496845</v>
      </c>
      <c r="EP9" s="394">
        <v>0</v>
      </c>
      <c r="EQ9" s="393">
        <v>0</v>
      </c>
      <c r="ER9" s="389">
        <v>0</v>
      </c>
      <c r="ES9" s="392">
        <v>0</v>
      </c>
      <c r="ET9" s="393">
        <v>0</v>
      </c>
      <c r="EU9" s="393">
        <v>0</v>
      </c>
      <c r="EV9" s="393">
        <v>0</v>
      </c>
      <c r="EW9" s="393">
        <v>0</v>
      </c>
      <c r="EX9" s="393">
        <v>0</v>
      </c>
      <c r="EY9" s="398">
        <v>0</v>
      </c>
      <c r="EZ9" s="390">
        <v>0</v>
      </c>
      <c r="FA9" s="394">
        <v>0</v>
      </c>
      <c r="FB9" s="393">
        <v>0</v>
      </c>
      <c r="FC9" s="389">
        <v>0</v>
      </c>
      <c r="FD9" s="400"/>
      <c r="FE9" s="393">
        <v>0</v>
      </c>
      <c r="FF9" s="393">
        <v>0</v>
      </c>
      <c r="FG9" s="393">
        <v>0</v>
      </c>
      <c r="FH9" s="393">
        <v>0</v>
      </c>
      <c r="FI9" s="393">
        <v>0</v>
      </c>
      <c r="FJ9" s="398">
        <v>0</v>
      </c>
      <c r="FK9" s="390">
        <v>0</v>
      </c>
      <c r="FL9" s="394">
        <v>6855812</v>
      </c>
      <c r="FM9" s="393">
        <v>11101484</v>
      </c>
      <c r="FN9" s="391">
        <v>17957296</v>
      </c>
      <c r="FO9" s="392">
        <v>0</v>
      </c>
      <c r="FP9" s="393">
        <v>16599507</v>
      </c>
      <c r="FQ9" s="393">
        <v>40320348</v>
      </c>
      <c r="FR9" s="393">
        <v>29078329</v>
      </c>
      <c r="FS9" s="393">
        <v>25607748</v>
      </c>
      <c r="FT9" s="393">
        <v>16485137</v>
      </c>
      <c r="FU9" s="391">
        <v>128091069</v>
      </c>
      <c r="FV9" s="390">
        <v>146048365</v>
      </c>
      <c r="FW9" s="394">
        <v>2388600</v>
      </c>
      <c r="FX9" s="393">
        <v>6615280</v>
      </c>
      <c r="FY9" s="389">
        <v>9003880</v>
      </c>
      <c r="FZ9" s="395">
        <v>0</v>
      </c>
      <c r="GA9" s="393">
        <v>10470760</v>
      </c>
      <c r="GB9" s="401">
        <v>34996094</v>
      </c>
      <c r="GC9" s="393">
        <v>25762046</v>
      </c>
      <c r="GD9" s="401">
        <v>22756816</v>
      </c>
      <c r="GE9" s="393">
        <v>14916328</v>
      </c>
      <c r="GF9" s="398">
        <v>108902044</v>
      </c>
      <c r="GG9" s="402">
        <v>117905924</v>
      </c>
      <c r="GH9" s="403">
        <v>573987</v>
      </c>
      <c r="GI9" s="393">
        <v>838542</v>
      </c>
      <c r="GJ9" s="401">
        <v>1412529</v>
      </c>
      <c r="GK9" s="388">
        <v>0</v>
      </c>
      <c r="GL9" s="393">
        <v>1037277</v>
      </c>
      <c r="GM9" s="389">
        <v>1505070</v>
      </c>
      <c r="GN9" s="393">
        <v>1349881</v>
      </c>
      <c r="GO9" s="389">
        <v>952612</v>
      </c>
      <c r="GP9" s="393">
        <v>721569</v>
      </c>
      <c r="GQ9" s="399">
        <v>5566409</v>
      </c>
      <c r="GR9" s="390">
        <v>6978938</v>
      </c>
      <c r="GS9" s="389">
        <v>3893225</v>
      </c>
      <c r="GT9" s="393">
        <v>3647662</v>
      </c>
      <c r="GU9" s="391">
        <v>7540887</v>
      </c>
      <c r="GV9" s="389">
        <v>0</v>
      </c>
      <c r="GW9" s="393">
        <v>5091470</v>
      </c>
      <c r="GX9" s="389">
        <v>3819184</v>
      </c>
      <c r="GY9" s="393">
        <v>1966402</v>
      </c>
      <c r="GZ9" s="389">
        <v>1898320</v>
      </c>
      <c r="HA9" s="393">
        <v>847240</v>
      </c>
      <c r="HB9" s="389">
        <v>13622616</v>
      </c>
      <c r="HC9" s="390">
        <v>21163503</v>
      </c>
      <c r="HD9" s="389">
        <v>10920349</v>
      </c>
      <c r="HE9" s="393">
        <v>10764403</v>
      </c>
      <c r="HF9" s="389">
        <v>21684752</v>
      </c>
      <c r="HG9" s="395">
        <v>0</v>
      </c>
      <c r="HH9" s="393">
        <v>87490403</v>
      </c>
      <c r="HI9" s="401">
        <v>83724260</v>
      </c>
      <c r="HJ9" s="393">
        <v>90991067</v>
      </c>
      <c r="HK9" s="401">
        <v>92590130</v>
      </c>
      <c r="HL9" s="393">
        <v>60230892</v>
      </c>
      <c r="HM9" s="398">
        <v>415026752</v>
      </c>
      <c r="HN9" s="389">
        <v>436711504</v>
      </c>
      <c r="HO9" s="466"/>
      <c r="HP9" s="467"/>
      <c r="HQ9" s="468"/>
      <c r="HR9" s="469"/>
      <c r="HS9" s="467"/>
      <c r="HT9" s="469"/>
      <c r="HU9" s="467"/>
      <c r="HV9" s="469"/>
      <c r="HW9" s="467"/>
      <c r="HX9" s="469"/>
      <c r="HY9" s="470"/>
      <c r="HZ9" s="404">
        <v>534566</v>
      </c>
      <c r="IA9" s="405">
        <v>944692</v>
      </c>
      <c r="IB9" s="406">
        <v>1479258</v>
      </c>
      <c r="IC9" s="407">
        <v>0</v>
      </c>
      <c r="ID9" s="405">
        <v>82752030</v>
      </c>
      <c r="IE9" s="408">
        <v>105335762</v>
      </c>
      <c r="IF9" s="409">
        <v>111814852</v>
      </c>
      <c r="IG9" s="405">
        <v>82217567</v>
      </c>
      <c r="IH9" s="409">
        <v>62042893</v>
      </c>
      <c r="II9" s="410">
        <v>444163104</v>
      </c>
      <c r="IJ9" s="411">
        <v>445642362</v>
      </c>
      <c r="IK9" s="412">
        <v>0</v>
      </c>
      <c r="IL9" s="413">
        <v>0</v>
      </c>
      <c r="IM9" s="414">
        <v>0</v>
      </c>
      <c r="IN9" s="415"/>
      <c r="IO9" s="416">
        <v>1391905</v>
      </c>
      <c r="IP9" s="416">
        <v>2491068</v>
      </c>
      <c r="IQ9" s="416">
        <v>4896857</v>
      </c>
      <c r="IR9" s="416">
        <v>4198814</v>
      </c>
      <c r="IS9" s="416">
        <v>5092764</v>
      </c>
      <c r="IT9" s="417">
        <v>18071408</v>
      </c>
      <c r="IU9" s="418">
        <v>18071408</v>
      </c>
      <c r="IV9" s="419">
        <v>0</v>
      </c>
      <c r="IW9" s="416">
        <v>0</v>
      </c>
      <c r="IX9" s="420">
        <v>0</v>
      </c>
      <c r="IY9" s="421"/>
      <c r="IZ9" s="416">
        <v>232561</v>
      </c>
      <c r="JA9" s="416">
        <v>609913</v>
      </c>
      <c r="JB9" s="416">
        <v>680360</v>
      </c>
      <c r="JC9" s="416">
        <v>831754</v>
      </c>
      <c r="JD9" s="416">
        <v>764285</v>
      </c>
      <c r="JE9" s="420">
        <v>3118873</v>
      </c>
      <c r="JF9" s="422">
        <v>3118873</v>
      </c>
      <c r="JG9" s="419">
        <v>0</v>
      </c>
      <c r="JH9" s="416">
        <v>0</v>
      </c>
      <c r="JI9" s="417">
        <v>0</v>
      </c>
      <c r="JJ9" s="423">
        <v>0</v>
      </c>
      <c r="JK9" s="416">
        <v>39041586</v>
      </c>
      <c r="JL9" s="416">
        <v>38955731</v>
      </c>
      <c r="JM9" s="416">
        <v>28813797</v>
      </c>
      <c r="JN9" s="416">
        <v>13178802</v>
      </c>
      <c r="JO9" s="416">
        <v>7837437</v>
      </c>
      <c r="JP9" s="420">
        <v>127827353</v>
      </c>
      <c r="JQ9" s="418">
        <v>127827353</v>
      </c>
      <c r="JR9" s="419">
        <v>26940</v>
      </c>
      <c r="JS9" s="416">
        <v>0</v>
      </c>
      <c r="JT9" s="417">
        <v>26940</v>
      </c>
      <c r="JU9" s="423">
        <v>0</v>
      </c>
      <c r="JV9" s="416">
        <v>6743022</v>
      </c>
      <c r="JW9" s="416">
        <v>7789399</v>
      </c>
      <c r="JX9" s="416">
        <v>9270129</v>
      </c>
      <c r="JY9" s="416">
        <v>4098908</v>
      </c>
      <c r="JZ9" s="416">
        <v>3085145</v>
      </c>
      <c r="KA9" s="420">
        <v>30986603</v>
      </c>
      <c r="KB9" s="418">
        <v>31013543</v>
      </c>
      <c r="KC9" s="424">
        <v>507626</v>
      </c>
      <c r="KD9" s="425">
        <v>721280</v>
      </c>
      <c r="KE9" s="420">
        <v>1228906</v>
      </c>
      <c r="KF9" s="423">
        <v>0</v>
      </c>
      <c r="KG9" s="416">
        <v>9591589</v>
      </c>
      <c r="KH9" s="416">
        <v>13797205</v>
      </c>
      <c r="KI9" s="416">
        <v>18389159</v>
      </c>
      <c r="KJ9" s="416">
        <v>13109337</v>
      </c>
      <c r="KK9" s="416">
        <v>6812520</v>
      </c>
      <c r="KL9" s="420">
        <v>61699810</v>
      </c>
      <c r="KM9" s="426">
        <v>62928716</v>
      </c>
      <c r="KN9" s="412">
        <v>0</v>
      </c>
      <c r="KO9" s="413">
        <v>223412</v>
      </c>
      <c r="KP9" s="414">
        <v>223412</v>
      </c>
      <c r="KQ9" s="415"/>
      <c r="KR9" s="416">
        <v>22584664</v>
      </c>
      <c r="KS9" s="416">
        <v>35448810</v>
      </c>
      <c r="KT9" s="416">
        <v>37949428</v>
      </c>
      <c r="KU9" s="416">
        <v>31450038</v>
      </c>
      <c r="KV9" s="416">
        <v>21147391</v>
      </c>
      <c r="KW9" s="420">
        <v>148580331</v>
      </c>
      <c r="KX9" s="418">
        <v>148803743</v>
      </c>
      <c r="KY9" s="419">
        <v>0</v>
      </c>
      <c r="KZ9" s="416">
        <v>0</v>
      </c>
      <c r="LA9" s="420">
        <v>0</v>
      </c>
      <c r="LB9" s="427"/>
      <c r="LC9" s="416">
        <v>597601</v>
      </c>
      <c r="LD9" s="416">
        <v>1268830</v>
      </c>
      <c r="LE9" s="416">
        <v>1365083</v>
      </c>
      <c r="LF9" s="416">
        <v>875820</v>
      </c>
      <c r="LG9" s="416">
        <v>905377</v>
      </c>
      <c r="LH9" s="420">
        <v>5012711</v>
      </c>
      <c r="LI9" s="422">
        <v>5012711</v>
      </c>
      <c r="LJ9" s="419">
        <v>0</v>
      </c>
      <c r="LK9" s="416">
        <v>0</v>
      </c>
      <c r="LL9" s="420">
        <v>0</v>
      </c>
      <c r="LM9" s="427"/>
      <c r="LN9" s="416">
        <v>0</v>
      </c>
      <c r="LO9" s="416">
        <v>721416</v>
      </c>
      <c r="LP9" s="416">
        <v>5048715</v>
      </c>
      <c r="LQ9" s="416">
        <v>5528867</v>
      </c>
      <c r="LR9" s="416">
        <v>2916359</v>
      </c>
      <c r="LS9" s="420">
        <v>14215357</v>
      </c>
      <c r="LT9" s="418">
        <v>14215357</v>
      </c>
      <c r="LU9" s="419">
        <v>0</v>
      </c>
      <c r="LV9" s="416">
        <v>0</v>
      </c>
      <c r="LW9" s="420">
        <v>0</v>
      </c>
      <c r="LX9" s="427"/>
      <c r="LY9" s="416">
        <v>2569102</v>
      </c>
      <c r="LZ9" s="416">
        <v>4253390</v>
      </c>
      <c r="MA9" s="416">
        <v>5401324</v>
      </c>
      <c r="MB9" s="416">
        <v>8945227</v>
      </c>
      <c r="MC9" s="416">
        <v>13481615</v>
      </c>
      <c r="MD9" s="420">
        <v>34650658</v>
      </c>
      <c r="ME9" s="422">
        <v>34650658</v>
      </c>
      <c r="MF9" s="419">
        <v>0</v>
      </c>
      <c r="MG9" s="416">
        <v>0</v>
      </c>
      <c r="MH9" s="420">
        <v>0</v>
      </c>
      <c r="MI9" s="427"/>
      <c r="MJ9" s="416">
        <v>23631850</v>
      </c>
      <c r="MK9" s="416">
        <v>58727995</v>
      </c>
      <c r="ML9" s="416">
        <v>180591855</v>
      </c>
      <c r="MM9" s="416">
        <v>275482006</v>
      </c>
      <c r="MN9" s="416">
        <v>166778753</v>
      </c>
      <c r="MO9" s="420">
        <v>705212459</v>
      </c>
      <c r="MP9" s="426">
        <v>705212459</v>
      </c>
      <c r="MQ9" s="419">
        <v>0</v>
      </c>
      <c r="MR9" s="416">
        <v>0</v>
      </c>
      <c r="MS9" s="420">
        <v>0</v>
      </c>
      <c r="MT9" s="427"/>
      <c r="MU9" s="416">
        <v>2781357</v>
      </c>
      <c r="MV9" s="416">
        <v>12396961</v>
      </c>
      <c r="MW9" s="416">
        <v>109176027</v>
      </c>
      <c r="MX9" s="416">
        <v>173910818</v>
      </c>
      <c r="MY9" s="416">
        <v>105535445</v>
      </c>
      <c r="MZ9" s="420">
        <v>403800608</v>
      </c>
      <c r="NA9" s="426">
        <v>403800608</v>
      </c>
      <c r="NB9" s="419">
        <v>0</v>
      </c>
      <c r="NC9" s="416">
        <v>0</v>
      </c>
      <c r="ND9" s="420">
        <v>0</v>
      </c>
      <c r="NE9" s="427"/>
      <c r="NF9" s="416">
        <v>20850493</v>
      </c>
      <c r="NG9" s="416">
        <v>46107466</v>
      </c>
      <c r="NH9" s="416">
        <v>70410512</v>
      </c>
      <c r="NI9" s="416">
        <v>95029420</v>
      </c>
      <c r="NJ9" s="416">
        <v>52558177</v>
      </c>
      <c r="NK9" s="420">
        <v>284956068</v>
      </c>
      <c r="NL9" s="418">
        <v>284956068</v>
      </c>
      <c r="NM9" s="419">
        <v>0</v>
      </c>
      <c r="NN9" s="416">
        <v>0</v>
      </c>
      <c r="NO9" s="420">
        <v>0</v>
      </c>
      <c r="NP9" s="427"/>
      <c r="NQ9" s="416">
        <v>0</v>
      </c>
      <c r="NR9" s="416">
        <v>0</v>
      </c>
      <c r="NS9" s="416">
        <v>315888</v>
      </c>
      <c r="NT9" s="416">
        <v>2600821</v>
      </c>
      <c r="NU9" s="416">
        <v>1476677</v>
      </c>
      <c r="NV9" s="420">
        <v>4393386</v>
      </c>
      <c r="NW9" s="422">
        <v>4393386</v>
      </c>
      <c r="NX9" s="419">
        <v>0</v>
      </c>
      <c r="NY9" s="416">
        <v>0</v>
      </c>
      <c r="NZ9" s="420">
        <v>0</v>
      </c>
      <c r="OA9" s="427"/>
      <c r="OB9" s="416">
        <v>0</v>
      </c>
      <c r="OC9" s="416">
        <v>223568</v>
      </c>
      <c r="OD9" s="416">
        <v>689428</v>
      </c>
      <c r="OE9" s="416">
        <v>3940947</v>
      </c>
      <c r="OF9" s="416">
        <v>7208454</v>
      </c>
      <c r="OG9" s="420">
        <v>12062397</v>
      </c>
      <c r="OH9" s="422">
        <v>12062397</v>
      </c>
      <c r="OI9" s="419">
        <v>29588342</v>
      </c>
      <c r="OJ9" s="416">
        <v>45711738</v>
      </c>
      <c r="OK9" s="417">
        <v>75300080</v>
      </c>
      <c r="OL9" s="423">
        <v>0</v>
      </c>
      <c r="OM9" s="416">
        <v>411897883</v>
      </c>
      <c r="ON9" s="416">
        <v>568673139</v>
      </c>
      <c r="OO9" s="416">
        <v>662144938</v>
      </c>
      <c r="OP9" s="416">
        <v>680058869</v>
      </c>
      <c r="OQ9" s="416">
        <v>450027632</v>
      </c>
      <c r="OR9" s="420">
        <v>2772802461</v>
      </c>
      <c r="OS9" s="426">
        <v>2848102541</v>
      </c>
    </row>
    <row r="10" spans="1:409" s="471" customFormat="1" ht="21" customHeight="1" x14ac:dyDescent="0.2">
      <c r="A10" s="44"/>
      <c r="B10" s="472" t="s">
        <v>5</v>
      </c>
      <c r="C10" s="430">
        <v>12996115</v>
      </c>
      <c r="D10" s="431">
        <v>23626051</v>
      </c>
      <c r="E10" s="432">
        <v>36622166</v>
      </c>
      <c r="F10" s="433">
        <v>0</v>
      </c>
      <c r="G10" s="431">
        <v>116304914</v>
      </c>
      <c r="H10" s="431">
        <v>186496972</v>
      </c>
      <c r="I10" s="431">
        <v>168582499</v>
      </c>
      <c r="J10" s="431">
        <v>141719261</v>
      </c>
      <c r="K10" s="431">
        <v>101277235</v>
      </c>
      <c r="L10" s="433">
        <v>714380881</v>
      </c>
      <c r="M10" s="434">
        <v>751003047</v>
      </c>
      <c r="N10" s="430">
        <v>3566780</v>
      </c>
      <c r="O10" s="431">
        <v>8904832</v>
      </c>
      <c r="P10" s="432">
        <v>12471612</v>
      </c>
      <c r="Q10" s="430">
        <v>0</v>
      </c>
      <c r="R10" s="431">
        <v>38374824</v>
      </c>
      <c r="S10" s="431">
        <v>66768930</v>
      </c>
      <c r="T10" s="431">
        <v>56325899</v>
      </c>
      <c r="U10" s="431">
        <v>56351583</v>
      </c>
      <c r="V10" s="431">
        <v>48422151</v>
      </c>
      <c r="W10" s="432">
        <v>266243387</v>
      </c>
      <c r="X10" s="434">
        <v>278714999</v>
      </c>
      <c r="Y10" s="430">
        <v>0</v>
      </c>
      <c r="Z10" s="431">
        <v>0</v>
      </c>
      <c r="AA10" s="432">
        <v>0</v>
      </c>
      <c r="AB10" s="430">
        <v>0</v>
      </c>
      <c r="AC10" s="431">
        <v>16545176</v>
      </c>
      <c r="AD10" s="431">
        <v>26371951</v>
      </c>
      <c r="AE10" s="431">
        <v>26161036</v>
      </c>
      <c r="AF10" s="431">
        <v>28635504</v>
      </c>
      <c r="AG10" s="431">
        <v>25350205</v>
      </c>
      <c r="AH10" s="432">
        <v>123063872</v>
      </c>
      <c r="AI10" s="434">
        <v>123063872</v>
      </c>
      <c r="AJ10" s="430">
        <v>0</v>
      </c>
      <c r="AK10" s="431">
        <v>0</v>
      </c>
      <c r="AL10" s="432">
        <v>0</v>
      </c>
      <c r="AM10" s="430">
        <v>0</v>
      </c>
      <c r="AN10" s="431">
        <v>60750</v>
      </c>
      <c r="AO10" s="431">
        <v>949601</v>
      </c>
      <c r="AP10" s="431">
        <v>1342641</v>
      </c>
      <c r="AQ10" s="431">
        <v>3263328</v>
      </c>
      <c r="AR10" s="431">
        <v>6247409</v>
      </c>
      <c r="AS10" s="432">
        <v>11863729</v>
      </c>
      <c r="AT10" s="434">
        <v>11863729</v>
      </c>
      <c r="AU10" s="430">
        <v>1979648</v>
      </c>
      <c r="AV10" s="431">
        <v>5970757</v>
      </c>
      <c r="AW10" s="432">
        <v>7950405</v>
      </c>
      <c r="AX10" s="430">
        <v>0</v>
      </c>
      <c r="AY10" s="431">
        <v>14533099</v>
      </c>
      <c r="AZ10" s="431">
        <v>28667745</v>
      </c>
      <c r="BA10" s="431">
        <v>19503144</v>
      </c>
      <c r="BB10" s="431">
        <v>16037582</v>
      </c>
      <c r="BC10" s="431">
        <v>11281411</v>
      </c>
      <c r="BD10" s="432">
        <v>90022981</v>
      </c>
      <c r="BE10" s="434">
        <v>97973386</v>
      </c>
      <c r="BF10" s="430">
        <v>200596</v>
      </c>
      <c r="BG10" s="431">
        <v>883251</v>
      </c>
      <c r="BH10" s="435">
        <v>1083847</v>
      </c>
      <c r="BI10" s="436">
        <v>0</v>
      </c>
      <c r="BJ10" s="431">
        <v>702119</v>
      </c>
      <c r="BK10" s="431">
        <v>1872819</v>
      </c>
      <c r="BL10" s="431">
        <v>1422902</v>
      </c>
      <c r="BM10" s="431">
        <v>1114481</v>
      </c>
      <c r="BN10" s="431">
        <v>210622</v>
      </c>
      <c r="BO10" s="432">
        <v>5322943</v>
      </c>
      <c r="BP10" s="434">
        <v>6406790</v>
      </c>
      <c r="BQ10" s="430">
        <v>1386536</v>
      </c>
      <c r="BR10" s="431">
        <v>2050824</v>
      </c>
      <c r="BS10" s="432">
        <v>3437360</v>
      </c>
      <c r="BT10" s="430">
        <v>0</v>
      </c>
      <c r="BU10" s="431">
        <v>6533680</v>
      </c>
      <c r="BV10" s="431">
        <v>8906814</v>
      </c>
      <c r="BW10" s="431">
        <v>7896176</v>
      </c>
      <c r="BX10" s="431">
        <v>7300688</v>
      </c>
      <c r="BY10" s="431">
        <v>5332504</v>
      </c>
      <c r="BZ10" s="432">
        <v>35969862</v>
      </c>
      <c r="CA10" s="434">
        <v>39407222</v>
      </c>
      <c r="CB10" s="430">
        <v>1432644</v>
      </c>
      <c r="CC10" s="431">
        <v>3209745</v>
      </c>
      <c r="CD10" s="432">
        <v>4642389</v>
      </c>
      <c r="CE10" s="430">
        <v>0</v>
      </c>
      <c r="CF10" s="431">
        <v>35359816</v>
      </c>
      <c r="CG10" s="431">
        <v>53408542</v>
      </c>
      <c r="CH10" s="431">
        <v>38177741</v>
      </c>
      <c r="CI10" s="431">
        <v>20424738</v>
      </c>
      <c r="CJ10" s="431">
        <v>9064424</v>
      </c>
      <c r="CK10" s="432">
        <v>156435261</v>
      </c>
      <c r="CL10" s="434">
        <v>161077650</v>
      </c>
      <c r="CM10" s="430">
        <v>0</v>
      </c>
      <c r="CN10" s="431">
        <v>0</v>
      </c>
      <c r="CO10" s="432">
        <v>0</v>
      </c>
      <c r="CP10" s="436">
        <v>0</v>
      </c>
      <c r="CQ10" s="431">
        <v>28537762</v>
      </c>
      <c r="CR10" s="431">
        <v>39698931</v>
      </c>
      <c r="CS10" s="431">
        <v>26036819</v>
      </c>
      <c r="CT10" s="431">
        <v>13509104</v>
      </c>
      <c r="CU10" s="431">
        <v>6905504</v>
      </c>
      <c r="CV10" s="432">
        <v>114688120</v>
      </c>
      <c r="CW10" s="434">
        <v>114688120</v>
      </c>
      <c r="CX10" s="430">
        <v>1432644</v>
      </c>
      <c r="CY10" s="431">
        <v>3209745</v>
      </c>
      <c r="CZ10" s="432">
        <v>4642389</v>
      </c>
      <c r="DA10" s="430">
        <v>0</v>
      </c>
      <c r="DB10" s="431">
        <v>6822054</v>
      </c>
      <c r="DC10" s="431">
        <v>13709611</v>
      </c>
      <c r="DD10" s="431">
        <v>12140922</v>
      </c>
      <c r="DE10" s="431">
        <v>6915634</v>
      </c>
      <c r="DF10" s="431">
        <v>2158920</v>
      </c>
      <c r="DG10" s="432">
        <v>41747141</v>
      </c>
      <c r="DH10" s="434">
        <v>46389530</v>
      </c>
      <c r="DI10" s="430">
        <v>112376</v>
      </c>
      <c r="DJ10" s="431">
        <v>357243</v>
      </c>
      <c r="DK10" s="435">
        <v>469619</v>
      </c>
      <c r="DL10" s="436">
        <v>0</v>
      </c>
      <c r="DM10" s="431">
        <v>2898734</v>
      </c>
      <c r="DN10" s="431">
        <v>8310295</v>
      </c>
      <c r="DO10" s="431">
        <v>19642268</v>
      </c>
      <c r="DP10" s="431">
        <v>10960490</v>
      </c>
      <c r="DQ10" s="431">
        <v>8040970</v>
      </c>
      <c r="DR10" s="432">
        <v>49852757</v>
      </c>
      <c r="DS10" s="434">
        <v>50322376</v>
      </c>
      <c r="DT10" s="430">
        <v>57173</v>
      </c>
      <c r="DU10" s="431">
        <v>261827</v>
      </c>
      <c r="DV10" s="432">
        <v>319000</v>
      </c>
      <c r="DW10" s="430">
        <v>0</v>
      </c>
      <c r="DX10" s="431">
        <v>2451407</v>
      </c>
      <c r="DY10" s="431">
        <v>6513636</v>
      </c>
      <c r="DZ10" s="431">
        <v>16289708</v>
      </c>
      <c r="EA10" s="431">
        <v>8716746</v>
      </c>
      <c r="EB10" s="431">
        <v>6575362</v>
      </c>
      <c r="EC10" s="432">
        <v>40546859</v>
      </c>
      <c r="ED10" s="434">
        <v>40865859</v>
      </c>
      <c r="EE10" s="430">
        <v>55203</v>
      </c>
      <c r="EF10" s="435">
        <v>95416</v>
      </c>
      <c r="EG10" s="432">
        <v>150619</v>
      </c>
      <c r="EH10" s="430">
        <v>0</v>
      </c>
      <c r="EI10" s="431">
        <v>447327</v>
      </c>
      <c r="EJ10" s="431">
        <v>1796659</v>
      </c>
      <c r="EK10" s="431">
        <v>3352560</v>
      </c>
      <c r="EL10" s="431">
        <v>2243744</v>
      </c>
      <c r="EM10" s="431">
        <v>1465608</v>
      </c>
      <c r="EN10" s="435">
        <v>9305898</v>
      </c>
      <c r="EO10" s="434">
        <v>9456517</v>
      </c>
      <c r="EP10" s="430">
        <v>0</v>
      </c>
      <c r="EQ10" s="431">
        <v>0</v>
      </c>
      <c r="ER10" s="435">
        <v>0</v>
      </c>
      <c r="ES10" s="436">
        <v>0</v>
      </c>
      <c r="ET10" s="431">
        <v>0</v>
      </c>
      <c r="EU10" s="431">
        <v>0</v>
      </c>
      <c r="EV10" s="431">
        <v>0</v>
      </c>
      <c r="EW10" s="431">
        <v>0</v>
      </c>
      <c r="EX10" s="431">
        <v>0</v>
      </c>
      <c r="EY10" s="432">
        <v>0</v>
      </c>
      <c r="EZ10" s="434">
        <v>0</v>
      </c>
      <c r="FA10" s="430">
        <v>0</v>
      </c>
      <c r="FB10" s="431">
        <v>0</v>
      </c>
      <c r="FC10" s="435">
        <v>0</v>
      </c>
      <c r="FD10" s="437"/>
      <c r="FE10" s="431">
        <v>0</v>
      </c>
      <c r="FF10" s="431">
        <v>0</v>
      </c>
      <c r="FG10" s="431">
        <v>0</v>
      </c>
      <c r="FH10" s="431">
        <v>0</v>
      </c>
      <c r="FI10" s="431">
        <v>0</v>
      </c>
      <c r="FJ10" s="432">
        <v>0</v>
      </c>
      <c r="FK10" s="434">
        <v>0</v>
      </c>
      <c r="FL10" s="430">
        <v>3698305</v>
      </c>
      <c r="FM10" s="431">
        <v>6142114</v>
      </c>
      <c r="FN10" s="432">
        <v>9840419</v>
      </c>
      <c r="FO10" s="430">
        <v>0</v>
      </c>
      <c r="FP10" s="431">
        <v>6862770</v>
      </c>
      <c r="FQ10" s="431">
        <v>18775008</v>
      </c>
      <c r="FR10" s="431">
        <v>13324045</v>
      </c>
      <c r="FS10" s="431">
        <v>11178164</v>
      </c>
      <c r="FT10" s="431">
        <v>7564201</v>
      </c>
      <c r="FU10" s="432">
        <v>57704188</v>
      </c>
      <c r="FV10" s="434">
        <v>67544607</v>
      </c>
      <c r="FW10" s="438">
        <v>846248</v>
      </c>
      <c r="FX10" s="431">
        <v>2815624</v>
      </c>
      <c r="FY10" s="435">
        <v>3661872</v>
      </c>
      <c r="FZ10" s="436">
        <v>0</v>
      </c>
      <c r="GA10" s="431">
        <v>3367672</v>
      </c>
      <c r="GB10" s="431">
        <v>15736374</v>
      </c>
      <c r="GC10" s="431">
        <v>11231224</v>
      </c>
      <c r="GD10" s="431">
        <v>9163824</v>
      </c>
      <c r="GE10" s="431">
        <v>6523272</v>
      </c>
      <c r="GF10" s="432">
        <v>46022366</v>
      </c>
      <c r="GG10" s="439">
        <v>49684238</v>
      </c>
      <c r="GH10" s="438">
        <v>158224</v>
      </c>
      <c r="GI10" s="431">
        <v>590612</v>
      </c>
      <c r="GJ10" s="435">
        <v>748836</v>
      </c>
      <c r="GK10" s="436">
        <v>0</v>
      </c>
      <c r="GL10" s="431">
        <v>640989</v>
      </c>
      <c r="GM10" s="431">
        <v>703250</v>
      </c>
      <c r="GN10" s="431">
        <v>861381</v>
      </c>
      <c r="GO10" s="431">
        <v>530740</v>
      </c>
      <c r="GP10" s="431">
        <v>525609</v>
      </c>
      <c r="GQ10" s="432">
        <v>3261969</v>
      </c>
      <c r="GR10" s="434">
        <v>4010805</v>
      </c>
      <c r="GS10" s="430">
        <v>2693833</v>
      </c>
      <c r="GT10" s="431">
        <v>2735878</v>
      </c>
      <c r="GU10" s="432">
        <v>5429711</v>
      </c>
      <c r="GV10" s="430">
        <v>0</v>
      </c>
      <c r="GW10" s="431">
        <v>2854109</v>
      </c>
      <c r="GX10" s="431">
        <v>2335384</v>
      </c>
      <c r="GY10" s="431">
        <v>1231440</v>
      </c>
      <c r="GZ10" s="431">
        <v>1483600</v>
      </c>
      <c r="HA10" s="431">
        <v>515320</v>
      </c>
      <c r="HB10" s="435">
        <v>8419853</v>
      </c>
      <c r="HC10" s="434">
        <v>13849564</v>
      </c>
      <c r="HD10" s="430">
        <v>4186010</v>
      </c>
      <c r="HE10" s="431">
        <v>5012117</v>
      </c>
      <c r="HF10" s="435">
        <v>9198127</v>
      </c>
      <c r="HG10" s="436">
        <v>0</v>
      </c>
      <c r="HH10" s="431">
        <v>32808770</v>
      </c>
      <c r="HI10" s="431">
        <v>39234197</v>
      </c>
      <c r="HJ10" s="431">
        <v>41112546</v>
      </c>
      <c r="HK10" s="431">
        <v>42804286</v>
      </c>
      <c r="HL10" s="431">
        <v>28185489</v>
      </c>
      <c r="HM10" s="432">
        <v>184145288</v>
      </c>
      <c r="HN10" s="433">
        <v>193343415</v>
      </c>
      <c r="HO10" s="473"/>
      <c r="HP10" s="474"/>
      <c r="HQ10" s="475"/>
      <c r="HR10" s="476"/>
      <c r="HS10" s="474"/>
      <c r="HT10" s="474"/>
      <c r="HU10" s="474"/>
      <c r="HV10" s="474"/>
      <c r="HW10" s="474"/>
      <c r="HX10" s="477"/>
      <c r="HY10" s="478"/>
      <c r="HZ10" s="440">
        <v>181667</v>
      </c>
      <c r="IA10" s="441">
        <v>699987</v>
      </c>
      <c r="IB10" s="442">
        <v>881654</v>
      </c>
      <c r="IC10" s="443">
        <v>0</v>
      </c>
      <c r="ID10" s="444">
        <v>32077697</v>
      </c>
      <c r="IE10" s="445">
        <v>46588781</v>
      </c>
      <c r="IF10" s="446">
        <v>46250108</v>
      </c>
      <c r="IG10" s="444">
        <v>34657037</v>
      </c>
      <c r="IH10" s="446">
        <v>28621950</v>
      </c>
      <c r="II10" s="447">
        <v>188195573</v>
      </c>
      <c r="IJ10" s="448">
        <v>189077227</v>
      </c>
      <c r="IK10" s="449">
        <v>0</v>
      </c>
      <c r="IL10" s="450">
        <v>0</v>
      </c>
      <c r="IM10" s="451">
        <v>0</v>
      </c>
      <c r="IN10" s="452"/>
      <c r="IO10" s="453">
        <v>394026</v>
      </c>
      <c r="IP10" s="453">
        <v>1280295</v>
      </c>
      <c r="IQ10" s="453">
        <v>1741258</v>
      </c>
      <c r="IR10" s="453">
        <v>2369993</v>
      </c>
      <c r="IS10" s="453">
        <v>2397171</v>
      </c>
      <c r="IT10" s="454">
        <v>8182743</v>
      </c>
      <c r="IU10" s="455">
        <v>8182743</v>
      </c>
      <c r="IV10" s="456">
        <v>0</v>
      </c>
      <c r="IW10" s="453">
        <v>0</v>
      </c>
      <c r="IX10" s="457">
        <v>0</v>
      </c>
      <c r="IY10" s="458"/>
      <c r="IZ10" s="453">
        <v>157784</v>
      </c>
      <c r="JA10" s="453">
        <v>493025</v>
      </c>
      <c r="JB10" s="453">
        <v>432255</v>
      </c>
      <c r="JC10" s="453">
        <v>711767</v>
      </c>
      <c r="JD10" s="453">
        <v>697594</v>
      </c>
      <c r="JE10" s="457">
        <v>2492425</v>
      </c>
      <c r="JF10" s="459">
        <v>2492425</v>
      </c>
      <c r="JG10" s="456">
        <v>0</v>
      </c>
      <c r="JH10" s="453">
        <v>0</v>
      </c>
      <c r="JI10" s="454">
        <v>0</v>
      </c>
      <c r="JJ10" s="460">
        <v>0</v>
      </c>
      <c r="JK10" s="453">
        <v>15670134</v>
      </c>
      <c r="JL10" s="453">
        <v>19341323</v>
      </c>
      <c r="JM10" s="453">
        <v>13330501</v>
      </c>
      <c r="JN10" s="453">
        <v>7133411</v>
      </c>
      <c r="JO10" s="453">
        <v>4137861</v>
      </c>
      <c r="JP10" s="457">
        <v>59613230</v>
      </c>
      <c r="JQ10" s="455">
        <v>59613230</v>
      </c>
      <c r="JR10" s="456">
        <v>0</v>
      </c>
      <c r="JS10" s="453">
        <v>0</v>
      </c>
      <c r="JT10" s="454">
        <v>0</v>
      </c>
      <c r="JU10" s="460">
        <v>0</v>
      </c>
      <c r="JV10" s="453">
        <v>3362875</v>
      </c>
      <c r="JW10" s="453">
        <v>3795975</v>
      </c>
      <c r="JX10" s="453">
        <v>6361501</v>
      </c>
      <c r="JY10" s="453">
        <v>2350866</v>
      </c>
      <c r="JZ10" s="453">
        <v>1622929</v>
      </c>
      <c r="KA10" s="457">
        <v>17494146</v>
      </c>
      <c r="KB10" s="455">
        <v>17494146</v>
      </c>
      <c r="KC10" s="461">
        <v>181667</v>
      </c>
      <c r="KD10" s="462">
        <v>476575</v>
      </c>
      <c r="KE10" s="457">
        <v>658242</v>
      </c>
      <c r="KF10" s="460">
        <v>0</v>
      </c>
      <c r="KG10" s="453">
        <v>2882579</v>
      </c>
      <c r="KH10" s="453">
        <v>5843308</v>
      </c>
      <c r="KI10" s="453">
        <v>7955886</v>
      </c>
      <c r="KJ10" s="453">
        <v>5037578</v>
      </c>
      <c r="KK10" s="453">
        <v>3495571</v>
      </c>
      <c r="KL10" s="457">
        <v>25214922</v>
      </c>
      <c r="KM10" s="463">
        <v>25873164</v>
      </c>
      <c r="KN10" s="449">
        <v>0</v>
      </c>
      <c r="KO10" s="450">
        <v>223412</v>
      </c>
      <c r="KP10" s="451">
        <v>223412</v>
      </c>
      <c r="KQ10" s="452"/>
      <c r="KR10" s="453">
        <v>8956491</v>
      </c>
      <c r="KS10" s="453">
        <v>14673567</v>
      </c>
      <c r="KT10" s="453">
        <v>13763852</v>
      </c>
      <c r="KU10" s="453">
        <v>13442134</v>
      </c>
      <c r="KV10" s="453">
        <v>9226787</v>
      </c>
      <c r="KW10" s="457">
        <v>60062831</v>
      </c>
      <c r="KX10" s="455">
        <v>60286243</v>
      </c>
      <c r="KY10" s="456">
        <v>0</v>
      </c>
      <c r="KZ10" s="453">
        <v>0</v>
      </c>
      <c r="LA10" s="457">
        <v>0</v>
      </c>
      <c r="LB10" s="464"/>
      <c r="LC10" s="453">
        <v>0</v>
      </c>
      <c r="LD10" s="453">
        <v>0</v>
      </c>
      <c r="LE10" s="453">
        <v>0</v>
      </c>
      <c r="LF10" s="453">
        <v>0</v>
      </c>
      <c r="LG10" s="453">
        <v>0</v>
      </c>
      <c r="LH10" s="457">
        <v>0</v>
      </c>
      <c r="LI10" s="459">
        <v>0</v>
      </c>
      <c r="LJ10" s="456">
        <v>0</v>
      </c>
      <c r="LK10" s="453">
        <v>0</v>
      </c>
      <c r="LL10" s="457">
        <v>0</v>
      </c>
      <c r="LM10" s="464"/>
      <c r="LN10" s="453">
        <v>0</v>
      </c>
      <c r="LO10" s="453">
        <v>333193</v>
      </c>
      <c r="LP10" s="453">
        <v>1356273</v>
      </c>
      <c r="LQ10" s="453">
        <v>1453353</v>
      </c>
      <c r="LR10" s="453">
        <v>771477</v>
      </c>
      <c r="LS10" s="457">
        <v>3914296</v>
      </c>
      <c r="LT10" s="455">
        <v>3914296</v>
      </c>
      <c r="LU10" s="456">
        <v>0</v>
      </c>
      <c r="LV10" s="453">
        <v>0</v>
      </c>
      <c r="LW10" s="457">
        <v>0</v>
      </c>
      <c r="LX10" s="464"/>
      <c r="LY10" s="453">
        <v>653808</v>
      </c>
      <c r="LZ10" s="453">
        <v>828095</v>
      </c>
      <c r="MA10" s="453">
        <v>1308582</v>
      </c>
      <c r="MB10" s="453">
        <v>2157935</v>
      </c>
      <c r="MC10" s="453">
        <v>6272560</v>
      </c>
      <c r="MD10" s="457">
        <v>11220980</v>
      </c>
      <c r="ME10" s="459">
        <v>11220980</v>
      </c>
      <c r="MF10" s="456">
        <v>0</v>
      </c>
      <c r="MG10" s="453">
        <v>0</v>
      </c>
      <c r="MH10" s="457">
        <v>0</v>
      </c>
      <c r="MI10" s="464"/>
      <c r="MJ10" s="453">
        <v>11489785</v>
      </c>
      <c r="MK10" s="453">
        <v>33109566</v>
      </c>
      <c r="ML10" s="453">
        <v>90347664</v>
      </c>
      <c r="MM10" s="453">
        <v>120359634</v>
      </c>
      <c r="MN10" s="453">
        <v>78847159</v>
      </c>
      <c r="MO10" s="457">
        <v>334153808</v>
      </c>
      <c r="MP10" s="463">
        <v>334153808</v>
      </c>
      <c r="MQ10" s="456">
        <v>0</v>
      </c>
      <c r="MR10" s="453">
        <v>0</v>
      </c>
      <c r="MS10" s="457">
        <v>0</v>
      </c>
      <c r="MT10" s="464"/>
      <c r="MU10" s="453">
        <v>1920407</v>
      </c>
      <c r="MV10" s="453">
        <v>9441095</v>
      </c>
      <c r="MW10" s="453">
        <v>57008146</v>
      </c>
      <c r="MX10" s="453">
        <v>71232126</v>
      </c>
      <c r="MY10" s="453">
        <v>47468081</v>
      </c>
      <c r="MZ10" s="457">
        <v>187069855</v>
      </c>
      <c r="NA10" s="463">
        <v>187069855</v>
      </c>
      <c r="NB10" s="456">
        <v>0</v>
      </c>
      <c r="NC10" s="453">
        <v>0</v>
      </c>
      <c r="ND10" s="457">
        <v>0</v>
      </c>
      <c r="NE10" s="464"/>
      <c r="NF10" s="453">
        <v>9569378</v>
      </c>
      <c r="NG10" s="453">
        <v>23668471</v>
      </c>
      <c r="NH10" s="453">
        <v>32998865</v>
      </c>
      <c r="NI10" s="453">
        <v>47994923</v>
      </c>
      <c r="NJ10" s="453">
        <v>27986155</v>
      </c>
      <c r="NK10" s="457">
        <v>142217792</v>
      </c>
      <c r="NL10" s="455">
        <v>142217792</v>
      </c>
      <c r="NM10" s="456">
        <v>0</v>
      </c>
      <c r="NN10" s="453">
        <v>0</v>
      </c>
      <c r="NO10" s="457">
        <v>0</v>
      </c>
      <c r="NP10" s="464"/>
      <c r="NQ10" s="453">
        <v>0</v>
      </c>
      <c r="NR10" s="453">
        <v>0</v>
      </c>
      <c r="NS10" s="453">
        <v>0</v>
      </c>
      <c r="NT10" s="453">
        <v>765922</v>
      </c>
      <c r="NU10" s="453">
        <v>1165521</v>
      </c>
      <c r="NV10" s="457">
        <v>1931443</v>
      </c>
      <c r="NW10" s="459">
        <v>1931443</v>
      </c>
      <c r="NX10" s="456">
        <v>0</v>
      </c>
      <c r="NY10" s="453">
        <v>0</v>
      </c>
      <c r="NZ10" s="457">
        <v>0</v>
      </c>
      <c r="OA10" s="464"/>
      <c r="OB10" s="453">
        <v>0</v>
      </c>
      <c r="OC10" s="453">
        <v>0</v>
      </c>
      <c r="OD10" s="453">
        <v>340653</v>
      </c>
      <c r="OE10" s="453">
        <v>366663</v>
      </c>
      <c r="OF10" s="453">
        <v>2227402</v>
      </c>
      <c r="OG10" s="457">
        <v>2934718</v>
      </c>
      <c r="OH10" s="459">
        <v>2934718</v>
      </c>
      <c r="OI10" s="456">
        <v>13177782</v>
      </c>
      <c r="OJ10" s="453">
        <v>24326038</v>
      </c>
      <c r="OK10" s="454">
        <v>37503820</v>
      </c>
      <c r="OL10" s="460">
        <v>0</v>
      </c>
      <c r="OM10" s="453">
        <v>159872396</v>
      </c>
      <c r="ON10" s="453">
        <v>266195319</v>
      </c>
      <c r="OO10" s="453">
        <v>305180271</v>
      </c>
      <c r="OP10" s="453">
        <v>296735932</v>
      </c>
      <c r="OQ10" s="453">
        <v>208746344</v>
      </c>
      <c r="OR10" s="457">
        <v>1236730262</v>
      </c>
      <c r="OS10" s="463">
        <v>1274234082</v>
      </c>
    </row>
    <row r="11" spans="1:409" ht="21" customHeight="1" x14ac:dyDescent="0.2">
      <c r="B11" s="126" t="s">
        <v>6</v>
      </c>
      <c r="C11" s="110">
        <v>4304020</v>
      </c>
      <c r="D11" s="114">
        <v>4650955</v>
      </c>
      <c r="E11" s="113">
        <v>8954975</v>
      </c>
      <c r="F11" s="109">
        <v>0</v>
      </c>
      <c r="G11" s="114">
        <v>41742993</v>
      </c>
      <c r="H11" s="114">
        <v>50827739</v>
      </c>
      <c r="I11" s="114">
        <v>44386841</v>
      </c>
      <c r="J11" s="114">
        <v>38079175</v>
      </c>
      <c r="K11" s="114">
        <v>30801773</v>
      </c>
      <c r="L11" s="109">
        <v>205838521</v>
      </c>
      <c r="M11" s="116">
        <v>214793496</v>
      </c>
      <c r="N11" s="110">
        <v>1187026</v>
      </c>
      <c r="O11" s="114">
        <v>1572768</v>
      </c>
      <c r="P11" s="113">
        <v>2759794</v>
      </c>
      <c r="Q11" s="110">
        <v>0</v>
      </c>
      <c r="R11" s="114">
        <v>13163834</v>
      </c>
      <c r="S11" s="114">
        <v>15873812</v>
      </c>
      <c r="T11" s="114">
        <v>14770934</v>
      </c>
      <c r="U11" s="114">
        <v>14732203</v>
      </c>
      <c r="V11" s="114">
        <v>15302451</v>
      </c>
      <c r="W11" s="113">
        <v>73843234</v>
      </c>
      <c r="X11" s="116">
        <v>76603028</v>
      </c>
      <c r="Y11" s="110">
        <v>0</v>
      </c>
      <c r="Z11" s="114">
        <v>0</v>
      </c>
      <c r="AA11" s="113">
        <v>0</v>
      </c>
      <c r="AB11" s="110">
        <v>0</v>
      </c>
      <c r="AC11" s="114">
        <v>5277584</v>
      </c>
      <c r="AD11" s="114">
        <v>6308520</v>
      </c>
      <c r="AE11" s="114">
        <v>7428343</v>
      </c>
      <c r="AF11" s="114">
        <v>6278875</v>
      </c>
      <c r="AG11" s="114">
        <v>7694558</v>
      </c>
      <c r="AH11" s="113">
        <v>32987880</v>
      </c>
      <c r="AI11" s="116">
        <v>32987880</v>
      </c>
      <c r="AJ11" s="110">
        <v>0</v>
      </c>
      <c r="AK11" s="114">
        <v>0</v>
      </c>
      <c r="AL11" s="113">
        <v>0</v>
      </c>
      <c r="AM11" s="110">
        <v>0</v>
      </c>
      <c r="AN11" s="114">
        <v>149255</v>
      </c>
      <c r="AO11" s="114">
        <v>220650</v>
      </c>
      <c r="AP11" s="114">
        <v>428507</v>
      </c>
      <c r="AQ11" s="114">
        <v>610699</v>
      </c>
      <c r="AR11" s="114">
        <v>1770910</v>
      </c>
      <c r="AS11" s="113">
        <v>3180021</v>
      </c>
      <c r="AT11" s="116">
        <v>3180021</v>
      </c>
      <c r="AU11" s="110">
        <v>559791</v>
      </c>
      <c r="AV11" s="114">
        <v>1168156</v>
      </c>
      <c r="AW11" s="113">
        <v>1727947</v>
      </c>
      <c r="AX11" s="110">
        <v>0</v>
      </c>
      <c r="AY11" s="114">
        <v>4730168</v>
      </c>
      <c r="AZ11" s="114">
        <v>6142971</v>
      </c>
      <c r="BA11" s="114">
        <v>4003726</v>
      </c>
      <c r="BB11" s="114">
        <v>4912937</v>
      </c>
      <c r="BC11" s="114">
        <v>3951987</v>
      </c>
      <c r="BD11" s="113">
        <v>23741789</v>
      </c>
      <c r="BE11" s="116">
        <v>25469736</v>
      </c>
      <c r="BF11" s="110">
        <v>55531</v>
      </c>
      <c r="BG11" s="114">
        <v>31924</v>
      </c>
      <c r="BH11" s="112">
        <v>87455</v>
      </c>
      <c r="BI11" s="111">
        <v>0</v>
      </c>
      <c r="BJ11" s="114">
        <v>236019</v>
      </c>
      <c r="BK11" s="114">
        <v>651255</v>
      </c>
      <c r="BL11" s="114">
        <v>136046</v>
      </c>
      <c r="BM11" s="114">
        <v>457908</v>
      </c>
      <c r="BN11" s="114">
        <v>88884</v>
      </c>
      <c r="BO11" s="113">
        <v>1570112</v>
      </c>
      <c r="BP11" s="116">
        <v>1657567</v>
      </c>
      <c r="BQ11" s="110">
        <v>571704</v>
      </c>
      <c r="BR11" s="114">
        <v>372688</v>
      </c>
      <c r="BS11" s="113">
        <v>944392</v>
      </c>
      <c r="BT11" s="110">
        <v>0</v>
      </c>
      <c r="BU11" s="114">
        <v>2770808</v>
      </c>
      <c r="BV11" s="114">
        <v>2550416</v>
      </c>
      <c r="BW11" s="114">
        <v>2774312</v>
      </c>
      <c r="BX11" s="114">
        <v>2471784</v>
      </c>
      <c r="BY11" s="114">
        <v>1796112</v>
      </c>
      <c r="BZ11" s="113">
        <v>12363432</v>
      </c>
      <c r="CA11" s="116">
        <v>13307824</v>
      </c>
      <c r="CB11" s="110">
        <v>258422</v>
      </c>
      <c r="CC11" s="114">
        <v>479330</v>
      </c>
      <c r="CD11" s="113">
        <v>737752</v>
      </c>
      <c r="CE11" s="110">
        <v>0</v>
      </c>
      <c r="CF11" s="114">
        <v>12566874</v>
      </c>
      <c r="CG11" s="114">
        <v>17828343</v>
      </c>
      <c r="CH11" s="114">
        <v>8033402</v>
      </c>
      <c r="CI11" s="114">
        <v>6771721</v>
      </c>
      <c r="CJ11" s="114">
        <v>3295935</v>
      </c>
      <c r="CK11" s="113">
        <v>48496275</v>
      </c>
      <c r="CL11" s="116">
        <v>49234027</v>
      </c>
      <c r="CM11" s="110">
        <v>0</v>
      </c>
      <c r="CN11" s="114">
        <v>0</v>
      </c>
      <c r="CO11" s="113">
        <v>0</v>
      </c>
      <c r="CP11" s="111">
        <v>0</v>
      </c>
      <c r="CQ11" s="114">
        <v>10240127</v>
      </c>
      <c r="CR11" s="114">
        <v>13480758</v>
      </c>
      <c r="CS11" s="114">
        <v>5803592</v>
      </c>
      <c r="CT11" s="114">
        <v>5095582</v>
      </c>
      <c r="CU11" s="114">
        <v>1916976</v>
      </c>
      <c r="CV11" s="113">
        <v>36537035</v>
      </c>
      <c r="CW11" s="116">
        <v>36537035</v>
      </c>
      <c r="CX11" s="110">
        <v>258422</v>
      </c>
      <c r="CY11" s="114">
        <v>479330</v>
      </c>
      <c r="CZ11" s="113">
        <v>737752</v>
      </c>
      <c r="DA11" s="110">
        <v>0</v>
      </c>
      <c r="DB11" s="114">
        <v>2326747</v>
      </c>
      <c r="DC11" s="114">
        <v>4347585</v>
      </c>
      <c r="DD11" s="114">
        <v>2229810</v>
      </c>
      <c r="DE11" s="114">
        <v>1676139</v>
      </c>
      <c r="DF11" s="114">
        <v>1378959</v>
      </c>
      <c r="DG11" s="113">
        <v>11959240</v>
      </c>
      <c r="DH11" s="116">
        <v>12696992</v>
      </c>
      <c r="DI11" s="110">
        <v>42082</v>
      </c>
      <c r="DJ11" s="114">
        <v>29671</v>
      </c>
      <c r="DK11" s="112">
        <v>71753</v>
      </c>
      <c r="DL11" s="111">
        <v>0</v>
      </c>
      <c r="DM11" s="114">
        <v>932140</v>
      </c>
      <c r="DN11" s="114">
        <v>2142524</v>
      </c>
      <c r="DO11" s="114">
        <v>3673247</v>
      </c>
      <c r="DP11" s="114">
        <v>1730717</v>
      </c>
      <c r="DQ11" s="114">
        <v>1849155</v>
      </c>
      <c r="DR11" s="113">
        <v>10327783</v>
      </c>
      <c r="DS11" s="116">
        <v>10399536</v>
      </c>
      <c r="DT11" s="110">
        <v>42082</v>
      </c>
      <c r="DU11" s="114">
        <v>29671</v>
      </c>
      <c r="DV11" s="113">
        <v>71753</v>
      </c>
      <c r="DW11" s="110">
        <v>0</v>
      </c>
      <c r="DX11" s="114">
        <v>702864</v>
      </c>
      <c r="DY11" s="114">
        <v>1526886</v>
      </c>
      <c r="DZ11" s="114">
        <v>3267820</v>
      </c>
      <c r="EA11" s="114">
        <v>1110779</v>
      </c>
      <c r="EB11" s="114">
        <v>1709188</v>
      </c>
      <c r="EC11" s="113">
        <v>8317537</v>
      </c>
      <c r="ED11" s="116">
        <v>8389290</v>
      </c>
      <c r="EE11" s="110">
        <v>0</v>
      </c>
      <c r="EF11" s="112">
        <v>0</v>
      </c>
      <c r="EG11" s="113">
        <v>0</v>
      </c>
      <c r="EH11" s="110">
        <v>0</v>
      </c>
      <c r="EI11" s="114">
        <v>229276</v>
      </c>
      <c r="EJ11" s="114">
        <v>615638</v>
      </c>
      <c r="EK11" s="114">
        <v>405427</v>
      </c>
      <c r="EL11" s="114">
        <v>619938</v>
      </c>
      <c r="EM11" s="114">
        <v>139967</v>
      </c>
      <c r="EN11" s="112">
        <v>2010246</v>
      </c>
      <c r="EO11" s="116">
        <v>2010246</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5"/>
      <c r="FE11" s="114">
        <v>0</v>
      </c>
      <c r="FF11" s="114">
        <v>0</v>
      </c>
      <c r="FG11" s="114">
        <v>0</v>
      </c>
      <c r="FH11" s="114">
        <v>0</v>
      </c>
      <c r="FI11" s="114">
        <v>0</v>
      </c>
      <c r="FJ11" s="113">
        <v>0</v>
      </c>
      <c r="FK11" s="116">
        <v>0</v>
      </c>
      <c r="FL11" s="110">
        <v>792560</v>
      </c>
      <c r="FM11" s="114">
        <v>825560</v>
      </c>
      <c r="FN11" s="113">
        <v>1618120</v>
      </c>
      <c r="FO11" s="110">
        <v>0</v>
      </c>
      <c r="FP11" s="114">
        <v>1735312</v>
      </c>
      <c r="FQ11" s="114">
        <v>4010232</v>
      </c>
      <c r="FR11" s="114">
        <v>3408706</v>
      </c>
      <c r="FS11" s="114">
        <v>3267064</v>
      </c>
      <c r="FT11" s="114">
        <v>2523016</v>
      </c>
      <c r="FU11" s="113">
        <v>14944330</v>
      </c>
      <c r="FV11" s="116">
        <v>16562450</v>
      </c>
      <c r="FW11" s="115">
        <v>385920</v>
      </c>
      <c r="FX11" s="114">
        <v>611960</v>
      </c>
      <c r="FY11" s="112">
        <v>997880</v>
      </c>
      <c r="FZ11" s="111">
        <v>0</v>
      </c>
      <c r="GA11" s="114">
        <v>1556512</v>
      </c>
      <c r="GB11" s="114">
        <v>3677680</v>
      </c>
      <c r="GC11" s="114">
        <v>2976926</v>
      </c>
      <c r="GD11" s="114">
        <v>3187160</v>
      </c>
      <c r="GE11" s="114">
        <v>2322216</v>
      </c>
      <c r="GF11" s="113">
        <v>13720494</v>
      </c>
      <c r="GG11" s="316">
        <v>14718374</v>
      </c>
      <c r="GH11" s="115">
        <v>92240</v>
      </c>
      <c r="GI11" s="114">
        <v>0</v>
      </c>
      <c r="GJ11" s="112">
        <v>92240</v>
      </c>
      <c r="GK11" s="111">
        <v>0</v>
      </c>
      <c r="GL11" s="114">
        <v>0</v>
      </c>
      <c r="GM11" s="114">
        <v>273352</v>
      </c>
      <c r="GN11" s="114">
        <v>100188</v>
      </c>
      <c r="GO11" s="114">
        <v>79904</v>
      </c>
      <c r="GP11" s="114">
        <v>24000</v>
      </c>
      <c r="GQ11" s="113">
        <v>477444</v>
      </c>
      <c r="GR11" s="116">
        <v>569684</v>
      </c>
      <c r="GS11" s="110">
        <v>314400</v>
      </c>
      <c r="GT11" s="114">
        <v>213600</v>
      </c>
      <c r="GU11" s="113">
        <v>528000</v>
      </c>
      <c r="GV11" s="110">
        <v>0</v>
      </c>
      <c r="GW11" s="114">
        <v>178800</v>
      </c>
      <c r="GX11" s="114">
        <v>59200</v>
      </c>
      <c r="GY11" s="114">
        <v>331592</v>
      </c>
      <c r="GZ11" s="114">
        <v>0</v>
      </c>
      <c r="HA11" s="114">
        <v>176800</v>
      </c>
      <c r="HB11" s="112">
        <v>746392</v>
      </c>
      <c r="HC11" s="116">
        <v>1274392</v>
      </c>
      <c r="HD11" s="110">
        <v>2023930</v>
      </c>
      <c r="HE11" s="114">
        <v>1743626</v>
      </c>
      <c r="HF11" s="112">
        <v>3767556</v>
      </c>
      <c r="HG11" s="111">
        <v>0</v>
      </c>
      <c r="HH11" s="114">
        <v>13344833</v>
      </c>
      <c r="HI11" s="114">
        <v>10972828</v>
      </c>
      <c r="HJ11" s="114">
        <v>14500552</v>
      </c>
      <c r="HK11" s="114">
        <v>11577470</v>
      </c>
      <c r="HL11" s="114">
        <v>7831216</v>
      </c>
      <c r="HM11" s="113">
        <v>58226899</v>
      </c>
      <c r="HN11" s="109">
        <v>61994455</v>
      </c>
      <c r="HO11" s="326"/>
      <c r="HP11" s="327"/>
      <c r="HQ11" s="328"/>
      <c r="HR11" s="329"/>
      <c r="HS11" s="327"/>
      <c r="HT11" s="327"/>
      <c r="HU11" s="327"/>
      <c r="HV11" s="327"/>
      <c r="HW11" s="327"/>
      <c r="HX11" s="330"/>
      <c r="HY11" s="331"/>
      <c r="HZ11" s="131">
        <v>111522</v>
      </c>
      <c r="IA11" s="132">
        <v>0</v>
      </c>
      <c r="IB11" s="133">
        <v>111522</v>
      </c>
      <c r="IC11" s="146">
        <v>0</v>
      </c>
      <c r="ID11" s="132">
        <v>12756855</v>
      </c>
      <c r="IE11" s="147">
        <v>11545659</v>
      </c>
      <c r="IF11" s="133">
        <v>14729381</v>
      </c>
      <c r="IG11" s="132">
        <v>15981093</v>
      </c>
      <c r="IH11" s="133">
        <v>8994878</v>
      </c>
      <c r="II11" s="148">
        <v>64007866</v>
      </c>
      <c r="IJ11" s="139">
        <v>64119388</v>
      </c>
      <c r="IK11" s="232">
        <v>0</v>
      </c>
      <c r="IL11" s="236">
        <v>0</v>
      </c>
      <c r="IM11" s="237">
        <v>0</v>
      </c>
      <c r="IN11" s="140"/>
      <c r="IO11" s="119">
        <v>354441</v>
      </c>
      <c r="IP11" s="119">
        <v>189715</v>
      </c>
      <c r="IQ11" s="119">
        <v>1427839</v>
      </c>
      <c r="IR11" s="119">
        <v>970363</v>
      </c>
      <c r="IS11" s="119">
        <v>1785404</v>
      </c>
      <c r="IT11" s="141">
        <v>4727762</v>
      </c>
      <c r="IU11" s="318">
        <v>4727762</v>
      </c>
      <c r="IV11" s="142">
        <v>0</v>
      </c>
      <c r="IW11" s="119">
        <v>0</v>
      </c>
      <c r="IX11" s="120">
        <v>0</v>
      </c>
      <c r="IY11" s="144"/>
      <c r="IZ11" s="119">
        <v>64085</v>
      </c>
      <c r="JA11" s="119">
        <v>106196</v>
      </c>
      <c r="JB11" s="119">
        <v>210325</v>
      </c>
      <c r="JC11" s="119">
        <v>102094</v>
      </c>
      <c r="JD11" s="119">
        <v>66691</v>
      </c>
      <c r="JE11" s="120">
        <v>549391</v>
      </c>
      <c r="JF11" s="121">
        <v>549391</v>
      </c>
      <c r="JG11" s="142">
        <v>0</v>
      </c>
      <c r="JH11" s="119">
        <v>0</v>
      </c>
      <c r="JI11" s="141">
        <v>0</v>
      </c>
      <c r="JJ11" s="118">
        <v>0</v>
      </c>
      <c r="JK11" s="119">
        <v>4147829</v>
      </c>
      <c r="JL11" s="119">
        <v>3252268</v>
      </c>
      <c r="JM11" s="119">
        <v>2611430</v>
      </c>
      <c r="JN11" s="119">
        <v>1877844</v>
      </c>
      <c r="JO11" s="119">
        <v>499150</v>
      </c>
      <c r="JP11" s="120">
        <v>12388521</v>
      </c>
      <c r="JQ11" s="318">
        <v>12388521</v>
      </c>
      <c r="JR11" s="142">
        <v>0</v>
      </c>
      <c r="JS11" s="119">
        <v>0</v>
      </c>
      <c r="JT11" s="141">
        <v>0</v>
      </c>
      <c r="JU11" s="118">
        <v>0</v>
      </c>
      <c r="JV11" s="119">
        <v>1644269</v>
      </c>
      <c r="JW11" s="119">
        <v>1221727</v>
      </c>
      <c r="JX11" s="119">
        <v>1008553</v>
      </c>
      <c r="JY11" s="119">
        <v>386533</v>
      </c>
      <c r="JZ11" s="119">
        <v>894106</v>
      </c>
      <c r="KA11" s="120">
        <v>5155188</v>
      </c>
      <c r="KB11" s="318">
        <v>5155188</v>
      </c>
      <c r="KC11" s="234">
        <v>111522</v>
      </c>
      <c r="KD11" s="230">
        <v>0</v>
      </c>
      <c r="KE11" s="120">
        <v>111522</v>
      </c>
      <c r="KF11" s="118">
        <v>0</v>
      </c>
      <c r="KG11" s="119">
        <v>1371314</v>
      </c>
      <c r="KH11" s="119">
        <v>1217221</v>
      </c>
      <c r="KI11" s="119">
        <v>2091284</v>
      </c>
      <c r="KJ11" s="119">
        <v>3190011</v>
      </c>
      <c r="KK11" s="119">
        <v>485663</v>
      </c>
      <c r="KL11" s="120">
        <v>8355493</v>
      </c>
      <c r="KM11" s="143">
        <v>8467015</v>
      </c>
      <c r="KN11" s="232">
        <v>0</v>
      </c>
      <c r="KO11" s="236">
        <v>0</v>
      </c>
      <c r="KP11" s="237">
        <v>0</v>
      </c>
      <c r="KQ11" s="140"/>
      <c r="KR11" s="119">
        <v>4561251</v>
      </c>
      <c r="KS11" s="119">
        <v>4980702</v>
      </c>
      <c r="KT11" s="119">
        <v>4941544</v>
      </c>
      <c r="KU11" s="119">
        <v>6571717</v>
      </c>
      <c r="KV11" s="119">
        <v>2990906</v>
      </c>
      <c r="KW11" s="120">
        <v>24046120</v>
      </c>
      <c r="KX11" s="318">
        <v>24046120</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2137622</v>
      </c>
      <c r="LQ11" s="119">
        <v>1131550</v>
      </c>
      <c r="LR11" s="119">
        <v>619220</v>
      </c>
      <c r="LS11" s="120">
        <v>3888392</v>
      </c>
      <c r="LT11" s="318">
        <v>3888392</v>
      </c>
      <c r="LU11" s="142">
        <v>0</v>
      </c>
      <c r="LV11" s="119">
        <v>0</v>
      </c>
      <c r="LW11" s="120">
        <v>0</v>
      </c>
      <c r="LX11" s="145"/>
      <c r="LY11" s="119">
        <v>613666</v>
      </c>
      <c r="LZ11" s="119">
        <v>577830</v>
      </c>
      <c r="MA11" s="119">
        <v>300784</v>
      </c>
      <c r="MB11" s="119">
        <v>1750981</v>
      </c>
      <c r="MC11" s="119">
        <v>1653738</v>
      </c>
      <c r="MD11" s="120">
        <v>4896999</v>
      </c>
      <c r="ME11" s="121">
        <v>4896999</v>
      </c>
      <c r="MF11" s="142">
        <v>0</v>
      </c>
      <c r="MG11" s="119">
        <v>0</v>
      </c>
      <c r="MH11" s="120">
        <v>0</v>
      </c>
      <c r="MI11" s="145"/>
      <c r="MJ11" s="119">
        <v>2149087</v>
      </c>
      <c r="MK11" s="119">
        <v>5862896</v>
      </c>
      <c r="ML11" s="119">
        <v>17690727</v>
      </c>
      <c r="MM11" s="119">
        <v>29558411</v>
      </c>
      <c r="MN11" s="119">
        <v>21824302</v>
      </c>
      <c r="MO11" s="120">
        <v>77085423</v>
      </c>
      <c r="MP11" s="143">
        <v>77085423</v>
      </c>
      <c r="MQ11" s="142">
        <v>0</v>
      </c>
      <c r="MR11" s="119">
        <v>0</v>
      </c>
      <c r="MS11" s="120">
        <v>0</v>
      </c>
      <c r="MT11" s="145"/>
      <c r="MU11" s="119">
        <v>199254</v>
      </c>
      <c r="MV11" s="119">
        <v>988414</v>
      </c>
      <c r="MW11" s="119">
        <v>10757474</v>
      </c>
      <c r="MX11" s="119">
        <v>16972792</v>
      </c>
      <c r="MY11" s="119">
        <v>13846606</v>
      </c>
      <c r="MZ11" s="120">
        <v>42764540</v>
      </c>
      <c r="NA11" s="143">
        <v>42764540</v>
      </c>
      <c r="NB11" s="142">
        <v>0</v>
      </c>
      <c r="NC11" s="119">
        <v>0</v>
      </c>
      <c r="ND11" s="120">
        <v>0</v>
      </c>
      <c r="NE11" s="145"/>
      <c r="NF11" s="119">
        <v>1949833</v>
      </c>
      <c r="NG11" s="119">
        <v>4874482</v>
      </c>
      <c r="NH11" s="119">
        <v>6617365</v>
      </c>
      <c r="NI11" s="119">
        <v>9534258</v>
      </c>
      <c r="NJ11" s="119">
        <v>6561209</v>
      </c>
      <c r="NK11" s="120">
        <v>29537147</v>
      </c>
      <c r="NL11" s="318">
        <v>29537147</v>
      </c>
      <c r="NM11" s="142">
        <v>0</v>
      </c>
      <c r="NN11" s="119">
        <v>0</v>
      </c>
      <c r="NO11" s="120">
        <v>0</v>
      </c>
      <c r="NP11" s="145"/>
      <c r="NQ11" s="119">
        <v>0</v>
      </c>
      <c r="NR11" s="119">
        <v>0</v>
      </c>
      <c r="NS11" s="119">
        <v>315888</v>
      </c>
      <c r="NT11" s="119">
        <v>1834899</v>
      </c>
      <c r="NU11" s="119">
        <v>0</v>
      </c>
      <c r="NV11" s="120">
        <v>2150787</v>
      </c>
      <c r="NW11" s="121">
        <v>2150787</v>
      </c>
      <c r="NX11" s="142">
        <v>0</v>
      </c>
      <c r="NY11" s="119">
        <v>0</v>
      </c>
      <c r="NZ11" s="120">
        <v>0</v>
      </c>
      <c r="OA11" s="145"/>
      <c r="OB11" s="119">
        <v>0</v>
      </c>
      <c r="OC11" s="119">
        <v>0</v>
      </c>
      <c r="OD11" s="119">
        <v>0</v>
      </c>
      <c r="OE11" s="119">
        <v>1216462</v>
      </c>
      <c r="OF11" s="119">
        <v>1416487</v>
      </c>
      <c r="OG11" s="120">
        <v>2632949</v>
      </c>
      <c r="OH11" s="121">
        <v>2632949</v>
      </c>
      <c r="OI11" s="142">
        <v>4415542</v>
      </c>
      <c r="OJ11" s="119">
        <v>4650955</v>
      </c>
      <c r="OK11" s="141">
        <v>9066497</v>
      </c>
      <c r="OL11" s="118">
        <v>0</v>
      </c>
      <c r="OM11" s="119">
        <v>56648935</v>
      </c>
      <c r="ON11" s="119">
        <v>68236294</v>
      </c>
      <c r="OO11" s="119">
        <v>76806949</v>
      </c>
      <c r="OP11" s="119">
        <v>83618679</v>
      </c>
      <c r="OQ11" s="119">
        <v>61620953</v>
      </c>
      <c r="OR11" s="120">
        <v>346931810</v>
      </c>
      <c r="OS11" s="143">
        <v>355998307</v>
      </c>
    </row>
    <row r="12" spans="1:409" ht="21" customHeight="1" x14ac:dyDescent="0.2">
      <c r="B12" s="126" t="s">
        <v>14</v>
      </c>
      <c r="C12" s="110">
        <v>1253626</v>
      </c>
      <c r="D12" s="114">
        <v>3001819</v>
      </c>
      <c r="E12" s="113">
        <v>4255445</v>
      </c>
      <c r="F12" s="109">
        <v>0</v>
      </c>
      <c r="G12" s="114">
        <v>18647052</v>
      </c>
      <c r="H12" s="114">
        <v>27955808</v>
      </c>
      <c r="I12" s="114">
        <v>27112105</v>
      </c>
      <c r="J12" s="114">
        <v>20084663</v>
      </c>
      <c r="K12" s="114">
        <v>9304535</v>
      </c>
      <c r="L12" s="112">
        <v>103104163</v>
      </c>
      <c r="M12" s="116">
        <v>107359608</v>
      </c>
      <c r="N12" s="110">
        <v>320938</v>
      </c>
      <c r="O12" s="114">
        <v>957859</v>
      </c>
      <c r="P12" s="113">
        <v>1278797</v>
      </c>
      <c r="Q12" s="110">
        <v>0</v>
      </c>
      <c r="R12" s="114">
        <v>5116939</v>
      </c>
      <c r="S12" s="114">
        <v>9522290</v>
      </c>
      <c r="T12" s="114">
        <v>8003209</v>
      </c>
      <c r="U12" s="114">
        <v>6267349</v>
      </c>
      <c r="V12" s="114">
        <v>4619842</v>
      </c>
      <c r="W12" s="113">
        <v>33529629</v>
      </c>
      <c r="X12" s="116">
        <v>34808426</v>
      </c>
      <c r="Y12" s="110">
        <v>0</v>
      </c>
      <c r="Z12" s="114">
        <v>0</v>
      </c>
      <c r="AA12" s="113">
        <v>0</v>
      </c>
      <c r="AB12" s="110">
        <v>0</v>
      </c>
      <c r="AC12" s="114">
        <v>2216436</v>
      </c>
      <c r="AD12" s="114">
        <v>4249359</v>
      </c>
      <c r="AE12" s="114">
        <v>3674520</v>
      </c>
      <c r="AF12" s="114">
        <v>3493717</v>
      </c>
      <c r="AG12" s="114">
        <v>2298688</v>
      </c>
      <c r="AH12" s="113">
        <v>15932720</v>
      </c>
      <c r="AI12" s="116">
        <v>15932720</v>
      </c>
      <c r="AJ12" s="110">
        <v>0</v>
      </c>
      <c r="AK12" s="114">
        <v>0</v>
      </c>
      <c r="AL12" s="113">
        <v>0</v>
      </c>
      <c r="AM12" s="110">
        <v>0</v>
      </c>
      <c r="AN12" s="114">
        <v>13727</v>
      </c>
      <c r="AO12" s="114">
        <v>49265</v>
      </c>
      <c r="AP12" s="114">
        <v>37418</v>
      </c>
      <c r="AQ12" s="114">
        <v>167747</v>
      </c>
      <c r="AR12" s="114">
        <v>515562</v>
      </c>
      <c r="AS12" s="113">
        <v>783719</v>
      </c>
      <c r="AT12" s="116">
        <v>783719</v>
      </c>
      <c r="AU12" s="110">
        <v>102466</v>
      </c>
      <c r="AV12" s="114">
        <v>598071</v>
      </c>
      <c r="AW12" s="113">
        <v>700537</v>
      </c>
      <c r="AX12" s="110">
        <v>0</v>
      </c>
      <c r="AY12" s="114">
        <v>1626724</v>
      </c>
      <c r="AZ12" s="114">
        <v>3678953</v>
      </c>
      <c r="BA12" s="114">
        <v>2790726</v>
      </c>
      <c r="BB12" s="114">
        <v>1332024</v>
      </c>
      <c r="BC12" s="114">
        <v>1166336</v>
      </c>
      <c r="BD12" s="113">
        <v>10594763</v>
      </c>
      <c r="BE12" s="116">
        <v>11295300</v>
      </c>
      <c r="BF12" s="110">
        <v>0</v>
      </c>
      <c r="BG12" s="114">
        <v>95988</v>
      </c>
      <c r="BH12" s="112">
        <v>95988</v>
      </c>
      <c r="BI12" s="111">
        <v>0</v>
      </c>
      <c r="BJ12" s="114">
        <v>86028</v>
      </c>
      <c r="BK12" s="114">
        <v>21353</v>
      </c>
      <c r="BL12" s="114">
        <v>81913</v>
      </c>
      <c r="BM12" s="114">
        <v>179989</v>
      </c>
      <c r="BN12" s="114">
        <v>0</v>
      </c>
      <c r="BO12" s="113">
        <v>369283</v>
      </c>
      <c r="BP12" s="116">
        <v>465271</v>
      </c>
      <c r="BQ12" s="110">
        <v>218472</v>
      </c>
      <c r="BR12" s="114">
        <v>263800</v>
      </c>
      <c r="BS12" s="113">
        <v>482272</v>
      </c>
      <c r="BT12" s="110">
        <v>0</v>
      </c>
      <c r="BU12" s="114">
        <v>1174024</v>
      </c>
      <c r="BV12" s="114">
        <v>1523360</v>
      </c>
      <c r="BW12" s="114">
        <v>1418632</v>
      </c>
      <c r="BX12" s="114">
        <v>1093872</v>
      </c>
      <c r="BY12" s="114">
        <v>639256</v>
      </c>
      <c r="BZ12" s="113">
        <v>5849144</v>
      </c>
      <c r="CA12" s="116">
        <v>6331416</v>
      </c>
      <c r="CB12" s="110">
        <v>144851</v>
      </c>
      <c r="CC12" s="114">
        <v>426732</v>
      </c>
      <c r="CD12" s="113">
        <v>571583</v>
      </c>
      <c r="CE12" s="110">
        <v>0</v>
      </c>
      <c r="CF12" s="114">
        <v>6466854</v>
      </c>
      <c r="CG12" s="114">
        <v>9498392</v>
      </c>
      <c r="CH12" s="114">
        <v>8691477</v>
      </c>
      <c r="CI12" s="114">
        <v>4902503</v>
      </c>
      <c r="CJ12" s="114">
        <v>639381</v>
      </c>
      <c r="CK12" s="113">
        <v>30198607</v>
      </c>
      <c r="CL12" s="116">
        <v>30770190</v>
      </c>
      <c r="CM12" s="110">
        <v>0</v>
      </c>
      <c r="CN12" s="114">
        <v>0</v>
      </c>
      <c r="CO12" s="113">
        <v>0</v>
      </c>
      <c r="CP12" s="111">
        <v>0</v>
      </c>
      <c r="CQ12" s="114">
        <v>5724964</v>
      </c>
      <c r="CR12" s="114">
        <v>7728426</v>
      </c>
      <c r="CS12" s="114">
        <v>7582581</v>
      </c>
      <c r="CT12" s="114">
        <v>3640074</v>
      </c>
      <c r="CU12" s="114">
        <v>639381</v>
      </c>
      <c r="CV12" s="113">
        <v>25315426</v>
      </c>
      <c r="CW12" s="116">
        <v>25315426</v>
      </c>
      <c r="CX12" s="110">
        <v>144851</v>
      </c>
      <c r="CY12" s="114">
        <v>426732</v>
      </c>
      <c r="CZ12" s="113">
        <v>571583</v>
      </c>
      <c r="DA12" s="110">
        <v>0</v>
      </c>
      <c r="DB12" s="114">
        <v>741890</v>
      </c>
      <c r="DC12" s="114">
        <v>1769966</v>
      </c>
      <c r="DD12" s="114">
        <v>1108896</v>
      </c>
      <c r="DE12" s="114">
        <v>1262429</v>
      </c>
      <c r="DF12" s="114">
        <v>0</v>
      </c>
      <c r="DG12" s="113">
        <v>4883181</v>
      </c>
      <c r="DH12" s="116">
        <v>5454764</v>
      </c>
      <c r="DI12" s="110">
        <v>0</v>
      </c>
      <c r="DJ12" s="114">
        <v>34853</v>
      </c>
      <c r="DK12" s="112">
        <v>34853</v>
      </c>
      <c r="DL12" s="111">
        <v>0</v>
      </c>
      <c r="DM12" s="114">
        <v>461057</v>
      </c>
      <c r="DN12" s="114">
        <v>1753934</v>
      </c>
      <c r="DO12" s="114">
        <v>2837964</v>
      </c>
      <c r="DP12" s="114">
        <v>2201208</v>
      </c>
      <c r="DQ12" s="114">
        <v>242237</v>
      </c>
      <c r="DR12" s="113">
        <v>7496400</v>
      </c>
      <c r="DS12" s="116">
        <v>7531253</v>
      </c>
      <c r="DT12" s="110">
        <v>0</v>
      </c>
      <c r="DU12" s="114">
        <v>34853</v>
      </c>
      <c r="DV12" s="113">
        <v>34853</v>
      </c>
      <c r="DW12" s="110">
        <v>0</v>
      </c>
      <c r="DX12" s="114">
        <v>461057</v>
      </c>
      <c r="DY12" s="114">
        <v>1624538</v>
      </c>
      <c r="DZ12" s="114">
        <v>2800746</v>
      </c>
      <c r="EA12" s="114">
        <v>2165390</v>
      </c>
      <c r="EB12" s="114">
        <v>204319</v>
      </c>
      <c r="EC12" s="113">
        <v>7256050</v>
      </c>
      <c r="ED12" s="116">
        <v>7290903</v>
      </c>
      <c r="EE12" s="110">
        <v>0</v>
      </c>
      <c r="EF12" s="112">
        <v>0</v>
      </c>
      <c r="EG12" s="113">
        <v>0</v>
      </c>
      <c r="EH12" s="110">
        <v>0</v>
      </c>
      <c r="EI12" s="114">
        <v>0</v>
      </c>
      <c r="EJ12" s="114">
        <v>129396</v>
      </c>
      <c r="EK12" s="114">
        <v>37218</v>
      </c>
      <c r="EL12" s="114">
        <v>35818</v>
      </c>
      <c r="EM12" s="114">
        <v>37918</v>
      </c>
      <c r="EN12" s="112">
        <v>240350</v>
      </c>
      <c r="EO12" s="116">
        <v>240350</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5"/>
      <c r="FE12" s="114">
        <v>0</v>
      </c>
      <c r="FF12" s="114">
        <v>0</v>
      </c>
      <c r="FG12" s="114">
        <v>0</v>
      </c>
      <c r="FH12" s="114">
        <v>0</v>
      </c>
      <c r="FI12" s="114">
        <v>0</v>
      </c>
      <c r="FJ12" s="113">
        <v>0</v>
      </c>
      <c r="FK12" s="116">
        <v>0</v>
      </c>
      <c r="FL12" s="110">
        <v>236016</v>
      </c>
      <c r="FM12" s="114">
        <v>764000</v>
      </c>
      <c r="FN12" s="113">
        <v>1000016</v>
      </c>
      <c r="FO12" s="110">
        <v>0</v>
      </c>
      <c r="FP12" s="114">
        <v>929528</v>
      </c>
      <c r="FQ12" s="114">
        <v>3393680</v>
      </c>
      <c r="FR12" s="114">
        <v>2074440</v>
      </c>
      <c r="FS12" s="114">
        <v>1654248</v>
      </c>
      <c r="FT12" s="114">
        <v>809640</v>
      </c>
      <c r="FU12" s="113">
        <v>8861536</v>
      </c>
      <c r="FV12" s="116">
        <v>9861552</v>
      </c>
      <c r="FW12" s="115">
        <v>126016</v>
      </c>
      <c r="FX12" s="114">
        <v>749216</v>
      </c>
      <c r="FY12" s="112">
        <v>875232</v>
      </c>
      <c r="FZ12" s="111">
        <v>0</v>
      </c>
      <c r="GA12" s="114">
        <v>723128</v>
      </c>
      <c r="GB12" s="114">
        <v>2833720</v>
      </c>
      <c r="GC12" s="114">
        <v>1974864</v>
      </c>
      <c r="GD12" s="114">
        <v>1618888</v>
      </c>
      <c r="GE12" s="114">
        <v>767472</v>
      </c>
      <c r="GF12" s="113">
        <v>7918072</v>
      </c>
      <c r="GG12" s="316">
        <v>8793304</v>
      </c>
      <c r="GH12" s="115">
        <v>0</v>
      </c>
      <c r="GI12" s="114">
        <v>14784</v>
      </c>
      <c r="GJ12" s="112">
        <v>14784</v>
      </c>
      <c r="GK12" s="111">
        <v>0</v>
      </c>
      <c r="GL12" s="114">
        <v>38400</v>
      </c>
      <c r="GM12" s="114">
        <v>129920</v>
      </c>
      <c r="GN12" s="114">
        <v>0</v>
      </c>
      <c r="GO12" s="114">
        <v>35360</v>
      </c>
      <c r="GP12" s="114">
        <v>22968</v>
      </c>
      <c r="GQ12" s="113">
        <v>226648</v>
      </c>
      <c r="GR12" s="116">
        <v>241432</v>
      </c>
      <c r="GS12" s="110">
        <v>110000</v>
      </c>
      <c r="GT12" s="114">
        <v>0</v>
      </c>
      <c r="GU12" s="113">
        <v>110000</v>
      </c>
      <c r="GV12" s="110">
        <v>0</v>
      </c>
      <c r="GW12" s="114">
        <v>168000</v>
      </c>
      <c r="GX12" s="114">
        <v>430040</v>
      </c>
      <c r="GY12" s="114">
        <v>99576</v>
      </c>
      <c r="GZ12" s="114">
        <v>0</v>
      </c>
      <c r="HA12" s="114">
        <v>19200</v>
      </c>
      <c r="HB12" s="112">
        <v>716816</v>
      </c>
      <c r="HC12" s="116">
        <v>826816</v>
      </c>
      <c r="HD12" s="110">
        <v>551821</v>
      </c>
      <c r="HE12" s="114">
        <v>818375</v>
      </c>
      <c r="HF12" s="112">
        <v>1370196</v>
      </c>
      <c r="HG12" s="111">
        <v>0</v>
      </c>
      <c r="HH12" s="114">
        <v>5672674</v>
      </c>
      <c r="HI12" s="114">
        <v>3787512</v>
      </c>
      <c r="HJ12" s="114">
        <v>5505015</v>
      </c>
      <c r="HK12" s="114">
        <v>5059355</v>
      </c>
      <c r="HL12" s="114">
        <v>2993435</v>
      </c>
      <c r="HM12" s="113">
        <v>23017991</v>
      </c>
      <c r="HN12" s="109">
        <v>24388187</v>
      </c>
      <c r="HO12" s="326"/>
      <c r="HP12" s="327"/>
      <c r="HQ12" s="328"/>
      <c r="HR12" s="329"/>
      <c r="HS12" s="327"/>
      <c r="HT12" s="327"/>
      <c r="HU12" s="327"/>
      <c r="HV12" s="327"/>
      <c r="HW12" s="327"/>
      <c r="HX12" s="330"/>
      <c r="HY12" s="331"/>
      <c r="HZ12" s="131">
        <v>83591</v>
      </c>
      <c r="IA12" s="132">
        <v>165117</v>
      </c>
      <c r="IB12" s="133">
        <v>248708</v>
      </c>
      <c r="IC12" s="134">
        <v>0</v>
      </c>
      <c r="ID12" s="135">
        <v>6005467</v>
      </c>
      <c r="IE12" s="136">
        <v>9291646</v>
      </c>
      <c r="IF12" s="137">
        <v>8012896</v>
      </c>
      <c r="IG12" s="135">
        <v>5854320</v>
      </c>
      <c r="IH12" s="137">
        <v>4662195</v>
      </c>
      <c r="II12" s="138">
        <v>33826524</v>
      </c>
      <c r="IJ12" s="139">
        <v>34075232</v>
      </c>
      <c r="IK12" s="232">
        <v>0</v>
      </c>
      <c r="IL12" s="236">
        <v>0</v>
      </c>
      <c r="IM12" s="237">
        <v>0</v>
      </c>
      <c r="IN12" s="140"/>
      <c r="IO12" s="119">
        <v>79044</v>
      </c>
      <c r="IP12" s="119">
        <v>420884</v>
      </c>
      <c r="IQ12" s="119">
        <v>431134</v>
      </c>
      <c r="IR12" s="119">
        <v>196480</v>
      </c>
      <c r="IS12" s="119">
        <v>0</v>
      </c>
      <c r="IT12" s="141">
        <v>1127542</v>
      </c>
      <c r="IU12" s="318">
        <v>1127542</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894509</v>
      </c>
      <c r="JL12" s="119">
        <v>3576274</v>
      </c>
      <c r="JM12" s="119">
        <v>2862038</v>
      </c>
      <c r="JN12" s="119">
        <v>723418</v>
      </c>
      <c r="JO12" s="119">
        <v>859805</v>
      </c>
      <c r="JP12" s="120">
        <v>10916044</v>
      </c>
      <c r="JQ12" s="318">
        <v>10916044</v>
      </c>
      <c r="JR12" s="142">
        <v>0</v>
      </c>
      <c r="JS12" s="119">
        <v>0</v>
      </c>
      <c r="JT12" s="141">
        <v>0</v>
      </c>
      <c r="JU12" s="118">
        <v>0</v>
      </c>
      <c r="JV12" s="119">
        <v>157742</v>
      </c>
      <c r="JW12" s="119">
        <v>320531</v>
      </c>
      <c r="JX12" s="119">
        <v>123415</v>
      </c>
      <c r="JY12" s="119">
        <v>0</v>
      </c>
      <c r="JZ12" s="119">
        <v>0</v>
      </c>
      <c r="KA12" s="120">
        <v>601688</v>
      </c>
      <c r="KB12" s="318">
        <v>601688</v>
      </c>
      <c r="KC12" s="234">
        <v>83591</v>
      </c>
      <c r="KD12" s="230">
        <v>165117</v>
      </c>
      <c r="KE12" s="120">
        <v>248708</v>
      </c>
      <c r="KF12" s="118">
        <v>0</v>
      </c>
      <c r="KG12" s="119">
        <v>1285265</v>
      </c>
      <c r="KH12" s="119">
        <v>1047635</v>
      </c>
      <c r="KI12" s="119">
        <v>927041</v>
      </c>
      <c r="KJ12" s="119">
        <v>777206</v>
      </c>
      <c r="KK12" s="119">
        <v>1391331</v>
      </c>
      <c r="KL12" s="120">
        <v>5428478</v>
      </c>
      <c r="KM12" s="143">
        <v>5677186</v>
      </c>
      <c r="KN12" s="232">
        <v>0</v>
      </c>
      <c r="KO12" s="236">
        <v>0</v>
      </c>
      <c r="KP12" s="237">
        <v>0</v>
      </c>
      <c r="KQ12" s="140"/>
      <c r="KR12" s="119">
        <v>1445797</v>
      </c>
      <c r="KS12" s="119">
        <v>3392992</v>
      </c>
      <c r="KT12" s="119">
        <v>3272730</v>
      </c>
      <c r="KU12" s="119">
        <v>3016750</v>
      </c>
      <c r="KV12" s="119">
        <v>1822048</v>
      </c>
      <c r="KW12" s="120">
        <v>12950317</v>
      </c>
      <c r="KX12" s="318">
        <v>12950317</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396538</v>
      </c>
      <c r="LQ12" s="119">
        <v>284326</v>
      </c>
      <c r="LR12" s="119">
        <v>0</v>
      </c>
      <c r="LS12" s="120">
        <v>680864</v>
      </c>
      <c r="LT12" s="318">
        <v>680864</v>
      </c>
      <c r="LU12" s="142">
        <v>0</v>
      </c>
      <c r="LV12" s="119">
        <v>0</v>
      </c>
      <c r="LW12" s="120">
        <v>0</v>
      </c>
      <c r="LX12" s="145"/>
      <c r="LY12" s="119">
        <v>143110</v>
      </c>
      <c r="LZ12" s="119">
        <v>533330</v>
      </c>
      <c r="MA12" s="119">
        <v>0</v>
      </c>
      <c r="MB12" s="119">
        <v>856140</v>
      </c>
      <c r="MC12" s="119">
        <v>589011</v>
      </c>
      <c r="MD12" s="120">
        <v>2121591</v>
      </c>
      <c r="ME12" s="121">
        <v>2121591</v>
      </c>
      <c r="MF12" s="142">
        <v>0</v>
      </c>
      <c r="MG12" s="119">
        <v>0</v>
      </c>
      <c r="MH12" s="120">
        <v>0</v>
      </c>
      <c r="MI12" s="145"/>
      <c r="MJ12" s="119">
        <v>228877</v>
      </c>
      <c r="MK12" s="119">
        <v>1323801</v>
      </c>
      <c r="ML12" s="119">
        <v>13846149</v>
      </c>
      <c r="MM12" s="119">
        <v>20034977</v>
      </c>
      <c r="MN12" s="119">
        <v>11236980</v>
      </c>
      <c r="MO12" s="120">
        <v>46670784</v>
      </c>
      <c r="MP12" s="143">
        <v>46670784</v>
      </c>
      <c r="MQ12" s="142">
        <v>0</v>
      </c>
      <c r="MR12" s="119">
        <v>0</v>
      </c>
      <c r="MS12" s="120">
        <v>0</v>
      </c>
      <c r="MT12" s="145"/>
      <c r="MU12" s="119">
        <v>228877</v>
      </c>
      <c r="MV12" s="119">
        <v>0</v>
      </c>
      <c r="MW12" s="119">
        <v>9211490</v>
      </c>
      <c r="MX12" s="119">
        <v>14641556</v>
      </c>
      <c r="MY12" s="119">
        <v>7196191</v>
      </c>
      <c r="MZ12" s="120">
        <v>31278114</v>
      </c>
      <c r="NA12" s="143">
        <v>31278114</v>
      </c>
      <c r="NB12" s="142">
        <v>0</v>
      </c>
      <c r="NC12" s="119">
        <v>0</v>
      </c>
      <c r="ND12" s="120">
        <v>0</v>
      </c>
      <c r="NE12" s="145"/>
      <c r="NF12" s="119">
        <v>0</v>
      </c>
      <c r="NG12" s="119">
        <v>1323801</v>
      </c>
      <c r="NH12" s="119">
        <v>4634659</v>
      </c>
      <c r="NI12" s="119">
        <v>4796691</v>
      </c>
      <c r="NJ12" s="119">
        <v>2561559</v>
      </c>
      <c r="NK12" s="120">
        <v>13316710</v>
      </c>
      <c r="NL12" s="318">
        <v>13316710</v>
      </c>
      <c r="NM12" s="142">
        <v>0</v>
      </c>
      <c r="NN12" s="119">
        <v>0</v>
      </c>
      <c r="NO12" s="120">
        <v>0</v>
      </c>
      <c r="NP12" s="145"/>
      <c r="NQ12" s="119">
        <v>0</v>
      </c>
      <c r="NR12" s="119">
        <v>0</v>
      </c>
      <c r="NS12" s="119">
        <v>0</v>
      </c>
      <c r="NT12" s="119">
        <v>0</v>
      </c>
      <c r="NU12" s="119">
        <v>311156</v>
      </c>
      <c r="NV12" s="120">
        <v>311156</v>
      </c>
      <c r="NW12" s="121">
        <v>311156</v>
      </c>
      <c r="NX12" s="142">
        <v>0</v>
      </c>
      <c r="NY12" s="119">
        <v>0</v>
      </c>
      <c r="NZ12" s="120">
        <v>0</v>
      </c>
      <c r="OA12" s="145"/>
      <c r="OB12" s="119">
        <v>0</v>
      </c>
      <c r="OC12" s="119">
        <v>0</v>
      </c>
      <c r="OD12" s="119">
        <v>0</v>
      </c>
      <c r="OE12" s="119">
        <v>596730</v>
      </c>
      <c r="OF12" s="119">
        <v>1168074</v>
      </c>
      <c r="OG12" s="120">
        <v>1764804</v>
      </c>
      <c r="OH12" s="121">
        <v>1764804</v>
      </c>
      <c r="OI12" s="142">
        <v>1337217</v>
      </c>
      <c r="OJ12" s="119">
        <v>3166936</v>
      </c>
      <c r="OK12" s="141">
        <v>4504153</v>
      </c>
      <c r="OL12" s="118">
        <v>0</v>
      </c>
      <c r="OM12" s="119">
        <v>24881396</v>
      </c>
      <c r="ON12" s="119">
        <v>38571255</v>
      </c>
      <c r="OO12" s="119">
        <v>48971150</v>
      </c>
      <c r="OP12" s="119">
        <v>45973960</v>
      </c>
      <c r="OQ12" s="119">
        <v>25203710</v>
      </c>
      <c r="OR12" s="120">
        <v>183601471</v>
      </c>
      <c r="OS12" s="143">
        <v>188105624</v>
      </c>
    </row>
    <row r="13" spans="1:409" ht="21" customHeight="1" x14ac:dyDescent="0.2">
      <c r="B13" s="126" t="s">
        <v>7</v>
      </c>
      <c r="C13" s="110">
        <v>1128712</v>
      </c>
      <c r="D13" s="114">
        <v>1297493</v>
      </c>
      <c r="E13" s="113">
        <v>2426205</v>
      </c>
      <c r="F13" s="109">
        <v>0</v>
      </c>
      <c r="G13" s="114">
        <v>26920821</v>
      </c>
      <c r="H13" s="114">
        <v>25974894</v>
      </c>
      <c r="I13" s="114">
        <v>21538972</v>
      </c>
      <c r="J13" s="114">
        <v>19118610</v>
      </c>
      <c r="K13" s="114">
        <v>13230366</v>
      </c>
      <c r="L13" s="109">
        <v>106783663</v>
      </c>
      <c r="M13" s="116">
        <v>109209868</v>
      </c>
      <c r="N13" s="110">
        <v>243396</v>
      </c>
      <c r="O13" s="114">
        <v>317157</v>
      </c>
      <c r="P13" s="113">
        <v>560553</v>
      </c>
      <c r="Q13" s="110">
        <v>0</v>
      </c>
      <c r="R13" s="114">
        <v>7923658</v>
      </c>
      <c r="S13" s="114">
        <v>8255879</v>
      </c>
      <c r="T13" s="114">
        <v>7773449</v>
      </c>
      <c r="U13" s="114">
        <v>9077358</v>
      </c>
      <c r="V13" s="114">
        <v>7735679</v>
      </c>
      <c r="W13" s="113">
        <v>40766023</v>
      </c>
      <c r="X13" s="116">
        <v>41326576</v>
      </c>
      <c r="Y13" s="110">
        <v>0</v>
      </c>
      <c r="Z13" s="114">
        <v>0</v>
      </c>
      <c r="AA13" s="113">
        <v>0</v>
      </c>
      <c r="AB13" s="110">
        <v>0</v>
      </c>
      <c r="AC13" s="114">
        <v>3680029</v>
      </c>
      <c r="AD13" s="114">
        <v>4241752</v>
      </c>
      <c r="AE13" s="114">
        <v>4465326</v>
      </c>
      <c r="AF13" s="114">
        <v>5088823</v>
      </c>
      <c r="AG13" s="114">
        <v>4793849</v>
      </c>
      <c r="AH13" s="113">
        <v>22269779</v>
      </c>
      <c r="AI13" s="116">
        <v>22269779</v>
      </c>
      <c r="AJ13" s="110">
        <v>0</v>
      </c>
      <c r="AK13" s="114">
        <v>0</v>
      </c>
      <c r="AL13" s="113">
        <v>0</v>
      </c>
      <c r="AM13" s="110">
        <v>0</v>
      </c>
      <c r="AN13" s="114">
        <v>82526</v>
      </c>
      <c r="AO13" s="114">
        <v>222138</v>
      </c>
      <c r="AP13" s="114">
        <v>418187</v>
      </c>
      <c r="AQ13" s="114">
        <v>1322996</v>
      </c>
      <c r="AR13" s="114">
        <v>947353</v>
      </c>
      <c r="AS13" s="113">
        <v>2993200</v>
      </c>
      <c r="AT13" s="116">
        <v>2993200</v>
      </c>
      <c r="AU13" s="110">
        <v>48812</v>
      </c>
      <c r="AV13" s="114">
        <v>172629</v>
      </c>
      <c r="AW13" s="113">
        <v>221441</v>
      </c>
      <c r="AX13" s="110">
        <v>0</v>
      </c>
      <c r="AY13" s="114">
        <v>2549327</v>
      </c>
      <c r="AZ13" s="114">
        <v>2318127</v>
      </c>
      <c r="BA13" s="114">
        <v>1440481</v>
      </c>
      <c r="BB13" s="114">
        <v>1590531</v>
      </c>
      <c r="BC13" s="114">
        <v>1236102</v>
      </c>
      <c r="BD13" s="113">
        <v>9134568</v>
      </c>
      <c r="BE13" s="116">
        <v>9356009</v>
      </c>
      <c r="BF13" s="110">
        <v>0</v>
      </c>
      <c r="BG13" s="114">
        <v>0</v>
      </c>
      <c r="BH13" s="112">
        <v>0</v>
      </c>
      <c r="BI13" s="111">
        <v>0</v>
      </c>
      <c r="BJ13" s="114">
        <v>243328</v>
      </c>
      <c r="BK13" s="114">
        <v>131678</v>
      </c>
      <c r="BL13" s="114">
        <v>273407</v>
      </c>
      <c r="BM13" s="114">
        <v>167824</v>
      </c>
      <c r="BN13" s="114">
        <v>23319</v>
      </c>
      <c r="BO13" s="113">
        <v>839556</v>
      </c>
      <c r="BP13" s="116">
        <v>839556</v>
      </c>
      <c r="BQ13" s="110">
        <v>194584</v>
      </c>
      <c r="BR13" s="114">
        <v>144528</v>
      </c>
      <c r="BS13" s="113">
        <v>339112</v>
      </c>
      <c r="BT13" s="110">
        <v>0</v>
      </c>
      <c r="BU13" s="114">
        <v>1368448</v>
      </c>
      <c r="BV13" s="114">
        <v>1342184</v>
      </c>
      <c r="BW13" s="114">
        <v>1176048</v>
      </c>
      <c r="BX13" s="114">
        <v>907184</v>
      </c>
      <c r="BY13" s="114">
        <v>735056</v>
      </c>
      <c r="BZ13" s="113">
        <v>5528920</v>
      </c>
      <c r="CA13" s="116">
        <v>5868032</v>
      </c>
      <c r="CB13" s="110">
        <v>19428</v>
      </c>
      <c r="CC13" s="114">
        <v>71358</v>
      </c>
      <c r="CD13" s="113">
        <v>90786</v>
      </c>
      <c r="CE13" s="110">
        <v>0</v>
      </c>
      <c r="CF13" s="114">
        <v>8472345</v>
      </c>
      <c r="CG13" s="114">
        <v>6414000</v>
      </c>
      <c r="CH13" s="114">
        <v>4233221</v>
      </c>
      <c r="CI13" s="114">
        <v>1942803</v>
      </c>
      <c r="CJ13" s="114">
        <v>949966</v>
      </c>
      <c r="CK13" s="113">
        <v>22012335</v>
      </c>
      <c r="CL13" s="116">
        <v>22103121</v>
      </c>
      <c r="CM13" s="110">
        <v>0</v>
      </c>
      <c r="CN13" s="114">
        <v>0</v>
      </c>
      <c r="CO13" s="113">
        <v>0</v>
      </c>
      <c r="CP13" s="111">
        <v>0</v>
      </c>
      <c r="CQ13" s="114">
        <v>7453620</v>
      </c>
      <c r="CR13" s="114">
        <v>4955417</v>
      </c>
      <c r="CS13" s="114">
        <v>3204067</v>
      </c>
      <c r="CT13" s="114">
        <v>1655333</v>
      </c>
      <c r="CU13" s="114">
        <v>826997</v>
      </c>
      <c r="CV13" s="113">
        <v>18095434</v>
      </c>
      <c r="CW13" s="116">
        <v>18095434</v>
      </c>
      <c r="CX13" s="110">
        <v>19428</v>
      </c>
      <c r="CY13" s="114">
        <v>71358</v>
      </c>
      <c r="CZ13" s="113">
        <v>90786</v>
      </c>
      <c r="DA13" s="110">
        <v>0</v>
      </c>
      <c r="DB13" s="114">
        <v>1018725</v>
      </c>
      <c r="DC13" s="114">
        <v>1458583</v>
      </c>
      <c r="DD13" s="114">
        <v>1029154</v>
      </c>
      <c r="DE13" s="114">
        <v>287470</v>
      </c>
      <c r="DF13" s="114">
        <v>122969</v>
      </c>
      <c r="DG13" s="113">
        <v>3916901</v>
      </c>
      <c r="DH13" s="116">
        <v>4007687</v>
      </c>
      <c r="DI13" s="110">
        <v>0</v>
      </c>
      <c r="DJ13" s="114">
        <v>0</v>
      </c>
      <c r="DK13" s="112">
        <v>0</v>
      </c>
      <c r="DL13" s="111">
        <v>0</v>
      </c>
      <c r="DM13" s="114">
        <v>947634</v>
      </c>
      <c r="DN13" s="114">
        <v>1863176</v>
      </c>
      <c r="DO13" s="114">
        <v>2061695</v>
      </c>
      <c r="DP13" s="114">
        <v>1522589</v>
      </c>
      <c r="DQ13" s="114">
        <v>366188</v>
      </c>
      <c r="DR13" s="113">
        <v>6761282</v>
      </c>
      <c r="DS13" s="116">
        <v>6761282</v>
      </c>
      <c r="DT13" s="110">
        <v>0</v>
      </c>
      <c r="DU13" s="114">
        <v>0</v>
      </c>
      <c r="DV13" s="113">
        <v>0</v>
      </c>
      <c r="DW13" s="110">
        <v>0</v>
      </c>
      <c r="DX13" s="114">
        <v>947634</v>
      </c>
      <c r="DY13" s="114">
        <v>1684521</v>
      </c>
      <c r="DZ13" s="114">
        <v>2061695</v>
      </c>
      <c r="EA13" s="114">
        <v>941956</v>
      </c>
      <c r="EB13" s="114">
        <v>312680</v>
      </c>
      <c r="EC13" s="113">
        <v>5948486</v>
      </c>
      <c r="ED13" s="116">
        <v>5948486</v>
      </c>
      <c r="EE13" s="110">
        <v>0</v>
      </c>
      <c r="EF13" s="112">
        <v>0</v>
      </c>
      <c r="EG13" s="113">
        <v>0</v>
      </c>
      <c r="EH13" s="110">
        <v>0</v>
      </c>
      <c r="EI13" s="114">
        <v>0</v>
      </c>
      <c r="EJ13" s="114">
        <v>178655</v>
      </c>
      <c r="EK13" s="114">
        <v>0</v>
      </c>
      <c r="EL13" s="114">
        <v>580633</v>
      </c>
      <c r="EM13" s="114">
        <v>53508</v>
      </c>
      <c r="EN13" s="112">
        <v>812796</v>
      </c>
      <c r="EO13" s="116">
        <v>812796</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5"/>
      <c r="FE13" s="114">
        <v>0</v>
      </c>
      <c r="FF13" s="114">
        <v>0</v>
      </c>
      <c r="FG13" s="114">
        <v>0</v>
      </c>
      <c r="FH13" s="114">
        <v>0</v>
      </c>
      <c r="FI13" s="114">
        <v>0</v>
      </c>
      <c r="FJ13" s="113">
        <v>0</v>
      </c>
      <c r="FK13" s="116">
        <v>0</v>
      </c>
      <c r="FL13" s="110">
        <v>99691</v>
      </c>
      <c r="FM13" s="114">
        <v>281264</v>
      </c>
      <c r="FN13" s="113">
        <v>380955</v>
      </c>
      <c r="FO13" s="110">
        <v>0</v>
      </c>
      <c r="FP13" s="114">
        <v>1705608</v>
      </c>
      <c r="FQ13" s="114">
        <v>2561032</v>
      </c>
      <c r="FR13" s="114">
        <v>1605800</v>
      </c>
      <c r="FS13" s="114">
        <v>1411740</v>
      </c>
      <c r="FT13" s="114">
        <v>1053088</v>
      </c>
      <c r="FU13" s="113">
        <v>8337268</v>
      </c>
      <c r="FV13" s="116">
        <v>8718223</v>
      </c>
      <c r="FW13" s="115">
        <v>81528</v>
      </c>
      <c r="FX13" s="114">
        <v>154064</v>
      </c>
      <c r="FY13" s="112">
        <v>235592</v>
      </c>
      <c r="FZ13" s="111">
        <v>0</v>
      </c>
      <c r="GA13" s="114">
        <v>768560</v>
      </c>
      <c r="GB13" s="114">
        <v>2278328</v>
      </c>
      <c r="GC13" s="114">
        <v>1538920</v>
      </c>
      <c r="GD13" s="114">
        <v>1281960</v>
      </c>
      <c r="GE13" s="114">
        <v>1016656</v>
      </c>
      <c r="GF13" s="113">
        <v>6884424</v>
      </c>
      <c r="GG13" s="316">
        <v>7120016</v>
      </c>
      <c r="GH13" s="115">
        <v>18163</v>
      </c>
      <c r="GI13" s="114">
        <v>0</v>
      </c>
      <c r="GJ13" s="112">
        <v>18163</v>
      </c>
      <c r="GK13" s="111">
        <v>0</v>
      </c>
      <c r="GL13" s="114">
        <v>97768</v>
      </c>
      <c r="GM13" s="114">
        <v>41888</v>
      </c>
      <c r="GN13" s="114">
        <v>66880</v>
      </c>
      <c r="GO13" s="114">
        <v>21780</v>
      </c>
      <c r="GP13" s="114">
        <v>36432</v>
      </c>
      <c r="GQ13" s="113">
        <v>264748</v>
      </c>
      <c r="GR13" s="116">
        <v>282911</v>
      </c>
      <c r="GS13" s="110">
        <v>0</v>
      </c>
      <c r="GT13" s="114">
        <v>127200</v>
      </c>
      <c r="GU13" s="113">
        <v>127200</v>
      </c>
      <c r="GV13" s="110">
        <v>0</v>
      </c>
      <c r="GW13" s="114">
        <v>839280</v>
      </c>
      <c r="GX13" s="114">
        <v>240816</v>
      </c>
      <c r="GY13" s="114">
        <v>0</v>
      </c>
      <c r="GZ13" s="114">
        <v>108000</v>
      </c>
      <c r="HA13" s="114">
        <v>0</v>
      </c>
      <c r="HB13" s="112">
        <v>1188096</v>
      </c>
      <c r="HC13" s="116">
        <v>1315296</v>
      </c>
      <c r="HD13" s="110">
        <v>766197</v>
      </c>
      <c r="HE13" s="114">
        <v>627714</v>
      </c>
      <c r="HF13" s="112">
        <v>1393911</v>
      </c>
      <c r="HG13" s="111">
        <v>0</v>
      </c>
      <c r="HH13" s="114">
        <v>7871576</v>
      </c>
      <c r="HI13" s="114">
        <v>6880807</v>
      </c>
      <c r="HJ13" s="114">
        <v>5864807</v>
      </c>
      <c r="HK13" s="114">
        <v>5164120</v>
      </c>
      <c r="HL13" s="114">
        <v>3125445</v>
      </c>
      <c r="HM13" s="113">
        <v>28906755</v>
      </c>
      <c r="HN13" s="109">
        <v>30300666</v>
      </c>
      <c r="HO13" s="326"/>
      <c r="HP13" s="327"/>
      <c r="HQ13" s="328"/>
      <c r="HR13" s="329"/>
      <c r="HS13" s="327"/>
      <c r="HT13" s="327"/>
      <c r="HU13" s="327"/>
      <c r="HV13" s="327"/>
      <c r="HW13" s="327"/>
      <c r="HX13" s="330"/>
      <c r="HY13" s="331"/>
      <c r="HZ13" s="131">
        <v>0</v>
      </c>
      <c r="IA13" s="132">
        <v>0</v>
      </c>
      <c r="IB13" s="133">
        <v>0</v>
      </c>
      <c r="IC13" s="146">
        <v>0</v>
      </c>
      <c r="ID13" s="132">
        <v>6467473</v>
      </c>
      <c r="IE13" s="147">
        <v>5139116</v>
      </c>
      <c r="IF13" s="133">
        <v>7273684</v>
      </c>
      <c r="IG13" s="132">
        <v>1877852</v>
      </c>
      <c r="IH13" s="133">
        <v>2428432</v>
      </c>
      <c r="II13" s="148">
        <v>23186557</v>
      </c>
      <c r="IJ13" s="139">
        <v>23186557</v>
      </c>
      <c r="IK13" s="232">
        <v>0</v>
      </c>
      <c r="IL13" s="236">
        <v>0</v>
      </c>
      <c r="IM13" s="237">
        <v>0</v>
      </c>
      <c r="IN13" s="140"/>
      <c r="IO13" s="119">
        <v>0</v>
      </c>
      <c r="IP13" s="119">
        <v>0</v>
      </c>
      <c r="IQ13" s="119">
        <v>0</v>
      </c>
      <c r="IR13" s="119">
        <v>0</v>
      </c>
      <c r="IS13" s="119">
        <v>0</v>
      </c>
      <c r="IT13" s="141">
        <v>0</v>
      </c>
      <c r="IU13" s="318">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443824</v>
      </c>
      <c r="JL13" s="119">
        <v>2560943</v>
      </c>
      <c r="JM13" s="119">
        <v>1859243</v>
      </c>
      <c r="JN13" s="119">
        <v>281160</v>
      </c>
      <c r="JO13" s="119">
        <v>160963</v>
      </c>
      <c r="JP13" s="120">
        <v>8306133</v>
      </c>
      <c r="JQ13" s="318">
        <v>8306133</v>
      </c>
      <c r="JR13" s="142">
        <v>0</v>
      </c>
      <c r="JS13" s="119">
        <v>0</v>
      </c>
      <c r="JT13" s="141">
        <v>0</v>
      </c>
      <c r="JU13" s="118">
        <v>0</v>
      </c>
      <c r="JV13" s="119">
        <v>722382</v>
      </c>
      <c r="JW13" s="119">
        <v>1304087</v>
      </c>
      <c r="JX13" s="119">
        <v>597749</v>
      </c>
      <c r="JY13" s="119">
        <v>351885</v>
      </c>
      <c r="JZ13" s="119">
        <v>274205</v>
      </c>
      <c r="KA13" s="120">
        <v>3250308</v>
      </c>
      <c r="KB13" s="318">
        <v>3250308</v>
      </c>
      <c r="KC13" s="234">
        <v>0</v>
      </c>
      <c r="KD13" s="230">
        <v>0</v>
      </c>
      <c r="KE13" s="120">
        <v>0</v>
      </c>
      <c r="KF13" s="118">
        <v>0</v>
      </c>
      <c r="KG13" s="119">
        <v>449140</v>
      </c>
      <c r="KH13" s="119">
        <v>643454</v>
      </c>
      <c r="KI13" s="119">
        <v>458020</v>
      </c>
      <c r="KJ13" s="119">
        <v>0</v>
      </c>
      <c r="KK13" s="119">
        <v>0</v>
      </c>
      <c r="KL13" s="120">
        <v>1550614</v>
      </c>
      <c r="KM13" s="143">
        <v>1550614</v>
      </c>
      <c r="KN13" s="232">
        <v>0</v>
      </c>
      <c r="KO13" s="236">
        <v>0</v>
      </c>
      <c r="KP13" s="237">
        <v>0</v>
      </c>
      <c r="KQ13" s="140"/>
      <c r="KR13" s="119">
        <v>1693236</v>
      </c>
      <c r="KS13" s="119">
        <v>463225</v>
      </c>
      <c r="KT13" s="119">
        <v>3813323</v>
      </c>
      <c r="KU13" s="119">
        <v>707029</v>
      </c>
      <c r="KV13" s="119">
        <v>1312976</v>
      </c>
      <c r="KW13" s="120">
        <v>7989789</v>
      </c>
      <c r="KX13" s="318">
        <v>7989789</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18">
        <v>0</v>
      </c>
      <c r="LU13" s="142">
        <v>0</v>
      </c>
      <c r="LV13" s="119">
        <v>0</v>
      </c>
      <c r="LW13" s="120">
        <v>0</v>
      </c>
      <c r="LX13" s="145"/>
      <c r="LY13" s="119">
        <v>158891</v>
      </c>
      <c r="LZ13" s="119">
        <v>167407</v>
      </c>
      <c r="MA13" s="119">
        <v>545349</v>
      </c>
      <c r="MB13" s="119">
        <v>537778</v>
      </c>
      <c r="MC13" s="119">
        <v>680288</v>
      </c>
      <c r="MD13" s="120">
        <v>2089713</v>
      </c>
      <c r="ME13" s="121">
        <v>2089713</v>
      </c>
      <c r="MF13" s="142">
        <v>0</v>
      </c>
      <c r="MG13" s="119">
        <v>0</v>
      </c>
      <c r="MH13" s="120">
        <v>0</v>
      </c>
      <c r="MI13" s="145"/>
      <c r="MJ13" s="119">
        <v>3490983</v>
      </c>
      <c r="MK13" s="119">
        <v>3386545</v>
      </c>
      <c r="ML13" s="119">
        <v>6435422</v>
      </c>
      <c r="MM13" s="119">
        <v>19149130</v>
      </c>
      <c r="MN13" s="119">
        <v>9548746</v>
      </c>
      <c r="MO13" s="120">
        <v>42010826</v>
      </c>
      <c r="MP13" s="143">
        <v>42010826</v>
      </c>
      <c r="MQ13" s="142">
        <v>0</v>
      </c>
      <c r="MR13" s="119">
        <v>0</v>
      </c>
      <c r="MS13" s="120">
        <v>0</v>
      </c>
      <c r="MT13" s="145"/>
      <c r="MU13" s="119">
        <v>0</v>
      </c>
      <c r="MV13" s="119">
        <v>703349</v>
      </c>
      <c r="MW13" s="119">
        <v>3882457</v>
      </c>
      <c r="MX13" s="119">
        <v>13254674</v>
      </c>
      <c r="MY13" s="119">
        <v>7982375</v>
      </c>
      <c r="MZ13" s="120">
        <v>25822855</v>
      </c>
      <c r="NA13" s="143">
        <v>25822855</v>
      </c>
      <c r="NB13" s="142">
        <v>0</v>
      </c>
      <c r="NC13" s="119">
        <v>0</v>
      </c>
      <c r="ND13" s="120">
        <v>0</v>
      </c>
      <c r="NE13" s="145"/>
      <c r="NF13" s="119">
        <v>3490983</v>
      </c>
      <c r="NG13" s="119">
        <v>2683196</v>
      </c>
      <c r="NH13" s="119">
        <v>2552965</v>
      </c>
      <c r="NI13" s="119">
        <v>5894456</v>
      </c>
      <c r="NJ13" s="119">
        <v>1566371</v>
      </c>
      <c r="NK13" s="120">
        <v>16187971</v>
      </c>
      <c r="NL13" s="318">
        <v>16187971</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128712</v>
      </c>
      <c r="OJ13" s="119">
        <v>1297493</v>
      </c>
      <c r="OK13" s="141">
        <v>2426205</v>
      </c>
      <c r="OL13" s="118">
        <v>0</v>
      </c>
      <c r="OM13" s="119">
        <v>36879277</v>
      </c>
      <c r="ON13" s="119">
        <v>34500555</v>
      </c>
      <c r="OO13" s="119">
        <v>35248078</v>
      </c>
      <c r="OP13" s="119">
        <v>40145592</v>
      </c>
      <c r="OQ13" s="119">
        <v>25207544</v>
      </c>
      <c r="OR13" s="120">
        <v>171981046</v>
      </c>
      <c r="OS13" s="143">
        <v>174407251</v>
      </c>
    </row>
    <row r="14" spans="1:409" ht="21" customHeight="1" x14ac:dyDescent="0.2">
      <c r="B14" s="126" t="s">
        <v>8</v>
      </c>
      <c r="C14" s="110">
        <v>942291</v>
      </c>
      <c r="D14" s="114">
        <v>655123</v>
      </c>
      <c r="E14" s="113">
        <v>1597414</v>
      </c>
      <c r="F14" s="109">
        <v>0</v>
      </c>
      <c r="G14" s="114">
        <v>6671831</v>
      </c>
      <c r="H14" s="114">
        <v>9517106</v>
      </c>
      <c r="I14" s="114">
        <v>10297400</v>
      </c>
      <c r="J14" s="114">
        <v>6845805</v>
      </c>
      <c r="K14" s="114">
        <v>6068558</v>
      </c>
      <c r="L14" s="109">
        <v>39400700</v>
      </c>
      <c r="M14" s="116">
        <v>40998114</v>
      </c>
      <c r="N14" s="110">
        <v>217939</v>
      </c>
      <c r="O14" s="114">
        <v>249599</v>
      </c>
      <c r="P14" s="113">
        <v>467538</v>
      </c>
      <c r="Q14" s="110">
        <v>0</v>
      </c>
      <c r="R14" s="114">
        <v>2179509</v>
      </c>
      <c r="S14" s="114">
        <v>3292153</v>
      </c>
      <c r="T14" s="114">
        <v>3420444</v>
      </c>
      <c r="U14" s="114">
        <v>3313095</v>
      </c>
      <c r="V14" s="114">
        <v>2809386</v>
      </c>
      <c r="W14" s="113">
        <v>15014587</v>
      </c>
      <c r="X14" s="116">
        <v>15482125</v>
      </c>
      <c r="Y14" s="110">
        <v>0</v>
      </c>
      <c r="Z14" s="114">
        <v>0</v>
      </c>
      <c r="AA14" s="113">
        <v>0</v>
      </c>
      <c r="AB14" s="110">
        <v>0</v>
      </c>
      <c r="AC14" s="114">
        <v>892261</v>
      </c>
      <c r="AD14" s="114">
        <v>1803769</v>
      </c>
      <c r="AE14" s="114">
        <v>1840055</v>
      </c>
      <c r="AF14" s="114">
        <v>2040347</v>
      </c>
      <c r="AG14" s="114">
        <v>1446360</v>
      </c>
      <c r="AH14" s="113">
        <v>8022792</v>
      </c>
      <c r="AI14" s="116">
        <v>8022792</v>
      </c>
      <c r="AJ14" s="110">
        <v>0</v>
      </c>
      <c r="AK14" s="114">
        <v>0</v>
      </c>
      <c r="AL14" s="113">
        <v>0</v>
      </c>
      <c r="AM14" s="110">
        <v>0</v>
      </c>
      <c r="AN14" s="114">
        <v>0</v>
      </c>
      <c r="AO14" s="114">
        <v>86771</v>
      </c>
      <c r="AP14" s="114">
        <v>129015</v>
      </c>
      <c r="AQ14" s="114">
        <v>92875</v>
      </c>
      <c r="AR14" s="114">
        <v>236433</v>
      </c>
      <c r="AS14" s="113">
        <v>545094</v>
      </c>
      <c r="AT14" s="116">
        <v>545094</v>
      </c>
      <c r="AU14" s="110">
        <v>76523</v>
      </c>
      <c r="AV14" s="114">
        <v>135509</v>
      </c>
      <c r="AW14" s="113">
        <v>212032</v>
      </c>
      <c r="AX14" s="110">
        <v>0</v>
      </c>
      <c r="AY14" s="114">
        <v>849170</v>
      </c>
      <c r="AZ14" s="114">
        <v>864275</v>
      </c>
      <c r="BA14" s="114">
        <v>929940</v>
      </c>
      <c r="BB14" s="114">
        <v>870271</v>
      </c>
      <c r="BC14" s="114">
        <v>848593</v>
      </c>
      <c r="BD14" s="113">
        <v>4362249</v>
      </c>
      <c r="BE14" s="116">
        <v>4574281</v>
      </c>
      <c r="BF14" s="110">
        <v>0</v>
      </c>
      <c r="BG14" s="114">
        <v>63146</v>
      </c>
      <c r="BH14" s="112">
        <v>63146</v>
      </c>
      <c r="BI14" s="111">
        <v>0</v>
      </c>
      <c r="BJ14" s="114">
        <v>78894</v>
      </c>
      <c r="BK14" s="114">
        <v>140898</v>
      </c>
      <c r="BL14" s="114">
        <v>160762</v>
      </c>
      <c r="BM14" s="114">
        <v>98170</v>
      </c>
      <c r="BN14" s="114">
        <v>0</v>
      </c>
      <c r="BO14" s="113">
        <v>478724</v>
      </c>
      <c r="BP14" s="116">
        <v>541870</v>
      </c>
      <c r="BQ14" s="110">
        <v>141416</v>
      </c>
      <c r="BR14" s="114">
        <v>50944</v>
      </c>
      <c r="BS14" s="113">
        <v>192360</v>
      </c>
      <c r="BT14" s="110">
        <v>0</v>
      </c>
      <c r="BU14" s="114">
        <v>359184</v>
      </c>
      <c r="BV14" s="114">
        <v>396440</v>
      </c>
      <c r="BW14" s="114">
        <v>360672</v>
      </c>
      <c r="BX14" s="114">
        <v>211432</v>
      </c>
      <c r="BY14" s="114">
        <v>278000</v>
      </c>
      <c r="BZ14" s="113">
        <v>1605728</v>
      </c>
      <c r="CA14" s="116">
        <v>1798088</v>
      </c>
      <c r="CB14" s="110">
        <v>141915</v>
      </c>
      <c r="CC14" s="114">
        <v>115736</v>
      </c>
      <c r="CD14" s="113">
        <v>257651</v>
      </c>
      <c r="CE14" s="110">
        <v>0</v>
      </c>
      <c r="CF14" s="114">
        <v>2021576</v>
      </c>
      <c r="CG14" s="114">
        <v>2947205</v>
      </c>
      <c r="CH14" s="114">
        <v>3041528</v>
      </c>
      <c r="CI14" s="114">
        <v>1683194</v>
      </c>
      <c r="CJ14" s="114">
        <v>628809</v>
      </c>
      <c r="CK14" s="113">
        <v>10322312</v>
      </c>
      <c r="CL14" s="116">
        <v>10579963</v>
      </c>
      <c r="CM14" s="110">
        <v>0</v>
      </c>
      <c r="CN14" s="114">
        <v>0</v>
      </c>
      <c r="CO14" s="113">
        <v>0</v>
      </c>
      <c r="CP14" s="111">
        <v>0</v>
      </c>
      <c r="CQ14" s="114">
        <v>1547047</v>
      </c>
      <c r="CR14" s="114">
        <v>2349744</v>
      </c>
      <c r="CS14" s="114">
        <v>2493693</v>
      </c>
      <c r="CT14" s="114">
        <v>1362493</v>
      </c>
      <c r="CU14" s="114">
        <v>628809</v>
      </c>
      <c r="CV14" s="113">
        <v>8381786</v>
      </c>
      <c r="CW14" s="116">
        <v>8381786</v>
      </c>
      <c r="CX14" s="110">
        <v>141915</v>
      </c>
      <c r="CY14" s="114">
        <v>115736</v>
      </c>
      <c r="CZ14" s="113">
        <v>257651</v>
      </c>
      <c r="DA14" s="110">
        <v>0</v>
      </c>
      <c r="DB14" s="114">
        <v>474529</v>
      </c>
      <c r="DC14" s="114">
        <v>597461</v>
      </c>
      <c r="DD14" s="114">
        <v>547835</v>
      </c>
      <c r="DE14" s="114">
        <v>320701</v>
      </c>
      <c r="DF14" s="114">
        <v>0</v>
      </c>
      <c r="DG14" s="113">
        <v>1940526</v>
      </c>
      <c r="DH14" s="116">
        <v>2198177</v>
      </c>
      <c r="DI14" s="110">
        <v>33962</v>
      </c>
      <c r="DJ14" s="114">
        <v>0</v>
      </c>
      <c r="DK14" s="112">
        <v>33962</v>
      </c>
      <c r="DL14" s="111">
        <v>0</v>
      </c>
      <c r="DM14" s="114">
        <v>252117</v>
      </c>
      <c r="DN14" s="114">
        <v>158389</v>
      </c>
      <c r="DO14" s="114">
        <v>1228266</v>
      </c>
      <c r="DP14" s="114">
        <v>246431</v>
      </c>
      <c r="DQ14" s="114">
        <v>498431</v>
      </c>
      <c r="DR14" s="113">
        <v>2383634</v>
      </c>
      <c r="DS14" s="116">
        <v>2417596</v>
      </c>
      <c r="DT14" s="110">
        <v>33962</v>
      </c>
      <c r="DU14" s="114">
        <v>0</v>
      </c>
      <c r="DV14" s="113">
        <v>33962</v>
      </c>
      <c r="DW14" s="110">
        <v>0</v>
      </c>
      <c r="DX14" s="114">
        <v>252117</v>
      </c>
      <c r="DY14" s="114">
        <v>158389</v>
      </c>
      <c r="DZ14" s="114">
        <v>1133481</v>
      </c>
      <c r="EA14" s="114">
        <v>246431</v>
      </c>
      <c r="EB14" s="114">
        <v>498431</v>
      </c>
      <c r="EC14" s="113">
        <v>2288849</v>
      </c>
      <c r="ED14" s="116">
        <v>2322811</v>
      </c>
      <c r="EE14" s="110">
        <v>0</v>
      </c>
      <c r="EF14" s="112">
        <v>0</v>
      </c>
      <c r="EG14" s="113">
        <v>0</v>
      </c>
      <c r="EH14" s="110">
        <v>0</v>
      </c>
      <c r="EI14" s="114">
        <v>0</v>
      </c>
      <c r="EJ14" s="114">
        <v>0</v>
      </c>
      <c r="EK14" s="114">
        <v>94785</v>
      </c>
      <c r="EL14" s="114">
        <v>0</v>
      </c>
      <c r="EM14" s="114">
        <v>0</v>
      </c>
      <c r="EN14" s="112">
        <v>94785</v>
      </c>
      <c r="EO14" s="116">
        <v>94785</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5"/>
      <c r="FE14" s="114">
        <v>0</v>
      </c>
      <c r="FF14" s="114">
        <v>0</v>
      </c>
      <c r="FG14" s="114">
        <v>0</v>
      </c>
      <c r="FH14" s="114">
        <v>0</v>
      </c>
      <c r="FI14" s="114">
        <v>0</v>
      </c>
      <c r="FJ14" s="113">
        <v>0</v>
      </c>
      <c r="FK14" s="116">
        <v>0</v>
      </c>
      <c r="FL14" s="110">
        <v>59376</v>
      </c>
      <c r="FM14" s="114">
        <v>109264</v>
      </c>
      <c r="FN14" s="113">
        <v>168640</v>
      </c>
      <c r="FO14" s="110">
        <v>0</v>
      </c>
      <c r="FP14" s="114">
        <v>333304</v>
      </c>
      <c r="FQ14" s="114">
        <v>1121952</v>
      </c>
      <c r="FR14" s="114">
        <v>899480</v>
      </c>
      <c r="FS14" s="114">
        <v>712984</v>
      </c>
      <c r="FT14" s="114">
        <v>378888</v>
      </c>
      <c r="FU14" s="113">
        <v>3446608</v>
      </c>
      <c r="FV14" s="116">
        <v>3615248</v>
      </c>
      <c r="FW14" s="115">
        <v>59376</v>
      </c>
      <c r="FX14" s="114">
        <v>109264</v>
      </c>
      <c r="FY14" s="112">
        <v>168640</v>
      </c>
      <c r="FZ14" s="111">
        <v>0</v>
      </c>
      <c r="GA14" s="114">
        <v>333304</v>
      </c>
      <c r="GB14" s="114">
        <v>1121952</v>
      </c>
      <c r="GC14" s="114">
        <v>899480</v>
      </c>
      <c r="GD14" s="114">
        <v>712984</v>
      </c>
      <c r="GE14" s="114">
        <v>378888</v>
      </c>
      <c r="GF14" s="113">
        <v>3446608</v>
      </c>
      <c r="GG14" s="316">
        <v>3615248</v>
      </c>
      <c r="GH14" s="115">
        <v>0</v>
      </c>
      <c r="GI14" s="114">
        <v>0</v>
      </c>
      <c r="GJ14" s="112">
        <v>0</v>
      </c>
      <c r="GK14" s="111">
        <v>0</v>
      </c>
      <c r="GL14" s="114">
        <v>0</v>
      </c>
      <c r="GM14" s="114">
        <v>0</v>
      </c>
      <c r="GN14" s="114">
        <v>0</v>
      </c>
      <c r="GO14" s="114">
        <v>0</v>
      </c>
      <c r="GP14" s="114">
        <v>0</v>
      </c>
      <c r="GQ14" s="113">
        <v>0</v>
      </c>
      <c r="GR14" s="116">
        <v>0</v>
      </c>
      <c r="GS14" s="110">
        <v>0</v>
      </c>
      <c r="GT14" s="114">
        <v>0</v>
      </c>
      <c r="GU14" s="113">
        <v>0</v>
      </c>
      <c r="GV14" s="110">
        <v>0</v>
      </c>
      <c r="GW14" s="114">
        <v>0</v>
      </c>
      <c r="GX14" s="114">
        <v>0</v>
      </c>
      <c r="GY14" s="114">
        <v>0</v>
      </c>
      <c r="GZ14" s="114">
        <v>0</v>
      </c>
      <c r="HA14" s="114">
        <v>0</v>
      </c>
      <c r="HB14" s="112">
        <v>0</v>
      </c>
      <c r="HC14" s="116">
        <v>0</v>
      </c>
      <c r="HD14" s="110">
        <v>489099</v>
      </c>
      <c r="HE14" s="114">
        <v>180524</v>
      </c>
      <c r="HF14" s="112">
        <v>669623</v>
      </c>
      <c r="HG14" s="111">
        <v>0</v>
      </c>
      <c r="HH14" s="114">
        <v>1885325</v>
      </c>
      <c r="HI14" s="114">
        <v>1997407</v>
      </c>
      <c r="HJ14" s="114">
        <v>1707682</v>
      </c>
      <c r="HK14" s="114">
        <v>890101</v>
      </c>
      <c r="HL14" s="114">
        <v>1753044</v>
      </c>
      <c r="HM14" s="113">
        <v>8233559</v>
      </c>
      <c r="HN14" s="109">
        <v>8903182</v>
      </c>
      <c r="HO14" s="326"/>
      <c r="HP14" s="327"/>
      <c r="HQ14" s="328"/>
      <c r="HR14" s="329"/>
      <c r="HS14" s="327"/>
      <c r="HT14" s="327"/>
      <c r="HU14" s="327"/>
      <c r="HV14" s="327"/>
      <c r="HW14" s="327"/>
      <c r="HX14" s="330"/>
      <c r="HY14" s="331"/>
      <c r="HZ14" s="131">
        <v>0</v>
      </c>
      <c r="IA14" s="132">
        <v>79588</v>
      </c>
      <c r="IB14" s="133">
        <v>79588</v>
      </c>
      <c r="IC14" s="134">
        <v>0</v>
      </c>
      <c r="ID14" s="135">
        <v>3245038</v>
      </c>
      <c r="IE14" s="136">
        <v>2818472</v>
      </c>
      <c r="IF14" s="137">
        <v>3432743</v>
      </c>
      <c r="IG14" s="135">
        <v>2096030</v>
      </c>
      <c r="IH14" s="137">
        <v>3471499</v>
      </c>
      <c r="II14" s="138">
        <v>15063782</v>
      </c>
      <c r="IJ14" s="139">
        <v>15143370</v>
      </c>
      <c r="IK14" s="232">
        <v>0</v>
      </c>
      <c r="IL14" s="236">
        <v>0</v>
      </c>
      <c r="IM14" s="237">
        <v>0</v>
      </c>
      <c r="IN14" s="140"/>
      <c r="IO14" s="119">
        <v>0</v>
      </c>
      <c r="IP14" s="119">
        <v>0</v>
      </c>
      <c r="IQ14" s="119">
        <v>0</v>
      </c>
      <c r="IR14" s="119">
        <v>435926</v>
      </c>
      <c r="IS14" s="119">
        <v>0</v>
      </c>
      <c r="IT14" s="141">
        <v>435926</v>
      </c>
      <c r="IU14" s="318">
        <v>435926</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703699</v>
      </c>
      <c r="JL14" s="119">
        <v>1247088</v>
      </c>
      <c r="JM14" s="119">
        <v>1162124</v>
      </c>
      <c r="JN14" s="119">
        <v>326511</v>
      </c>
      <c r="JO14" s="119">
        <v>246376</v>
      </c>
      <c r="JP14" s="120">
        <v>4685798</v>
      </c>
      <c r="JQ14" s="318">
        <v>4685798</v>
      </c>
      <c r="JR14" s="142">
        <v>0</v>
      </c>
      <c r="JS14" s="119">
        <v>0</v>
      </c>
      <c r="JT14" s="141">
        <v>0</v>
      </c>
      <c r="JU14" s="118">
        <v>0</v>
      </c>
      <c r="JV14" s="119">
        <v>0</v>
      </c>
      <c r="JW14" s="119">
        <v>0</v>
      </c>
      <c r="JX14" s="119">
        <v>0</v>
      </c>
      <c r="JY14" s="119">
        <v>0</v>
      </c>
      <c r="JZ14" s="119">
        <v>63628</v>
      </c>
      <c r="KA14" s="120">
        <v>63628</v>
      </c>
      <c r="KB14" s="318">
        <v>63628</v>
      </c>
      <c r="KC14" s="234">
        <v>0</v>
      </c>
      <c r="KD14" s="230">
        <v>79588</v>
      </c>
      <c r="KE14" s="120">
        <v>79588</v>
      </c>
      <c r="KF14" s="118">
        <v>0</v>
      </c>
      <c r="KG14" s="119">
        <v>273099</v>
      </c>
      <c r="KH14" s="119">
        <v>346156</v>
      </c>
      <c r="KI14" s="119">
        <v>622869</v>
      </c>
      <c r="KJ14" s="119">
        <v>269784</v>
      </c>
      <c r="KK14" s="119">
        <v>285280</v>
      </c>
      <c r="KL14" s="120">
        <v>1797188</v>
      </c>
      <c r="KM14" s="143">
        <v>1876776</v>
      </c>
      <c r="KN14" s="232">
        <v>0</v>
      </c>
      <c r="KO14" s="236">
        <v>0</v>
      </c>
      <c r="KP14" s="237">
        <v>0</v>
      </c>
      <c r="KQ14" s="140"/>
      <c r="KR14" s="119">
        <v>849104</v>
      </c>
      <c r="KS14" s="119">
        <v>1225228</v>
      </c>
      <c r="KT14" s="119">
        <v>755090</v>
      </c>
      <c r="KU14" s="119">
        <v>219155</v>
      </c>
      <c r="KV14" s="119">
        <v>265437</v>
      </c>
      <c r="KW14" s="120">
        <v>3314014</v>
      </c>
      <c r="KX14" s="318">
        <v>3314014</v>
      </c>
      <c r="KY14" s="142">
        <v>0</v>
      </c>
      <c r="KZ14" s="119">
        <v>0</v>
      </c>
      <c r="LA14" s="120">
        <v>0</v>
      </c>
      <c r="LB14" s="145"/>
      <c r="LC14" s="119">
        <v>0</v>
      </c>
      <c r="LD14" s="119">
        <v>0</v>
      </c>
      <c r="LE14" s="119">
        <v>374184</v>
      </c>
      <c r="LF14" s="119">
        <v>0</v>
      </c>
      <c r="LG14" s="119">
        <v>239371</v>
      </c>
      <c r="LH14" s="120">
        <v>613555</v>
      </c>
      <c r="LI14" s="121">
        <v>613555</v>
      </c>
      <c r="LJ14" s="142">
        <v>0</v>
      </c>
      <c r="LK14" s="119">
        <v>0</v>
      </c>
      <c r="LL14" s="120">
        <v>0</v>
      </c>
      <c r="LM14" s="145"/>
      <c r="LN14" s="119">
        <v>0</v>
      </c>
      <c r="LO14" s="119">
        <v>0</v>
      </c>
      <c r="LP14" s="119">
        <v>0</v>
      </c>
      <c r="LQ14" s="119">
        <v>248935</v>
      </c>
      <c r="LR14" s="119">
        <v>0</v>
      </c>
      <c r="LS14" s="120">
        <v>248935</v>
      </c>
      <c r="LT14" s="318">
        <v>248935</v>
      </c>
      <c r="LU14" s="142">
        <v>0</v>
      </c>
      <c r="LV14" s="119">
        <v>0</v>
      </c>
      <c r="LW14" s="120">
        <v>0</v>
      </c>
      <c r="LX14" s="145"/>
      <c r="LY14" s="119">
        <v>419136</v>
      </c>
      <c r="LZ14" s="119">
        <v>0</v>
      </c>
      <c r="MA14" s="119">
        <v>518476</v>
      </c>
      <c r="MB14" s="119">
        <v>595719</v>
      </c>
      <c r="MC14" s="119">
        <v>2371407</v>
      </c>
      <c r="MD14" s="120">
        <v>3904738</v>
      </c>
      <c r="ME14" s="121">
        <v>3904738</v>
      </c>
      <c r="MF14" s="142">
        <v>0</v>
      </c>
      <c r="MG14" s="119">
        <v>0</v>
      </c>
      <c r="MH14" s="120">
        <v>0</v>
      </c>
      <c r="MI14" s="145"/>
      <c r="MJ14" s="119">
        <v>667517</v>
      </c>
      <c r="MK14" s="119">
        <v>718046</v>
      </c>
      <c r="ML14" s="119">
        <v>4321712</v>
      </c>
      <c r="MM14" s="119">
        <v>5290581</v>
      </c>
      <c r="MN14" s="119">
        <v>2894345</v>
      </c>
      <c r="MO14" s="120">
        <v>13892201</v>
      </c>
      <c r="MP14" s="143">
        <v>13892201</v>
      </c>
      <c r="MQ14" s="142">
        <v>0</v>
      </c>
      <c r="MR14" s="119">
        <v>0</v>
      </c>
      <c r="MS14" s="120">
        <v>0</v>
      </c>
      <c r="MT14" s="145"/>
      <c r="MU14" s="119">
        <v>217509</v>
      </c>
      <c r="MV14" s="119">
        <v>-552</v>
      </c>
      <c r="MW14" s="119">
        <v>2967145</v>
      </c>
      <c r="MX14" s="119">
        <v>2239077</v>
      </c>
      <c r="MY14" s="119">
        <v>1709490</v>
      </c>
      <c r="MZ14" s="120">
        <v>7132669</v>
      </c>
      <c r="NA14" s="143">
        <v>7132669</v>
      </c>
      <c r="NB14" s="142">
        <v>0</v>
      </c>
      <c r="NC14" s="119">
        <v>0</v>
      </c>
      <c r="ND14" s="120">
        <v>0</v>
      </c>
      <c r="NE14" s="145"/>
      <c r="NF14" s="119">
        <v>450008</v>
      </c>
      <c r="NG14" s="119">
        <v>718598</v>
      </c>
      <c r="NH14" s="119">
        <v>1354567</v>
      </c>
      <c r="NI14" s="119">
        <v>2447016</v>
      </c>
      <c r="NJ14" s="119">
        <v>1184855</v>
      </c>
      <c r="NK14" s="120">
        <v>6155044</v>
      </c>
      <c r="NL14" s="318">
        <v>6155044</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604488</v>
      </c>
      <c r="OF14" s="119">
        <v>0</v>
      </c>
      <c r="OG14" s="120">
        <v>604488</v>
      </c>
      <c r="OH14" s="121">
        <v>604488</v>
      </c>
      <c r="OI14" s="142">
        <v>942291</v>
      </c>
      <c r="OJ14" s="119">
        <v>734711</v>
      </c>
      <c r="OK14" s="141">
        <v>1677002</v>
      </c>
      <c r="OL14" s="118">
        <v>0</v>
      </c>
      <c r="OM14" s="119">
        <v>10584386</v>
      </c>
      <c r="ON14" s="119">
        <v>13053624</v>
      </c>
      <c r="OO14" s="119">
        <v>18051855</v>
      </c>
      <c r="OP14" s="119">
        <v>14232416</v>
      </c>
      <c r="OQ14" s="119">
        <v>12434402</v>
      </c>
      <c r="OR14" s="120">
        <v>68356683</v>
      </c>
      <c r="OS14" s="143">
        <v>70033685</v>
      </c>
    </row>
    <row r="15" spans="1:409" ht="21" customHeight="1" x14ac:dyDescent="0.2">
      <c r="B15" s="126" t="s">
        <v>9</v>
      </c>
      <c r="C15" s="110">
        <v>1063836</v>
      </c>
      <c r="D15" s="114">
        <v>747429</v>
      </c>
      <c r="E15" s="113">
        <v>1811265</v>
      </c>
      <c r="F15" s="111">
        <v>0</v>
      </c>
      <c r="G15" s="114">
        <v>10581920</v>
      </c>
      <c r="H15" s="114">
        <v>11774466</v>
      </c>
      <c r="I15" s="114">
        <v>14793602</v>
      </c>
      <c r="J15" s="114">
        <v>12685345</v>
      </c>
      <c r="K15" s="114">
        <v>8034554</v>
      </c>
      <c r="L15" s="109">
        <v>57869887</v>
      </c>
      <c r="M15" s="116">
        <v>59681152</v>
      </c>
      <c r="N15" s="110">
        <v>218434</v>
      </c>
      <c r="O15" s="114">
        <v>183752</v>
      </c>
      <c r="P15" s="113">
        <v>402186</v>
      </c>
      <c r="Q15" s="110">
        <v>0</v>
      </c>
      <c r="R15" s="114">
        <v>4125556</v>
      </c>
      <c r="S15" s="114">
        <v>4430411</v>
      </c>
      <c r="T15" s="114">
        <v>5781994</v>
      </c>
      <c r="U15" s="114">
        <v>6130003</v>
      </c>
      <c r="V15" s="114">
        <v>4814932</v>
      </c>
      <c r="W15" s="113">
        <v>25282896</v>
      </c>
      <c r="X15" s="116">
        <v>25685082</v>
      </c>
      <c r="Y15" s="110">
        <v>0</v>
      </c>
      <c r="Z15" s="114">
        <v>0</v>
      </c>
      <c r="AA15" s="113">
        <v>0</v>
      </c>
      <c r="AB15" s="110">
        <v>0</v>
      </c>
      <c r="AC15" s="114">
        <v>1818397</v>
      </c>
      <c r="AD15" s="114">
        <v>2112559</v>
      </c>
      <c r="AE15" s="114">
        <v>3373714</v>
      </c>
      <c r="AF15" s="114">
        <v>3495377</v>
      </c>
      <c r="AG15" s="114">
        <v>3173495</v>
      </c>
      <c r="AH15" s="113">
        <v>13973542</v>
      </c>
      <c r="AI15" s="116">
        <v>13973542</v>
      </c>
      <c r="AJ15" s="110">
        <v>0</v>
      </c>
      <c r="AK15" s="114">
        <v>0</v>
      </c>
      <c r="AL15" s="113">
        <v>0</v>
      </c>
      <c r="AM15" s="110">
        <v>0</v>
      </c>
      <c r="AN15" s="114">
        <v>0</v>
      </c>
      <c r="AO15" s="114">
        <v>150649</v>
      </c>
      <c r="AP15" s="114">
        <v>95666</v>
      </c>
      <c r="AQ15" s="114">
        <v>183330</v>
      </c>
      <c r="AR15" s="114">
        <v>290044</v>
      </c>
      <c r="AS15" s="113">
        <v>719689</v>
      </c>
      <c r="AT15" s="116">
        <v>719689</v>
      </c>
      <c r="AU15" s="110">
        <v>59690</v>
      </c>
      <c r="AV15" s="114">
        <v>133344</v>
      </c>
      <c r="AW15" s="113">
        <v>193034</v>
      </c>
      <c r="AX15" s="110">
        <v>0</v>
      </c>
      <c r="AY15" s="114">
        <v>1709063</v>
      </c>
      <c r="AZ15" s="114">
        <v>1409482</v>
      </c>
      <c r="BA15" s="114">
        <v>1435514</v>
      </c>
      <c r="BB15" s="114">
        <v>1686269</v>
      </c>
      <c r="BC15" s="114">
        <v>916924</v>
      </c>
      <c r="BD15" s="113">
        <v>7157252</v>
      </c>
      <c r="BE15" s="116">
        <v>7350286</v>
      </c>
      <c r="BF15" s="110">
        <v>0</v>
      </c>
      <c r="BG15" s="114">
        <v>0</v>
      </c>
      <c r="BH15" s="112">
        <v>0</v>
      </c>
      <c r="BI15" s="111">
        <v>0</v>
      </c>
      <c r="BJ15" s="114">
        <v>0</v>
      </c>
      <c r="BK15" s="114">
        <v>195489</v>
      </c>
      <c r="BL15" s="114">
        <v>120300</v>
      </c>
      <c r="BM15" s="114">
        <v>211883</v>
      </c>
      <c r="BN15" s="114">
        <v>32125</v>
      </c>
      <c r="BO15" s="113">
        <v>559797</v>
      </c>
      <c r="BP15" s="116">
        <v>559797</v>
      </c>
      <c r="BQ15" s="110">
        <v>158744</v>
      </c>
      <c r="BR15" s="114">
        <v>50408</v>
      </c>
      <c r="BS15" s="113">
        <v>209152</v>
      </c>
      <c r="BT15" s="110">
        <v>0</v>
      </c>
      <c r="BU15" s="114">
        <v>598096</v>
      </c>
      <c r="BV15" s="114">
        <v>562232</v>
      </c>
      <c r="BW15" s="114">
        <v>756800</v>
      </c>
      <c r="BX15" s="114">
        <v>553144</v>
      </c>
      <c r="BY15" s="114">
        <v>402344</v>
      </c>
      <c r="BZ15" s="113">
        <v>2872616</v>
      </c>
      <c r="CA15" s="116">
        <v>3081768</v>
      </c>
      <c r="CB15" s="110">
        <v>21928</v>
      </c>
      <c r="CC15" s="114">
        <v>152952</v>
      </c>
      <c r="CD15" s="113">
        <v>174880</v>
      </c>
      <c r="CE15" s="110">
        <v>0</v>
      </c>
      <c r="CF15" s="114">
        <v>2635975</v>
      </c>
      <c r="CG15" s="114">
        <v>3215743</v>
      </c>
      <c r="CH15" s="114">
        <v>3363562</v>
      </c>
      <c r="CI15" s="114">
        <v>1542089</v>
      </c>
      <c r="CJ15" s="114">
        <v>450236</v>
      </c>
      <c r="CK15" s="113">
        <v>11207605</v>
      </c>
      <c r="CL15" s="116">
        <v>11382485</v>
      </c>
      <c r="CM15" s="110">
        <v>0</v>
      </c>
      <c r="CN15" s="114">
        <v>0</v>
      </c>
      <c r="CO15" s="113">
        <v>0</v>
      </c>
      <c r="CP15" s="111">
        <v>0</v>
      </c>
      <c r="CQ15" s="114">
        <v>1677070</v>
      </c>
      <c r="CR15" s="114">
        <v>2602169</v>
      </c>
      <c r="CS15" s="114">
        <v>2142531</v>
      </c>
      <c r="CT15" s="114">
        <v>1126145</v>
      </c>
      <c r="CU15" s="114">
        <v>275753</v>
      </c>
      <c r="CV15" s="113">
        <v>7823668</v>
      </c>
      <c r="CW15" s="116">
        <v>7823668</v>
      </c>
      <c r="CX15" s="110">
        <v>21928</v>
      </c>
      <c r="CY15" s="114">
        <v>152952</v>
      </c>
      <c r="CZ15" s="113">
        <v>174880</v>
      </c>
      <c r="DA15" s="110">
        <v>0</v>
      </c>
      <c r="DB15" s="114">
        <v>958905</v>
      </c>
      <c r="DC15" s="114">
        <v>613574</v>
      </c>
      <c r="DD15" s="114">
        <v>1221031</v>
      </c>
      <c r="DE15" s="114">
        <v>415944</v>
      </c>
      <c r="DF15" s="114">
        <v>174483</v>
      </c>
      <c r="DG15" s="113">
        <v>3383937</v>
      </c>
      <c r="DH15" s="116">
        <v>3558817</v>
      </c>
      <c r="DI15" s="110">
        <v>0</v>
      </c>
      <c r="DJ15" s="114">
        <v>0</v>
      </c>
      <c r="DK15" s="112">
        <v>0</v>
      </c>
      <c r="DL15" s="111">
        <v>0</v>
      </c>
      <c r="DM15" s="114">
        <v>622228</v>
      </c>
      <c r="DN15" s="114">
        <v>486110</v>
      </c>
      <c r="DO15" s="114">
        <v>1364171</v>
      </c>
      <c r="DP15" s="114">
        <v>1119478</v>
      </c>
      <c r="DQ15" s="114">
        <v>194557</v>
      </c>
      <c r="DR15" s="113">
        <v>3786544</v>
      </c>
      <c r="DS15" s="116">
        <v>3786544</v>
      </c>
      <c r="DT15" s="110">
        <v>0</v>
      </c>
      <c r="DU15" s="114">
        <v>0</v>
      </c>
      <c r="DV15" s="113">
        <v>0</v>
      </c>
      <c r="DW15" s="110">
        <v>0</v>
      </c>
      <c r="DX15" s="114">
        <v>622228</v>
      </c>
      <c r="DY15" s="114">
        <v>352775</v>
      </c>
      <c r="DZ15" s="114">
        <v>865915</v>
      </c>
      <c r="EA15" s="114">
        <v>1014507</v>
      </c>
      <c r="EB15" s="114">
        <v>194557</v>
      </c>
      <c r="EC15" s="113">
        <v>3049982</v>
      </c>
      <c r="ED15" s="116">
        <v>3049982</v>
      </c>
      <c r="EE15" s="110">
        <v>0</v>
      </c>
      <c r="EF15" s="112">
        <v>0</v>
      </c>
      <c r="EG15" s="113">
        <v>0</v>
      </c>
      <c r="EH15" s="110">
        <v>0</v>
      </c>
      <c r="EI15" s="114">
        <v>0</v>
      </c>
      <c r="EJ15" s="114">
        <v>133335</v>
      </c>
      <c r="EK15" s="114">
        <v>498256</v>
      </c>
      <c r="EL15" s="114">
        <v>104971</v>
      </c>
      <c r="EM15" s="114">
        <v>0</v>
      </c>
      <c r="EN15" s="112">
        <v>736562</v>
      </c>
      <c r="EO15" s="116">
        <v>736562</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5"/>
      <c r="FE15" s="114">
        <v>0</v>
      </c>
      <c r="FF15" s="114">
        <v>0</v>
      </c>
      <c r="FG15" s="114">
        <v>0</v>
      </c>
      <c r="FH15" s="114">
        <v>0</v>
      </c>
      <c r="FI15" s="114">
        <v>0</v>
      </c>
      <c r="FJ15" s="113">
        <v>0</v>
      </c>
      <c r="FK15" s="116">
        <v>0</v>
      </c>
      <c r="FL15" s="110">
        <v>259552</v>
      </c>
      <c r="FM15" s="114">
        <v>209960</v>
      </c>
      <c r="FN15" s="113">
        <v>469512</v>
      </c>
      <c r="FO15" s="110">
        <v>0</v>
      </c>
      <c r="FP15" s="114">
        <v>661456</v>
      </c>
      <c r="FQ15" s="114">
        <v>1297220</v>
      </c>
      <c r="FR15" s="114">
        <v>1131176</v>
      </c>
      <c r="FS15" s="114">
        <v>851440</v>
      </c>
      <c r="FT15" s="114">
        <v>492256</v>
      </c>
      <c r="FU15" s="113">
        <v>4433548</v>
      </c>
      <c r="FV15" s="116">
        <v>4903060</v>
      </c>
      <c r="FW15" s="115">
        <v>125152</v>
      </c>
      <c r="FX15" s="114">
        <v>183560</v>
      </c>
      <c r="FY15" s="112">
        <v>308712</v>
      </c>
      <c r="FZ15" s="111">
        <v>0</v>
      </c>
      <c r="GA15" s="114">
        <v>571696</v>
      </c>
      <c r="GB15" s="114">
        <v>1045968</v>
      </c>
      <c r="GC15" s="114">
        <v>1097032</v>
      </c>
      <c r="GD15" s="114">
        <v>837040</v>
      </c>
      <c r="GE15" s="114">
        <v>492256</v>
      </c>
      <c r="GF15" s="113">
        <v>4043992</v>
      </c>
      <c r="GG15" s="316">
        <v>4352704</v>
      </c>
      <c r="GH15" s="115">
        <v>24800</v>
      </c>
      <c r="GI15" s="114">
        <v>26400</v>
      </c>
      <c r="GJ15" s="112">
        <v>51200</v>
      </c>
      <c r="GK15" s="111">
        <v>0</v>
      </c>
      <c r="GL15" s="114">
        <v>19360</v>
      </c>
      <c r="GM15" s="114">
        <v>56052</v>
      </c>
      <c r="GN15" s="114">
        <v>34144</v>
      </c>
      <c r="GO15" s="114">
        <v>14400</v>
      </c>
      <c r="GP15" s="114">
        <v>0</v>
      </c>
      <c r="GQ15" s="113">
        <v>123956</v>
      </c>
      <c r="GR15" s="116">
        <v>175156</v>
      </c>
      <c r="GS15" s="110">
        <v>109600</v>
      </c>
      <c r="GT15" s="114">
        <v>0</v>
      </c>
      <c r="GU15" s="113">
        <v>109600</v>
      </c>
      <c r="GV15" s="110">
        <v>0</v>
      </c>
      <c r="GW15" s="114">
        <v>70400</v>
      </c>
      <c r="GX15" s="114">
        <v>195200</v>
      </c>
      <c r="GY15" s="114">
        <v>0</v>
      </c>
      <c r="GZ15" s="114">
        <v>0</v>
      </c>
      <c r="HA15" s="114">
        <v>0</v>
      </c>
      <c r="HB15" s="112">
        <v>265600</v>
      </c>
      <c r="HC15" s="116">
        <v>375200</v>
      </c>
      <c r="HD15" s="110">
        <v>563922</v>
      </c>
      <c r="HE15" s="114">
        <v>200765</v>
      </c>
      <c r="HF15" s="112">
        <v>764687</v>
      </c>
      <c r="HG15" s="111">
        <v>0</v>
      </c>
      <c r="HH15" s="114">
        <v>2536705</v>
      </c>
      <c r="HI15" s="114">
        <v>2344982</v>
      </c>
      <c r="HJ15" s="114">
        <v>3152699</v>
      </c>
      <c r="HK15" s="114">
        <v>3042335</v>
      </c>
      <c r="HL15" s="114">
        <v>2082573</v>
      </c>
      <c r="HM15" s="113">
        <v>13159294</v>
      </c>
      <c r="HN15" s="109">
        <v>13923981</v>
      </c>
      <c r="HO15" s="326"/>
      <c r="HP15" s="327"/>
      <c r="HQ15" s="328"/>
      <c r="HR15" s="329"/>
      <c r="HS15" s="327"/>
      <c r="HT15" s="327"/>
      <c r="HU15" s="327"/>
      <c r="HV15" s="327"/>
      <c r="HW15" s="327"/>
      <c r="HX15" s="330"/>
      <c r="HY15" s="331"/>
      <c r="HZ15" s="128">
        <v>43484</v>
      </c>
      <c r="IA15" s="149">
        <v>0</v>
      </c>
      <c r="IB15" s="129">
        <v>43484</v>
      </c>
      <c r="IC15" s="146">
        <v>0</v>
      </c>
      <c r="ID15" s="132">
        <v>3372645</v>
      </c>
      <c r="IE15" s="147">
        <v>2421684</v>
      </c>
      <c r="IF15" s="133">
        <v>3350039</v>
      </c>
      <c r="IG15" s="132">
        <v>1456414</v>
      </c>
      <c r="IH15" s="133">
        <v>1190960</v>
      </c>
      <c r="II15" s="148">
        <v>11791742</v>
      </c>
      <c r="IJ15" s="130">
        <v>11835226</v>
      </c>
      <c r="IK15" s="232">
        <v>0</v>
      </c>
      <c r="IL15" s="236">
        <v>0</v>
      </c>
      <c r="IM15" s="237">
        <v>0</v>
      </c>
      <c r="IN15" s="140"/>
      <c r="IO15" s="119">
        <v>0</v>
      </c>
      <c r="IP15" s="119">
        <v>0</v>
      </c>
      <c r="IQ15" s="119">
        <v>0</v>
      </c>
      <c r="IR15" s="119">
        <v>0</v>
      </c>
      <c r="IS15" s="119">
        <v>0</v>
      </c>
      <c r="IT15" s="141">
        <v>0</v>
      </c>
      <c r="IU15" s="318">
        <v>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2376819</v>
      </c>
      <c r="JL15" s="119">
        <v>1002431</v>
      </c>
      <c r="JM15" s="119">
        <v>1352253</v>
      </c>
      <c r="JN15" s="119">
        <v>611000</v>
      </c>
      <c r="JO15" s="119">
        <v>378104</v>
      </c>
      <c r="JP15" s="120">
        <v>5720607</v>
      </c>
      <c r="JQ15" s="318">
        <v>5720607</v>
      </c>
      <c r="JR15" s="142">
        <v>0</v>
      </c>
      <c r="JS15" s="119">
        <v>0</v>
      </c>
      <c r="JT15" s="141">
        <v>0</v>
      </c>
      <c r="JU15" s="118">
        <v>0</v>
      </c>
      <c r="JV15" s="119">
        <v>0</v>
      </c>
      <c r="JW15" s="119">
        <v>0</v>
      </c>
      <c r="JX15" s="119">
        <v>160593</v>
      </c>
      <c r="JY15" s="119">
        <v>0</v>
      </c>
      <c r="JZ15" s="119">
        <v>0</v>
      </c>
      <c r="KA15" s="120">
        <v>160593</v>
      </c>
      <c r="KB15" s="318">
        <v>160593</v>
      </c>
      <c r="KC15" s="234">
        <v>43484</v>
      </c>
      <c r="KD15" s="230">
        <v>0</v>
      </c>
      <c r="KE15" s="120">
        <v>43484</v>
      </c>
      <c r="KF15" s="118">
        <v>0</v>
      </c>
      <c r="KG15" s="119">
        <v>230842</v>
      </c>
      <c r="KH15" s="119">
        <v>487919</v>
      </c>
      <c r="KI15" s="119">
        <v>242903</v>
      </c>
      <c r="KJ15" s="119">
        <v>0</v>
      </c>
      <c r="KK15" s="119">
        <v>0</v>
      </c>
      <c r="KL15" s="120">
        <v>961664</v>
      </c>
      <c r="KM15" s="143">
        <v>1005148</v>
      </c>
      <c r="KN15" s="232">
        <v>0</v>
      </c>
      <c r="KO15" s="236">
        <v>0</v>
      </c>
      <c r="KP15" s="237">
        <v>0</v>
      </c>
      <c r="KQ15" s="140"/>
      <c r="KR15" s="119">
        <v>485503</v>
      </c>
      <c r="KS15" s="119">
        <v>739813</v>
      </c>
      <c r="KT15" s="119">
        <v>1045816</v>
      </c>
      <c r="KU15" s="119">
        <v>265769</v>
      </c>
      <c r="KV15" s="119">
        <v>812856</v>
      </c>
      <c r="KW15" s="120">
        <v>3349757</v>
      </c>
      <c r="KX15" s="318">
        <v>3349757</v>
      </c>
      <c r="KY15" s="142">
        <v>0</v>
      </c>
      <c r="KZ15" s="119">
        <v>0</v>
      </c>
      <c r="LA15" s="120">
        <v>0</v>
      </c>
      <c r="LB15" s="145"/>
      <c r="LC15" s="119">
        <v>279481</v>
      </c>
      <c r="LD15" s="119">
        <v>0</v>
      </c>
      <c r="LE15" s="119">
        <v>0</v>
      </c>
      <c r="LF15" s="119">
        <v>0</v>
      </c>
      <c r="LG15" s="119">
        <v>0</v>
      </c>
      <c r="LH15" s="120">
        <v>279481</v>
      </c>
      <c r="LI15" s="121">
        <v>279481</v>
      </c>
      <c r="LJ15" s="142">
        <v>0</v>
      </c>
      <c r="LK15" s="119">
        <v>0</v>
      </c>
      <c r="LL15" s="120">
        <v>0</v>
      </c>
      <c r="LM15" s="145"/>
      <c r="LN15" s="119">
        <v>0</v>
      </c>
      <c r="LO15" s="119">
        <v>0</v>
      </c>
      <c r="LP15" s="119">
        <v>0</v>
      </c>
      <c r="LQ15" s="119">
        <v>0</v>
      </c>
      <c r="LR15" s="119">
        <v>0</v>
      </c>
      <c r="LS15" s="120">
        <v>0</v>
      </c>
      <c r="LT15" s="318">
        <v>0</v>
      </c>
      <c r="LU15" s="142">
        <v>0</v>
      </c>
      <c r="LV15" s="119">
        <v>0</v>
      </c>
      <c r="LW15" s="120">
        <v>0</v>
      </c>
      <c r="LX15" s="145"/>
      <c r="LY15" s="119">
        <v>0</v>
      </c>
      <c r="LZ15" s="119">
        <v>191521</v>
      </c>
      <c r="MA15" s="119">
        <v>548474</v>
      </c>
      <c r="MB15" s="119">
        <v>579645</v>
      </c>
      <c r="MC15" s="119">
        <v>0</v>
      </c>
      <c r="MD15" s="120">
        <v>1319640</v>
      </c>
      <c r="ME15" s="121">
        <v>1319640</v>
      </c>
      <c r="MF15" s="142">
        <v>0</v>
      </c>
      <c r="MG15" s="119">
        <v>0</v>
      </c>
      <c r="MH15" s="120">
        <v>0</v>
      </c>
      <c r="MI15" s="145"/>
      <c r="MJ15" s="119">
        <v>265640</v>
      </c>
      <c r="MK15" s="119">
        <v>1092644</v>
      </c>
      <c r="ML15" s="119">
        <v>4324221</v>
      </c>
      <c r="MM15" s="119">
        <v>10014015</v>
      </c>
      <c r="MN15" s="119">
        <v>4609914</v>
      </c>
      <c r="MO15" s="120">
        <v>20306434</v>
      </c>
      <c r="MP15" s="143">
        <v>20306434</v>
      </c>
      <c r="MQ15" s="142">
        <v>0</v>
      </c>
      <c r="MR15" s="119">
        <v>0</v>
      </c>
      <c r="MS15" s="120">
        <v>0</v>
      </c>
      <c r="MT15" s="145"/>
      <c r="MU15" s="119">
        <v>0</v>
      </c>
      <c r="MV15" s="119">
        <v>0</v>
      </c>
      <c r="MW15" s="119">
        <v>3359231</v>
      </c>
      <c r="MX15" s="119">
        <v>6238002</v>
      </c>
      <c r="MY15" s="119">
        <v>3331238</v>
      </c>
      <c r="MZ15" s="120">
        <v>12928471</v>
      </c>
      <c r="NA15" s="143">
        <v>12928471</v>
      </c>
      <c r="NB15" s="142">
        <v>0</v>
      </c>
      <c r="NC15" s="119">
        <v>0</v>
      </c>
      <c r="ND15" s="120">
        <v>0</v>
      </c>
      <c r="NE15" s="145"/>
      <c r="NF15" s="119">
        <v>265640</v>
      </c>
      <c r="NG15" s="119">
        <v>1092644</v>
      </c>
      <c r="NH15" s="119">
        <v>964990</v>
      </c>
      <c r="NI15" s="119">
        <v>3425705</v>
      </c>
      <c r="NJ15" s="119">
        <v>1278676</v>
      </c>
      <c r="NK15" s="120">
        <v>7027655</v>
      </c>
      <c r="NL15" s="318">
        <v>7027655</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350308</v>
      </c>
      <c r="OF15" s="119">
        <v>0</v>
      </c>
      <c r="OG15" s="120">
        <v>350308</v>
      </c>
      <c r="OH15" s="121">
        <v>350308</v>
      </c>
      <c r="OI15" s="142">
        <v>1107320</v>
      </c>
      <c r="OJ15" s="119">
        <v>747429</v>
      </c>
      <c r="OK15" s="141">
        <v>1854749</v>
      </c>
      <c r="OL15" s="118">
        <v>0</v>
      </c>
      <c r="OM15" s="119">
        <v>14220205</v>
      </c>
      <c r="ON15" s="119">
        <v>15288794</v>
      </c>
      <c r="OO15" s="119">
        <v>22467862</v>
      </c>
      <c r="OP15" s="119">
        <v>24155774</v>
      </c>
      <c r="OQ15" s="119">
        <v>13835428</v>
      </c>
      <c r="OR15" s="120">
        <v>89968063</v>
      </c>
      <c r="OS15" s="143">
        <v>91822812</v>
      </c>
    </row>
    <row r="16" spans="1:409" ht="21" customHeight="1" x14ac:dyDescent="0.2">
      <c r="B16" s="126" t="s">
        <v>10</v>
      </c>
      <c r="C16" s="110">
        <v>1754663</v>
      </c>
      <c r="D16" s="114">
        <v>1677736</v>
      </c>
      <c r="E16" s="113">
        <v>3432399</v>
      </c>
      <c r="F16" s="172">
        <v>0</v>
      </c>
      <c r="G16" s="114">
        <v>21645494</v>
      </c>
      <c r="H16" s="114">
        <v>16768554</v>
      </c>
      <c r="I16" s="114">
        <v>14266076</v>
      </c>
      <c r="J16" s="114">
        <v>15914609</v>
      </c>
      <c r="K16" s="114">
        <v>11487329</v>
      </c>
      <c r="L16" s="109">
        <v>80082062</v>
      </c>
      <c r="M16" s="116">
        <v>83514461</v>
      </c>
      <c r="N16" s="110">
        <v>539285</v>
      </c>
      <c r="O16" s="114">
        <v>860657</v>
      </c>
      <c r="P16" s="113">
        <v>1399942</v>
      </c>
      <c r="Q16" s="110">
        <v>0</v>
      </c>
      <c r="R16" s="114">
        <v>7387273</v>
      </c>
      <c r="S16" s="114">
        <v>6100483</v>
      </c>
      <c r="T16" s="114">
        <v>4723016</v>
      </c>
      <c r="U16" s="114">
        <v>6886034</v>
      </c>
      <c r="V16" s="114">
        <v>5619604</v>
      </c>
      <c r="W16" s="113">
        <v>30716410</v>
      </c>
      <c r="X16" s="116">
        <v>32116352</v>
      </c>
      <c r="Y16" s="110">
        <v>0</v>
      </c>
      <c r="Z16" s="114">
        <v>0</v>
      </c>
      <c r="AA16" s="113">
        <v>0</v>
      </c>
      <c r="AB16" s="110">
        <v>0</v>
      </c>
      <c r="AC16" s="114">
        <v>3683088</v>
      </c>
      <c r="AD16" s="114">
        <v>3376790</v>
      </c>
      <c r="AE16" s="114">
        <v>2394120</v>
      </c>
      <c r="AF16" s="114">
        <v>3958455</v>
      </c>
      <c r="AG16" s="114">
        <v>3351969</v>
      </c>
      <c r="AH16" s="113">
        <v>16764422</v>
      </c>
      <c r="AI16" s="116">
        <v>16764422</v>
      </c>
      <c r="AJ16" s="110">
        <v>0</v>
      </c>
      <c r="AK16" s="114">
        <v>0</v>
      </c>
      <c r="AL16" s="113">
        <v>0</v>
      </c>
      <c r="AM16" s="110">
        <v>0</v>
      </c>
      <c r="AN16" s="114">
        <v>47374</v>
      </c>
      <c r="AO16" s="114">
        <v>36760</v>
      </c>
      <c r="AP16" s="114">
        <v>82910</v>
      </c>
      <c r="AQ16" s="114">
        <v>626932</v>
      </c>
      <c r="AR16" s="114">
        <v>745717</v>
      </c>
      <c r="AS16" s="113">
        <v>1539693</v>
      </c>
      <c r="AT16" s="116">
        <v>1539693</v>
      </c>
      <c r="AU16" s="110">
        <v>265442</v>
      </c>
      <c r="AV16" s="114">
        <v>669889</v>
      </c>
      <c r="AW16" s="113">
        <v>935331</v>
      </c>
      <c r="AX16" s="110">
        <v>0</v>
      </c>
      <c r="AY16" s="114">
        <v>2302698</v>
      </c>
      <c r="AZ16" s="114">
        <v>1507799</v>
      </c>
      <c r="BA16" s="114">
        <v>1373265</v>
      </c>
      <c r="BB16" s="114">
        <v>1281200</v>
      </c>
      <c r="BC16" s="114">
        <v>672763</v>
      </c>
      <c r="BD16" s="113">
        <v>7137725</v>
      </c>
      <c r="BE16" s="116">
        <v>8073056</v>
      </c>
      <c r="BF16" s="110">
        <v>65475</v>
      </c>
      <c r="BG16" s="114">
        <v>58160</v>
      </c>
      <c r="BH16" s="112">
        <v>123635</v>
      </c>
      <c r="BI16" s="111">
        <v>0</v>
      </c>
      <c r="BJ16" s="114">
        <v>320577</v>
      </c>
      <c r="BK16" s="114">
        <v>255350</v>
      </c>
      <c r="BL16" s="114">
        <v>69321</v>
      </c>
      <c r="BM16" s="114">
        <v>122167</v>
      </c>
      <c r="BN16" s="114">
        <v>162915</v>
      </c>
      <c r="BO16" s="113">
        <v>930330</v>
      </c>
      <c r="BP16" s="116">
        <v>1053965</v>
      </c>
      <c r="BQ16" s="110">
        <v>208368</v>
      </c>
      <c r="BR16" s="114">
        <v>132608</v>
      </c>
      <c r="BS16" s="113">
        <v>340976</v>
      </c>
      <c r="BT16" s="110">
        <v>0</v>
      </c>
      <c r="BU16" s="114">
        <v>1033536</v>
      </c>
      <c r="BV16" s="114">
        <v>923784</v>
      </c>
      <c r="BW16" s="114">
        <v>803400</v>
      </c>
      <c r="BX16" s="114">
        <v>897280</v>
      </c>
      <c r="BY16" s="114">
        <v>686240</v>
      </c>
      <c r="BZ16" s="113">
        <v>4344240</v>
      </c>
      <c r="CA16" s="116">
        <v>4685216</v>
      </c>
      <c r="CB16" s="110">
        <v>96288</v>
      </c>
      <c r="CC16" s="114">
        <v>181361</v>
      </c>
      <c r="CD16" s="113">
        <v>277649</v>
      </c>
      <c r="CE16" s="110">
        <v>0</v>
      </c>
      <c r="CF16" s="114">
        <v>7219875</v>
      </c>
      <c r="CG16" s="114">
        <v>5149161</v>
      </c>
      <c r="CH16" s="114">
        <v>3656143</v>
      </c>
      <c r="CI16" s="114">
        <v>2057952</v>
      </c>
      <c r="CJ16" s="114">
        <v>1376271</v>
      </c>
      <c r="CK16" s="113">
        <v>19459402</v>
      </c>
      <c r="CL16" s="116">
        <v>19737051</v>
      </c>
      <c r="CM16" s="110">
        <v>0</v>
      </c>
      <c r="CN16" s="114">
        <v>0</v>
      </c>
      <c r="CO16" s="113">
        <v>0</v>
      </c>
      <c r="CP16" s="111">
        <v>0</v>
      </c>
      <c r="CQ16" s="114">
        <v>5902821</v>
      </c>
      <c r="CR16" s="114">
        <v>4587512</v>
      </c>
      <c r="CS16" s="114">
        <v>3311994</v>
      </c>
      <c r="CT16" s="114">
        <v>1730685</v>
      </c>
      <c r="CU16" s="114">
        <v>1174304</v>
      </c>
      <c r="CV16" s="113">
        <v>16707316</v>
      </c>
      <c r="CW16" s="116">
        <v>16707316</v>
      </c>
      <c r="CX16" s="110">
        <v>96288</v>
      </c>
      <c r="CY16" s="114">
        <v>181361</v>
      </c>
      <c r="CZ16" s="113">
        <v>277649</v>
      </c>
      <c r="DA16" s="110">
        <v>0</v>
      </c>
      <c r="DB16" s="114">
        <v>1317054</v>
      </c>
      <c r="DC16" s="114">
        <v>561649</v>
      </c>
      <c r="DD16" s="114">
        <v>344149</v>
      </c>
      <c r="DE16" s="114">
        <v>327267</v>
      </c>
      <c r="DF16" s="114">
        <v>201967</v>
      </c>
      <c r="DG16" s="113">
        <v>2752086</v>
      </c>
      <c r="DH16" s="116">
        <v>3029735</v>
      </c>
      <c r="DI16" s="110">
        <v>19119</v>
      </c>
      <c r="DJ16" s="114">
        <v>21202</v>
      </c>
      <c r="DK16" s="112">
        <v>40321</v>
      </c>
      <c r="DL16" s="111">
        <v>0</v>
      </c>
      <c r="DM16" s="114">
        <v>771265</v>
      </c>
      <c r="DN16" s="114">
        <v>1071891</v>
      </c>
      <c r="DO16" s="114">
        <v>1520151</v>
      </c>
      <c r="DP16" s="114">
        <v>2270850</v>
      </c>
      <c r="DQ16" s="114">
        <v>917615</v>
      </c>
      <c r="DR16" s="113">
        <v>6551772</v>
      </c>
      <c r="DS16" s="116">
        <v>6592093</v>
      </c>
      <c r="DT16" s="110">
        <v>19119</v>
      </c>
      <c r="DU16" s="114">
        <v>21202</v>
      </c>
      <c r="DV16" s="113">
        <v>40321</v>
      </c>
      <c r="DW16" s="110">
        <v>0</v>
      </c>
      <c r="DX16" s="114">
        <v>462782</v>
      </c>
      <c r="DY16" s="114">
        <v>960809</v>
      </c>
      <c r="DZ16" s="114">
        <v>1342306</v>
      </c>
      <c r="EA16" s="114">
        <v>2226987</v>
      </c>
      <c r="EB16" s="114">
        <v>863331</v>
      </c>
      <c r="EC16" s="113">
        <v>5856215</v>
      </c>
      <c r="ED16" s="116">
        <v>5896536</v>
      </c>
      <c r="EE16" s="110">
        <v>0</v>
      </c>
      <c r="EF16" s="112">
        <v>0</v>
      </c>
      <c r="EG16" s="113">
        <v>0</v>
      </c>
      <c r="EH16" s="110">
        <v>0</v>
      </c>
      <c r="EI16" s="114">
        <v>308483</v>
      </c>
      <c r="EJ16" s="114">
        <v>111082</v>
      </c>
      <c r="EK16" s="114">
        <v>177845</v>
      </c>
      <c r="EL16" s="114">
        <v>43863</v>
      </c>
      <c r="EM16" s="114">
        <v>54284</v>
      </c>
      <c r="EN16" s="112">
        <v>695557</v>
      </c>
      <c r="EO16" s="116">
        <v>695557</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5"/>
      <c r="FE16" s="114">
        <v>0</v>
      </c>
      <c r="FF16" s="114">
        <v>0</v>
      </c>
      <c r="FG16" s="114">
        <v>0</v>
      </c>
      <c r="FH16" s="114">
        <v>0</v>
      </c>
      <c r="FI16" s="114">
        <v>0</v>
      </c>
      <c r="FJ16" s="113">
        <v>0</v>
      </c>
      <c r="FK16" s="116">
        <v>0</v>
      </c>
      <c r="FL16" s="110">
        <v>655728</v>
      </c>
      <c r="FM16" s="114">
        <v>521216</v>
      </c>
      <c r="FN16" s="113">
        <v>1176944</v>
      </c>
      <c r="FO16" s="110">
        <v>0</v>
      </c>
      <c r="FP16" s="114">
        <v>1188537</v>
      </c>
      <c r="FQ16" s="114">
        <v>1245656</v>
      </c>
      <c r="FR16" s="114">
        <v>1016576</v>
      </c>
      <c r="FS16" s="114">
        <v>1279656</v>
      </c>
      <c r="FT16" s="114">
        <v>803960</v>
      </c>
      <c r="FU16" s="113">
        <v>5534385</v>
      </c>
      <c r="FV16" s="116">
        <v>6711329</v>
      </c>
      <c r="FW16" s="115">
        <v>273008</v>
      </c>
      <c r="FX16" s="114">
        <v>428736</v>
      </c>
      <c r="FY16" s="112">
        <v>701744</v>
      </c>
      <c r="FZ16" s="111">
        <v>0</v>
      </c>
      <c r="GA16" s="114">
        <v>817496</v>
      </c>
      <c r="GB16" s="114">
        <v>1202536</v>
      </c>
      <c r="GC16" s="114">
        <v>969344</v>
      </c>
      <c r="GD16" s="114">
        <v>1255544</v>
      </c>
      <c r="GE16" s="114">
        <v>668040</v>
      </c>
      <c r="GF16" s="113">
        <v>4912960</v>
      </c>
      <c r="GG16" s="316">
        <v>5614704</v>
      </c>
      <c r="GH16" s="115">
        <v>110720</v>
      </c>
      <c r="GI16" s="114">
        <v>92480</v>
      </c>
      <c r="GJ16" s="112">
        <v>203200</v>
      </c>
      <c r="GK16" s="111">
        <v>0</v>
      </c>
      <c r="GL16" s="114">
        <v>46200</v>
      </c>
      <c r="GM16" s="114">
        <v>43120</v>
      </c>
      <c r="GN16" s="114">
        <v>42432</v>
      </c>
      <c r="GO16" s="114">
        <v>24112</v>
      </c>
      <c r="GP16" s="114">
        <v>0</v>
      </c>
      <c r="GQ16" s="113">
        <v>155864</v>
      </c>
      <c r="GR16" s="116">
        <v>359064</v>
      </c>
      <c r="GS16" s="110">
        <v>272000</v>
      </c>
      <c r="GT16" s="114">
        <v>0</v>
      </c>
      <c r="GU16" s="113">
        <v>272000</v>
      </c>
      <c r="GV16" s="110">
        <v>0</v>
      </c>
      <c r="GW16" s="114">
        <v>324841</v>
      </c>
      <c r="GX16" s="114">
        <v>0</v>
      </c>
      <c r="GY16" s="114">
        <v>4800</v>
      </c>
      <c r="GZ16" s="114">
        <v>0</v>
      </c>
      <c r="HA16" s="114">
        <v>135920</v>
      </c>
      <c r="HB16" s="112">
        <v>465561</v>
      </c>
      <c r="HC16" s="116">
        <v>737561</v>
      </c>
      <c r="HD16" s="110">
        <v>444243</v>
      </c>
      <c r="HE16" s="114">
        <v>93300</v>
      </c>
      <c r="HF16" s="112">
        <v>537543</v>
      </c>
      <c r="HG16" s="111">
        <v>0</v>
      </c>
      <c r="HH16" s="114">
        <v>5078544</v>
      </c>
      <c r="HI16" s="114">
        <v>3201363</v>
      </c>
      <c r="HJ16" s="114">
        <v>3350190</v>
      </c>
      <c r="HK16" s="114">
        <v>3420117</v>
      </c>
      <c r="HL16" s="114">
        <v>2769879</v>
      </c>
      <c r="HM16" s="113">
        <v>17820093</v>
      </c>
      <c r="HN16" s="109">
        <v>18357636</v>
      </c>
      <c r="HO16" s="326"/>
      <c r="HP16" s="327"/>
      <c r="HQ16" s="328"/>
      <c r="HR16" s="329"/>
      <c r="HS16" s="327"/>
      <c r="HT16" s="327"/>
      <c r="HU16" s="327"/>
      <c r="HV16" s="327"/>
      <c r="HW16" s="327"/>
      <c r="HX16" s="330"/>
      <c r="HY16" s="331"/>
      <c r="HZ16" s="150">
        <v>0</v>
      </c>
      <c r="IA16" s="135">
        <v>0</v>
      </c>
      <c r="IB16" s="150">
        <v>0</v>
      </c>
      <c r="IC16" s="134">
        <v>0</v>
      </c>
      <c r="ID16" s="135">
        <v>4052840</v>
      </c>
      <c r="IE16" s="136">
        <v>5324773</v>
      </c>
      <c r="IF16" s="137">
        <v>6926669</v>
      </c>
      <c r="IG16" s="135">
        <v>5690596</v>
      </c>
      <c r="IH16" s="137">
        <v>4528435</v>
      </c>
      <c r="II16" s="138">
        <v>26523313</v>
      </c>
      <c r="IJ16" s="150">
        <v>26523313</v>
      </c>
      <c r="IK16" s="232">
        <v>0</v>
      </c>
      <c r="IL16" s="236">
        <v>0</v>
      </c>
      <c r="IM16" s="237">
        <v>0</v>
      </c>
      <c r="IN16" s="140"/>
      <c r="IO16" s="119">
        <v>151395</v>
      </c>
      <c r="IP16" s="119">
        <v>148594</v>
      </c>
      <c r="IQ16" s="119">
        <v>374161</v>
      </c>
      <c r="IR16" s="119">
        <v>0</v>
      </c>
      <c r="IS16" s="119">
        <v>274312</v>
      </c>
      <c r="IT16" s="141">
        <v>948462</v>
      </c>
      <c r="IU16" s="318">
        <v>948462</v>
      </c>
      <c r="IV16" s="142">
        <v>0</v>
      </c>
      <c r="IW16" s="119">
        <v>0</v>
      </c>
      <c r="IX16" s="120">
        <v>0</v>
      </c>
      <c r="IY16" s="144"/>
      <c r="IZ16" s="119">
        <v>10692</v>
      </c>
      <c r="JA16" s="119">
        <v>10692</v>
      </c>
      <c r="JB16" s="119">
        <v>21384</v>
      </c>
      <c r="JC16" s="119">
        <v>1057</v>
      </c>
      <c r="JD16" s="119">
        <v>0</v>
      </c>
      <c r="JE16" s="120">
        <v>43825</v>
      </c>
      <c r="JF16" s="121">
        <v>43825</v>
      </c>
      <c r="JG16" s="142">
        <v>0</v>
      </c>
      <c r="JH16" s="119">
        <v>0</v>
      </c>
      <c r="JI16" s="141">
        <v>0</v>
      </c>
      <c r="JJ16" s="118">
        <v>0</v>
      </c>
      <c r="JK16" s="119">
        <v>1647973</v>
      </c>
      <c r="JL16" s="119">
        <v>1198448</v>
      </c>
      <c r="JM16" s="119">
        <v>967556</v>
      </c>
      <c r="JN16" s="119">
        <v>390117</v>
      </c>
      <c r="JO16" s="119">
        <v>0</v>
      </c>
      <c r="JP16" s="120">
        <v>4204094</v>
      </c>
      <c r="JQ16" s="318">
        <v>4204094</v>
      </c>
      <c r="JR16" s="142">
        <v>0</v>
      </c>
      <c r="JS16" s="119">
        <v>0</v>
      </c>
      <c r="JT16" s="141">
        <v>0</v>
      </c>
      <c r="JU16" s="118">
        <v>0</v>
      </c>
      <c r="JV16" s="119">
        <v>242046</v>
      </c>
      <c r="JW16" s="119">
        <v>87556</v>
      </c>
      <c r="JX16" s="119">
        <v>150057</v>
      </c>
      <c r="JY16" s="119">
        <v>309028</v>
      </c>
      <c r="JZ16" s="119">
        <v>189413</v>
      </c>
      <c r="KA16" s="120">
        <v>978100</v>
      </c>
      <c r="KB16" s="318">
        <v>978100</v>
      </c>
      <c r="KC16" s="234">
        <v>0</v>
      </c>
      <c r="KD16" s="230">
        <v>0</v>
      </c>
      <c r="KE16" s="120">
        <v>0</v>
      </c>
      <c r="KF16" s="118">
        <v>0</v>
      </c>
      <c r="KG16" s="119">
        <v>216201</v>
      </c>
      <c r="KH16" s="119">
        <v>709067</v>
      </c>
      <c r="KI16" s="119">
        <v>726882</v>
      </c>
      <c r="KJ16" s="119">
        <v>1310086</v>
      </c>
      <c r="KK16" s="119">
        <v>281492</v>
      </c>
      <c r="KL16" s="120">
        <v>3243728</v>
      </c>
      <c r="KM16" s="143">
        <v>3243728</v>
      </c>
      <c r="KN16" s="232">
        <v>0</v>
      </c>
      <c r="KO16" s="236">
        <v>0</v>
      </c>
      <c r="KP16" s="237">
        <v>0</v>
      </c>
      <c r="KQ16" s="140"/>
      <c r="KR16" s="119">
        <v>1164430</v>
      </c>
      <c r="KS16" s="119">
        <v>2016439</v>
      </c>
      <c r="KT16" s="119">
        <v>2315351</v>
      </c>
      <c r="KU16" s="119">
        <v>1318920</v>
      </c>
      <c r="KV16" s="119">
        <v>1581661</v>
      </c>
      <c r="KW16" s="120">
        <v>8396801</v>
      </c>
      <c r="KX16" s="318">
        <v>8396801</v>
      </c>
      <c r="KY16" s="142">
        <v>0</v>
      </c>
      <c r="KZ16" s="119">
        <v>0</v>
      </c>
      <c r="LA16" s="120">
        <v>0</v>
      </c>
      <c r="LB16" s="145"/>
      <c r="LC16" s="119">
        <v>318120</v>
      </c>
      <c r="LD16" s="119">
        <v>545058</v>
      </c>
      <c r="LE16" s="119">
        <v>990899</v>
      </c>
      <c r="LF16" s="119">
        <v>0</v>
      </c>
      <c r="LG16" s="119">
        <v>666006</v>
      </c>
      <c r="LH16" s="120">
        <v>2520083</v>
      </c>
      <c r="LI16" s="121">
        <v>2520083</v>
      </c>
      <c r="LJ16" s="142">
        <v>0</v>
      </c>
      <c r="LK16" s="119">
        <v>0</v>
      </c>
      <c r="LL16" s="120">
        <v>0</v>
      </c>
      <c r="LM16" s="145"/>
      <c r="LN16" s="119">
        <v>0</v>
      </c>
      <c r="LO16" s="119">
        <v>212983</v>
      </c>
      <c r="LP16" s="119">
        <v>233877</v>
      </c>
      <c r="LQ16" s="119">
        <v>798508</v>
      </c>
      <c r="LR16" s="119">
        <v>846831</v>
      </c>
      <c r="LS16" s="120">
        <v>2092199</v>
      </c>
      <c r="LT16" s="318">
        <v>2092199</v>
      </c>
      <c r="LU16" s="142">
        <v>0</v>
      </c>
      <c r="LV16" s="119">
        <v>0</v>
      </c>
      <c r="LW16" s="120">
        <v>0</v>
      </c>
      <c r="LX16" s="145"/>
      <c r="LY16" s="119">
        <v>301983</v>
      </c>
      <c r="LZ16" s="119">
        <v>395936</v>
      </c>
      <c r="MA16" s="119">
        <v>1146502</v>
      </c>
      <c r="MB16" s="119">
        <v>1562880</v>
      </c>
      <c r="MC16" s="119">
        <v>688720</v>
      </c>
      <c r="MD16" s="120">
        <v>4096021</v>
      </c>
      <c r="ME16" s="121">
        <v>4096021</v>
      </c>
      <c r="MF16" s="142">
        <v>0</v>
      </c>
      <c r="MG16" s="119">
        <v>0</v>
      </c>
      <c r="MH16" s="120">
        <v>0</v>
      </c>
      <c r="MI16" s="145"/>
      <c r="MJ16" s="119">
        <v>525186</v>
      </c>
      <c r="MK16" s="119">
        <v>1885666</v>
      </c>
      <c r="ML16" s="119">
        <v>8133036</v>
      </c>
      <c r="MM16" s="119">
        <v>13324373</v>
      </c>
      <c r="MN16" s="119">
        <v>7616209</v>
      </c>
      <c r="MO16" s="120">
        <v>31484470</v>
      </c>
      <c r="MP16" s="143">
        <v>31484470</v>
      </c>
      <c r="MQ16" s="142">
        <v>0</v>
      </c>
      <c r="MR16" s="119">
        <v>0</v>
      </c>
      <c r="MS16" s="120">
        <v>0</v>
      </c>
      <c r="MT16" s="145"/>
      <c r="MU16" s="119">
        <v>215310</v>
      </c>
      <c r="MV16" s="119">
        <v>0</v>
      </c>
      <c r="MW16" s="119">
        <v>4831445</v>
      </c>
      <c r="MX16" s="119">
        <v>10032902</v>
      </c>
      <c r="MY16" s="119">
        <v>4688052</v>
      </c>
      <c r="MZ16" s="120">
        <v>19767709</v>
      </c>
      <c r="NA16" s="143">
        <v>19767709</v>
      </c>
      <c r="NB16" s="142">
        <v>0</v>
      </c>
      <c r="NC16" s="119">
        <v>0</v>
      </c>
      <c r="ND16" s="120">
        <v>0</v>
      </c>
      <c r="NE16" s="145"/>
      <c r="NF16" s="119">
        <v>309876</v>
      </c>
      <c r="NG16" s="119">
        <v>1885666</v>
      </c>
      <c r="NH16" s="119">
        <v>3301591</v>
      </c>
      <c r="NI16" s="119">
        <v>3291471</v>
      </c>
      <c r="NJ16" s="119">
        <v>2172218</v>
      </c>
      <c r="NK16" s="120">
        <v>10960822</v>
      </c>
      <c r="NL16" s="318">
        <v>10960822</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755939</v>
      </c>
      <c r="OG16" s="120">
        <v>755939</v>
      </c>
      <c r="OH16" s="121">
        <v>755939</v>
      </c>
      <c r="OI16" s="142">
        <v>1754663</v>
      </c>
      <c r="OJ16" s="119">
        <v>1677736</v>
      </c>
      <c r="OK16" s="141">
        <v>3432399</v>
      </c>
      <c r="OL16" s="118">
        <v>0</v>
      </c>
      <c r="OM16" s="119">
        <v>26223520</v>
      </c>
      <c r="ON16" s="119">
        <v>23978993</v>
      </c>
      <c r="OO16" s="119">
        <v>29325781</v>
      </c>
      <c r="OP16" s="119">
        <v>34929578</v>
      </c>
      <c r="OQ16" s="119">
        <v>23631973</v>
      </c>
      <c r="OR16" s="120">
        <v>138089845</v>
      </c>
      <c r="OS16" s="143">
        <v>141522244</v>
      </c>
    </row>
    <row r="17" spans="2:409" ht="21" customHeight="1" x14ac:dyDescent="0.2">
      <c r="B17" s="126" t="s">
        <v>11</v>
      </c>
      <c r="C17" s="110">
        <v>466984</v>
      </c>
      <c r="D17" s="114">
        <v>745534</v>
      </c>
      <c r="E17" s="171">
        <v>1212518</v>
      </c>
      <c r="F17" s="111">
        <v>0</v>
      </c>
      <c r="G17" s="114">
        <v>7419280</v>
      </c>
      <c r="H17" s="114">
        <v>6406897</v>
      </c>
      <c r="I17" s="114">
        <v>7702798</v>
      </c>
      <c r="J17" s="114">
        <v>9263605</v>
      </c>
      <c r="K17" s="114">
        <v>3278850</v>
      </c>
      <c r="L17" s="109">
        <v>34071430</v>
      </c>
      <c r="M17" s="116">
        <v>35283948</v>
      </c>
      <c r="N17" s="110">
        <v>127334</v>
      </c>
      <c r="O17" s="114">
        <v>214316</v>
      </c>
      <c r="P17" s="113">
        <v>341650</v>
      </c>
      <c r="Q17" s="110">
        <v>0</v>
      </c>
      <c r="R17" s="114">
        <v>1375737</v>
      </c>
      <c r="S17" s="114">
        <v>1545639</v>
      </c>
      <c r="T17" s="114">
        <v>2167538</v>
      </c>
      <c r="U17" s="114">
        <v>2888504</v>
      </c>
      <c r="V17" s="114">
        <v>1964782</v>
      </c>
      <c r="W17" s="113">
        <v>9942200</v>
      </c>
      <c r="X17" s="116">
        <v>10283850</v>
      </c>
      <c r="Y17" s="110">
        <v>0</v>
      </c>
      <c r="Z17" s="114">
        <v>0</v>
      </c>
      <c r="AA17" s="113">
        <v>0</v>
      </c>
      <c r="AB17" s="110">
        <v>0</v>
      </c>
      <c r="AC17" s="114">
        <v>228130</v>
      </c>
      <c r="AD17" s="114">
        <v>654793</v>
      </c>
      <c r="AE17" s="114">
        <v>1236992</v>
      </c>
      <c r="AF17" s="114">
        <v>1327438</v>
      </c>
      <c r="AG17" s="114">
        <v>1254839</v>
      </c>
      <c r="AH17" s="113">
        <v>4702192</v>
      </c>
      <c r="AI17" s="116">
        <v>4702192</v>
      </c>
      <c r="AJ17" s="110">
        <v>0</v>
      </c>
      <c r="AK17" s="114">
        <v>0</v>
      </c>
      <c r="AL17" s="113">
        <v>0</v>
      </c>
      <c r="AM17" s="110">
        <v>0</v>
      </c>
      <c r="AN17" s="114">
        <v>13361</v>
      </c>
      <c r="AO17" s="114">
        <v>57642</v>
      </c>
      <c r="AP17" s="114">
        <v>165085</v>
      </c>
      <c r="AQ17" s="114">
        <v>351206</v>
      </c>
      <c r="AR17" s="114">
        <v>239944</v>
      </c>
      <c r="AS17" s="113">
        <v>827238</v>
      </c>
      <c r="AT17" s="116">
        <v>827238</v>
      </c>
      <c r="AU17" s="110">
        <v>95174</v>
      </c>
      <c r="AV17" s="114">
        <v>128010</v>
      </c>
      <c r="AW17" s="113">
        <v>223184</v>
      </c>
      <c r="AX17" s="110">
        <v>0</v>
      </c>
      <c r="AY17" s="114">
        <v>757011</v>
      </c>
      <c r="AZ17" s="114">
        <v>523775</v>
      </c>
      <c r="BA17" s="114">
        <v>522973</v>
      </c>
      <c r="BB17" s="114">
        <v>750319</v>
      </c>
      <c r="BC17" s="114">
        <v>288625</v>
      </c>
      <c r="BD17" s="113">
        <v>2842703</v>
      </c>
      <c r="BE17" s="116">
        <v>3065887</v>
      </c>
      <c r="BF17" s="110">
        <v>0</v>
      </c>
      <c r="BG17" s="114">
        <v>52178</v>
      </c>
      <c r="BH17" s="112">
        <v>52178</v>
      </c>
      <c r="BI17" s="111">
        <v>0</v>
      </c>
      <c r="BJ17" s="114">
        <v>89763</v>
      </c>
      <c r="BK17" s="114">
        <v>36629</v>
      </c>
      <c r="BL17" s="114">
        <v>0</v>
      </c>
      <c r="BM17" s="114">
        <v>156757</v>
      </c>
      <c r="BN17" s="114">
        <v>41862</v>
      </c>
      <c r="BO17" s="113">
        <v>325011</v>
      </c>
      <c r="BP17" s="116">
        <v>377189</v>
      </c>
      <c r="BQ17" s="110">
        <v>32160</v>
      </c>
      <c r="BR17" s="114">
        <v>34128</v>
      </c>
      <c r="BS17" s="113">
        <v>66288</v>
      </c>
      <c r="BT17" s="110">
        <v>0</v>
      </c>
      <c r="BU17" s="114">
        <v>287472</v>
      </c>
      <c r="BV17" s="114">
        <v>272800</v>
      </c>
      <c r="BW17" s="114">
        <v>242488</v>
      </c>
      <c r="BX17" s="114">
        <v>302784</v>
      </c>
      <c r="BY17" s="114">
        <v>139512</v>
      </c>
      <c r="BZ17" s="113">
        <v>1245056</v>
      </c>
      <c r="CA17" s="116">
        <v>1311344</v>
      </c>
      <c r="CB17" s="110">
        <v>185928</v>
      </c>
      <c r="CC17" s="114">
        <v>73056</v>
      </c>
      <c r="CD17" s="113">
        <v>258984</v>
      </c>
      <c r="CE17" s="110">
        <v>0</v>
      </c>
      <c r="CF17" s="114">
        <v>2451114</v>
      </c>
      <c r="CG17" s="114">
        <v>2094311</v>
      </c>
      <c r="CH17" s="114">
        <v>1987366</v>
      </c>
      <c r="CI17" s="114">
        <v>2203627</v>
      </c>
      <c r="CJ17" s="114">
        <v>266775</v>
      </c>
      <c r="CK17" s="113">
        <v>9003193</v>
      </c>
      <c r="CL17" s="116">
        <v>9262177</v>
      </c>
      <c r="CM17" s="110">
        <v>0</v>
      </c>
      <c r="CN17" s="114">
        <v>0</v>
      </c>
      <c r="CO17" s="113">
        <v>0</v>
      </c>
      <c r="CP17" s="111">
        <v>0</v>
      </c>
      <c r="CQ17" s="114">
        <v>1651483</v>
      </c>
      <c r="CR17" s="114">
        <v>1371017</v>
      </c>
      <c r="CS17" s="114">
        <v>1592784</v>
      </c>
      <c r="CT17" s="114">
        <v>1308234</v>
      </c>
      <c r="CU17" s="114">
        <v>178418</v>
      </c>
      <c r="CV17" s="113">
        <v>6101936</v>
      </c>
      <c r="CW17" s="116">
        <v>6101936</v>
      </c>
      <c r="CX17" s="110">
        <v>185928</v>
      </c>
      <c r="CY17" s="114">
        <v>73056</v>
      </c>
      <c r="CZ17" s="113">
        <v>258984</v>
      </c>
      <c r="DA17" s="110">
        <v>0</v>
      </c>
      <c r="DB17" s="114">
        <v>799631</v>
      </c>
      <c r="DC17" s="114">
        <v>723294</v>
      </c>
      <c r="DD17" s="114">
        <v>394582</v>
      </c>
      <c r="DE17" s="114">
        <v>895393</v>
      </c>
      <c r="DF17" s="114">
        <v>88357</v>
      </c>
      <c r="DG17" s="113">
        <v>2901257</v>
      </c>
      <c r="DH17" s="116">
        <v>3160241</v>
      </c>
      <c r="DI17" s="110">
        <v>0</v>
      </c>
      <c r="DJ17" s="114">
        <v>0</v>
      </c>
      <c r="DK17" s="112">
        <v>0</v>
      </c>
      <c r="DL17" s="111">
        <v>0</v>
      </c>
      <c r="DM17" s="114">
        <v>460357</v>
      </c>
      <c r="DN17" s="114">
        <v>472599</v>
      </c>
      <c r="DO17" s="114">
        <v>1353980</v>
      </c>
      <c r="DP17" s="114">
        <v>453523</v>
      </c>
      <c r="DQ17" s="114">
        <v>0</v>
      </c>
      <c r="DR17" s="113">
        <v>2740459</v>
      </c>
      <c r="DS17" s="116">
        <v>2740459</v>
      </c>
      <c r="DT17" s="110">
        <v>0</v>
      </c>
      <c r="DU17" s="114">
        <v>0</v>
      </c>
      <c r="DV17" s="113">
        <v>0</v>
      </c>
      <c r="DW17" s="110">
        <v>0</v>
      </c>
      <c r="DX17" s="114">
        <v>342205</v>
      </c>
      <c r="DY17" s="114">
        <v>377287</v>
      </c>
      <c r="DZ17" s="114">
        <v>1315308</v>
      </c>
      <c r="EA17" s="114">
        <v>453523</v>
      </c>
      <c r="EB17" s="114">
        <v>0</v>
      </c>
      <c r="EC17" s="113">
        <v>2488323</v>
      </c>
      <c r="ED17" s="116">
        <v>2488323</v>
      </c>
      <c r="EE17" s="110">
        <v>0</v>
      </c>
      <c r="EF17" s="112">
        <v>0</v>
      </c>
      <c r="EG17" s="113">
        <v>0</v>
      </c>
      <c r="EH17" s="110">
        <v>0</v>
      </c>
      <c r="EI17" s="114">
        <v>118152</v>
      </c>
      <c r="EJ17" s="114">
        <v>95312</v>
      </c>
      <c r="EK17" s="114">
        <v>38672</v>
      </c>
      <c r="EL17" s="114">
        <v>0</v>
      </c>
      <c r="EM17" s="114">
        <v>0</v>
      </c>
      <c r="EN17" s="112">
        <v>252136</v>
      </c>
      <c r="EO17" s="116">
        <v>252136</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5"/>
      <c r="FE17" s="114">
        <v>0</v>
      </c>
      <c r="FF17" s="114">
        <v>0</v>
      </c>
      <c r="FG17" s="114">
        <v>0</v>
      </c>
      <c r="FH17" s="114">
        <v>0</v>
      </c>
      <c r="FI17" s="114">
        <v>0</v>
      </c>
      <c r="FJ17" s="113">
        <v>0</v>
      </c>
      <c r="FK17" s="116">
        <v>0</v>
      </c>
      <c r="FL17" s="110">
        <v>94400</v>
      </c>
      <c r="FM17" s="114">
        <v>257840</v>
      </c>
      <c r="FN17" s="113">
        <v>352240</v>
      </c>
      <c r="FO17" s="110">
        <v>0</v>
      </c>
      <c r="FP17" s="114">
        <v>508624</v>
      </c>
      <c r="FQ17" s="114">
        <v>619720</v>
      </c>
      <c r="FR17" s="114">
        <v>473712</v>
      </c>
      <c r="FS17" s="114">
        <v>708624</v>
      </c>
      <c r="FT17" s="114">
        <v>183616</v>
      </c>
      <c r="FU17" s="113">
        <v>2494296</v>
      </c>
      <c r="FV17" s="116">
        <v>2846536</v>
      </c>
      <c r="FW17" s="115">
        <v>76800</v>
      </c>
      <c r="FX17" s="114">
        <v>208208</v>
      </c>
      <c r="FY17" s="112">
        <v>285008</v>
      </c>
      <c r="FZ17" s="111">
        <v>0</v>
      </c>
      <c r="GA17" s="114">
        <v>252632</v>
      </c>
      <c r="GB17" s="114">
        <v>561064</v>
      </c>
      <c r="GC17" s="114">
        <v>473712</v>
      </c>
      <c r="GD17" s="114">
        <v>657584</v>
      </c>
      <c r="GE17" s="114">
        <v>183616</v>
      </c>
      <c r="GF17" s="113">
        <v>2128608</v>
      </c>
      <c r="GG17" s="316">
        <v>2413616</v>
      </c>
      <c r="GH17" s="115">
        <v>17600</v>
      </c>
      <c r="GI17" s="114">
        <v>23232</v>
      </c>
      <c r="GJ17" s="112">
        <v>40832</v>
      </c>
      <c r="GK17" s="111">
        <v>0</v>
      </c>
      <c r="GL17" s="114">
        <v>63360</v>
      </c>
      <c r="GM17" s="114">
        <v>18656</v>
      </c>
      <c r="GN17" s="114">
        <v>0</v>
      </c>
      <c r="GO17" s="114">
        <v>51040</v>
      </c>
      <c r="GP17" s="114">
        <v>0</v>
      </c>
      <c r="GQ17" s="113">
        <v>133056</v>
      </c>
      <c r="GR17" s="116">
        <v>173888</v>
      </c>
      <c r="GS17" s="110">
        <v>0</v>
      </c>
      <c r="GT17" s="114">
        <v>26400</v>
      </c>
      <c r="GU17" s="113">
        <v>26400</v>
      </c>
      <c r="GV17" s="110">
        <v>0</v>
      </c>
      <c r="GW17" s="114">
        <v>192632</v>
      </c>
      <c r="GX17" s="114">
        <v>40000</v>
      </c>
      <c r="GY17" s="114">
        <v>0</v>
      </c>
      <c r="GZ17" s="114">
        <v>0</v>
      </c>
      <c r="HA17" s="114">
        <v>0</v>
      </c>
      <c r="HB17" s="112">
        <v>232632</v>
      </c>
      <c r="HC17" s="116">
        <v>259032</v>
      </c>
      <c r="HD17" s="110">
        <v>59322</v>
      </c>
      <c r="HE17" s="114">
        <v>200322</v>
      </c>
      <c r="HF17" s="112">
        <v>259644</v>
      </c>
      <c r="HG17" s="111">
        <v>0</v>
      </c>
      <c r="HH17" s="114">
        <v>2623448</v>
      </c>
      <c r="HI17" s="114">
        <v>1674628</v>
      </c>
      <c r="HJ17" s="114">
        <v>1720202</v>
      </c>
      <c r="HK17" s="114">
        <v>3009327</v>
      </c>
      <c r="HL17" s="114">
        <v>863677</v>
      </c>
      <c r="HM17" s="113">
        <v>9891282</v>
      </c>
      <c r="HN17" s="109">
        <v>10150926</v>
      </c>
      <c r="HO17" s="326"/>
      <c r="HP17" s="327"/>
      <c r="HQ17" s="328"/>
      <c r="HR17" s="329"/>
      <c r="HS17" s="327"/>
      <c r="HT17" s="327"/>
      <c r="HU17" s="327"/>
      <c r="HV17" s="327"/>
      <c r="HW17" s="327"/>
      <c r="HX17" s="330"/>
      <c r="HY17" s="331"/>
      <c r="HZ17" s="131">
        <v>0</v>
      </c>
      <c r="IA17" s="132">
        <v>0</v>
      </c>
      <c r="IB17" s="133">
        <v>0</v>
      </c>
      <c r="IC17" s="146">
        <v>0</v>
      </c>
      <c r="ID17" s="132">
        <v>1190644</v>
      </c>
      <c r="IE17" s="147">
        <v>1996161</v>
      </c>
      <c r="IF17" s="133">
        <v>2346252</v>
      </c>
      <c r="IG17" s="132">
        <v>1592955</v>
      </c>
      <c r="IH17" s="133">
        <v>726263</v>
      </c>
      <c r="II17" s="148">
        <v>7852275</v>
      </c>
      <c r="IJ17" s="139">
        <v>7852275</v>
      </c>
      <c r="IK17" s="232">
        <v>0</v>
      </c>
      <c r="IL17" s="236">
        <v>0</v>
      </c>
      <c r="IM17" s="237">
        <v>0</v>
      </c>
      <c r="IN17" s="140"/>
      <c r="IO17" s="119">
        <v>74780</v>
      </c>
      <c r="IP17" s="119">
        <v>124872</v>
      </c>
      <c r="IQ17" s="119">
        <v>150280</v>
      </c>
      <c r="IR17" s="119">
        <v>0</v>
      </c>
      <c r="IS17" s="119">
        <v>0</v>
      </c>
      <c r="IT17" s="141">
        <v>349932</v>
      </c>
      <c r="IU17" s="318">
        <v>349932</v>
      </c>
      <c r="IV17" s="142">
        <v>0</v>
      </c>
      <c r="IW17" s="119">
        <v>0</v>
      </c>
      <c r="IX17" s="120">
        <v>0</v>
      </c>
      <c r="IY17" s="144"/>
      <c r="IZ17" s="119">
        <v>0</v>
      </c>
      <c r="JA17" s="119">
        <v>0</v>
      </c>
      <c r="JB17" s="119">
        <v>0</v>
      </c>
      <c r="JC17" s="119">
        <v>16836</v>
      </c>
      <c r="JD17" s="119">
        <v>0</v>
      </c>
      <c r="JE17" s="120">
        <v>16836</v>
      </c>
      <c r="JF17" s="121">
        <v>16836</v>
      </c>
      <c r="JG17" s="142">
        <v>0</v>
      </c>
      <c r="JH17" s="119">
        <v>0</v>
      </c>
      <c r="JI17" s="141">
        <v>0</v>
      </c>
      <c r="JJ17" s="118">
        <v>0</v>
      </c>
      <c r="JK17" s="119">
        <v>738953</v>
      </c>
      <c r="JL17" s="119">
        <v>399304</v>
      </c>
      <c r="JM17" s="119">
        <v>450332</v>
      </c>
      <c r="JN17" s="119">
        <v>112592</v>
      </c>
      <c r="JO17" s="119">
        <v>453026</v>
      </c>
      <c r="JP17" s="120">
        <v>2154207</v>
      </c>
      <c r="JQ17" s="318">
        <v>2154207</v>
      </c>
      <c r="JR17" s="142">
        <v>0</v>
      </c>
      <c r="JS17" s="119">
        <v>0</v>
      </c>
      <c r="JT17" s="141">
        <v>0</v>
      </c>
      <c r="JU17" s="118">
        <v>0</v>
      </c>
      <c r="JV17" s="119">
        <v>0</v>
      </c>
      <c r="JW17" s="119">
        <v>276905</v>
      </c>
      <c r="JX17" s="119">
        <v>234935</v>
      </c>
      <c r="JY17" s="119">
        <v>0</v>
      </c>
      <c r="JZ17" s="119">
        <v>0</v>
      </c>
      <c r="KA17" s="120">
        <v>511840</v>
      </c>
      <c r="KB17" s="318">
        <v>511840</v>
      </c>
      <c r="KC17" s="234">
        <v>0</v>
      </c>
      <c r="KD17" s="230">
        <v>0</v>
      </c>
      <c r="KE17" s="120">
        <v>0</v>
      </c>
      <c r="KF17" s="118">
        <v>0</v>
      </c>
      <c r="KG17" s="119">
        <v>106242</v>
      </c>
      <c r="KH17" s="119">
        <v>510271</v>
      </c>
      <c r="KI17" s="119">
        <v>730109</v>
      </c>
      <c r="KJ17" s="119">
        <v>396382</v>
      </c>
      <c r="KK17" s="119">
        <v>0</v>
      </c>
      <c r="KL17" s="120">
        <v>1743004</v>
      </c>
      <c r="KM17" s="143">
        <v>1743004</v>
      </c>
      <c r="KN17" s="232">
        <v>0</v>
      </c>
      <c r="KO17" s="236">
        <v>0</v>
      </c>
      <c r="KP17" s="237">
        <v>0</v>
      </c>
      <c r="KQ17" s="140"/>
      <c r="KR17" s="119">
        <v>134972</v>
      </c>
      <c r="KS17" s="119">
        <v>494876</v>
      </c>
      <c r="KT17" s="119">
        <v>780596</v>
      </c>
      <c r="KU17" s="119">
        <v>785503</v>
      </c>
      <c r="KV17" s="119">
        <v>273237</v>
      </c>
      <c r="KW17" s="120">
        <v>2469184</v>
      </c>
      <c r="KX17" s="318">
        <v>2469184</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18">
        <v>0</v>
      </c>
      <c r="LU17" s="142">
        <v>0</v>
      </c>
      <c r="LV17" s="119">
        <v>0</v>
      </c>
      <c r="LW17" s="120">
        <v>0</v>
      </c>
      <c r="LX17" s="145"/>
      <c r="LY17" s="119">
        <v>135697</v>
      </c>
      <c r="LZ17" s="119">
        <v>189933</v>
      </c>
      <c r="MA17" s="119">
        <v>0</v>
      </c>
      <c r="MB17" s="119">
        <v>281642</v>
      </c>
      <c r="MC17" s="119">
        <v>0</v>
      </c>
      <c r="MD17" s="120">
        <v>607272</v>
      </c>
      <c r="ME17" s="121">
        <v>607272</v>
      </c>
      <c r="MF17" s="142">
        <v>0</v>
      </c>
      <c r="MG17" s="119">
        <v>0</v>
      </c>
      <c r="MH17" s="120">
        <v>0</v>
      </c>
      <c r="MI17" s="145"/>
      <c r="MJ17" s="119">
        <v>240892</v>
      </c>
      <c r="MK17" s="119">
        <v>363633</v>
      </c>
      <c r="ML17" s="119">
        <v>2441772</v>
      </c>
      <c r="MM17" s="119">
        <v>5488508</v>
      </c>
      <c r="MN17" s="119">
        <v>3506238</v>
      </c>
      <c r="MO17" s="120">
        <v>12041043</v>
      </c>
      <c r="MP17" s="143">
        <v>12041043</v>
      </c>
      <c r="MQ17" s="142">
        <v>0</v>
      </c>
      <c r="MR17" s="119">
        <v>0</v>
      </c>
      <c r="MS17" s="120">
        <v>0</v>
      </c>
      <c r="MT17" s="145"/>
      <c r="MU17" s="119">
        <v>0</v>
      </c>
      <c r="MV17" s="119">
        <v>0</v>
      </c>
      <c r="MW17" s="119">
        <v>1076781</v>
      </c>
      <c r="MX17" s="119">
        <v>4045858</v>
      </c>
      <c r="MY17" s="119">
        <v>1701231</v>
      </c>
      <c r="MZ17" s="120">
        <v>6823870</v>
      </c>
      <c r="NA17" s="143">
        <v>6823870</v>
      </c>
      <c r="NB17" s="142">
        <v>0</v>
      </c>
      <c r="NC17" s="119">
        <v>0</v>
      </c>
      <c r="ND17" s="120">
        <v>0</v>
      </c>
      <c r="NE17" s="145"/>
      <c r="NF17" s="119">
        <v>240892</v>
      </c>
      <c r="NG17" s="119">
        <v>363633</v>
      </c>
      <c r="NH17" s="119">
        <v>1364991</v>
      </c>
      <c r="NI17" s="119">
        <v>1363462</v>
      </c>
      <c r="NJ17" s="119">
        <v>1805007</v>
      </c>
      <c r="NK17" s="120">
        <v>5137985</v>
      </c>
      <c r="NL17" s="318">
        <v>5137985</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79188</v>
      </c>
      <c r="OF17" s="119">
        <v>0</v>
      </c>
      <c r="OG17" s="120">
        <v>79188</v>
      </c>
      <c r="OH17" s="121">
        <v>79188</v>
      </c>
      <c r="OI17" s="142">
        <v>466984</v>
      </c>
      <c r="OJ17" s="119">
        <v>745534</v>
      </c>
      <c r="OK17" s="141">
        <v>1212518</v>
      </c>
      <c r="OL17" s="118">
        <v>0</v>
      </c>
      <c r="OM17" s="119">
        <v>8850816</v>
      </c>
      <c r="ON17" s="119">
        <v>8766691</v>
      </c>
      <c r="OO17" s="119">
        <v>12490822</v>
      </c>
      <c r="OP17" s="119">
        <v>16345068</v>
      </c>
      <c r="OQ17" s="119">
        <v>7511351</v>
      </c>
      <c r="OR17" s="120">
        <v>53964748</v>
      </c>
      <c r="OS17" s="143">
        <v>55177266</v>
      </c>
    </row>
    <row r="18" spans="2:409" ht="21" customHeight="1" x14ac:dyDescent="0.2">
      <c r="B18" s="126" t="s">
        <v>12</v>
      </c>
      <c r="C18" s="110">
        <v>864935</v>
      </c>
      <c r="D18" s="114">
        <v>1549528</v>
      </c>
      <c r="E18" s="113">
        <v>2414463</v>
      </c>
      <c r="F18" s="109">
        <v>0</v>
      </c>
      <c r="G18" s="114">
        <v>7254521</v>
      </c>
      <c r="H18" s="170">
        <v>8448520</v>
      </c>
      <c r="I18" s="170">
        <v>8382646</v>
      </c>
      <c r="J18" s="170">
        <v>9584763</v>
      </c>
      <c r="K18" s="170">
        <v>4880500</v>
      </c>
      <c r="L18" s="112">
        <v>38550950</v>
      </c>
      <c r="M18" s="116">
        <v>40965413</v>
      </c>
      <c r="N18" s="110">
        <v>411826</v>
      </c>
      <c r="O18" s="114">
        <v>474763</v>
      </c>
      <c r="P18" s="113">
        <v>886589</v>
      </c>
      <c r="Q18" s="110">
        <v>0</v>
      </c>
      <c r="R18" s="114">
        <v>2394681</v>
      </c>
      <c r="S18" s="114">
        <v>3183876</v>
      </c>
      <c r="T18" s="114">
        <v>2759063</v>
      </c>
      <c r="U18" s="114">
        <v>4736398</v>
      </c>
      <c r="V18" s="114">
        <v>2376043</v>
      </c>
      <c r="W18" s="113">
        <v>15450061</v>
      </c>
      <c r="X18" s="116">
        <v>16336650</v>
      </c>
      <c r="Y18" s="110">
        <v>0</v>
      </c>
      <c r="Z18" s="114">
        <v>0</v>
      </c>
      <c r="AA18" s="113">
        <v>0</v>
      </c>
      <c r="AB18" s="110">
        <v>0</v>
      </c>
      <c r="AC18" s="114">
        <v>1459681</v>
      </c>
      <c r="AD18" s="114">
        <v>1221534</v>
      </c>
      <c r="AE18" s="114">
        <v>1426449</v>
      </c>
      <c r="AF18" s="114">
        <v>3477422</v>
      </c>
      <c r="AG18" s="114">
        <v>1339500</v>
      </c>
      <c r="AH18" s="113">
        <v>8924586</v>
      </c>
      <c r="AI18" s="116">
        <v>8924586</v>
      </c>
      <c r="AJ18" s="110">
        <v>0</v>
      </c>
      <c r="AK18" s="114">
        <v>0</v>
      </c>
      <c r="AL18" s="113">
        <v>0</v>
      </c>
      <c r="AM18" s="110">
        <v>0</v>
      </c>
      <c r="AN18" s="114">
        <v>0</v>
      </c>
      <c r="AO18" s="114">
        <v>46763</v>
      </c>
      <c r="AP18" s="114">
        <v>107128</v>
      </c>
      <c r="AQ18" s="114">
        <v>119831</v>
      </c>
      <c r="AR18" s="114">
        <v>175375</v>
      </c>
      <c r="AS18" s="113">
        <v>449097</v>
      </c>
      <c r="AT18" s="116">
        <v>449097</v>
      </c>
      <c r="AU18" s="110">
        <v>351066</v>
      </c>
      <c r="AV18" s="114">
        <v>408171</v>
      </c>
      <c r="AW18" s="113">
        <v>759237</v>
      </c>
      <c r="AX18" s="110">
        <v>0</v>
      </c>
      <c r="AY18" s="114">
        <v>625719</v>
      </c>
      <c r="AZ18" s="114">
        <v>1333471</v>
      </c>
      <c r="BA18" s="114">
        <v>838601</v>
      </c>
      <c r="BB18" s="114">
        <v>644781</v>
      </c>
      <c r="BC18" s="114">
        <v>600392</v>
      </c>
      <c r="BD18" s="113">
        <v>4042964</v>
      </c>
      <c r="BE18" s="116">
        <v>4802201</v>
      </c>
      <c r="BF18" s="110">
        <v>0</v>
      </c>
      <c r="BG18" s="114">
        <v>0</v>
      </c>
      <c r="BH18" s="112">
        <v>0</v>
      </c>
      <c r="BI18" s="111">
        <v>0</v>
      </c>
      <c r="BJ18" s="114">
        <v>71233</v>
      </c>
      <c r="BK18" s="114">
        <v>156236</v>
      </c>
      <c r="BL18" s="114">
        <v>47125</v>
      </c>
      <c r="BM18" s="114">
        <v>48812</v>
      </c>
      <c r="BN18" s="114">
        <v>0</v>
      </c>
      <c r="BO18" s="113">
        <v>323406</v>
      </c>
      <c r="BP18" s="116">
        <v>323406</v>
      </c>
      <c r="BQ18" s="110">
        <v>60760</v>
      </c>
      <c r="BR18" s="114">
        <v>66592</v>
      </c>
      <c r="BS18" s="113">
        <v>127352</v>
      </c>
      <c r="BT18" s="110">
        <v>0</v>
      </c>
      <c r="BU18" s="114">
        <v>238048</v>
      </c>
      <c r="BV18" s="114">
        <v>425872</v>
      </c>
      <c r="BW18" s="114">
        <v>339760</v>
      </c>
      <c r="BX18" s="114">
        <v>445552</v>
      </c>
      <c r="BY18" s="114">
        <v>260776</v>
      </c>
      <c r="BZ18" s="113">
        <v>1710008</v>
      </c>
      <c r="CA18" s="116">
        <v>1837360</v>
      </c>
      <c r="CB18" s="110">
        <v>250911</v>
      </c>
      <c r="CC18" s="114">
        <v>306583</v>
      </c>
      <c r="CD18" s="113">
        <v>557494</v>
      </c>
      <c r="CE18" s="110">
        <v>0</v>
      </c>
      <c r="CF18" s="114">
        <v>2755679</v>
      </c>
      <c r="CG18" s="114">
        <v>2672362</v>
      </c>
      <c r="CH18" s="114">
        <v>2070037</v>
      </c>
      <c r="CI18" s="114">
        <v>1353693</v>
      </c>
      <c r="CJ18" s="114">
        <v>258254</v>
      </c>
      <c r="CK18" s="113">
        <v>9110025</v>
      </c>
      <c r="CL18" s="116">
        <v>9667519</v>
      </c>
      <c r="CM18" s="110">
        <v>0</v>
      </c>
      <c r="CN18" s="114">
        <v>0</v>
      </c>
      <c r="CO18" s="113">
        <v>0</v>
      </c>
      <c r="CP18" s="111">
        <v>0</v>
      </c>
      <c r="CQ18" s="114">
        <v>2409317</v>
      </c>
      <c r="CR18" s="114">
        <v>1894740</v>
      </c>
      <c r="CS18" s="114">
        <v>1269589</v>
      </c>
      <c r="CT18" s="114">
        <v>688038</v>
      </c>
      <c r="CU18" s="114">
        <v>0</v>
      </c>
      <c r="CV18" s="113">
        <v>6261684</v>
      </c>
      <c r="CW18" s="116">
        <v>6261684</v>
      </c>
      <c r="CX18" s="110">
        <v>250911</v>
      </c>
      <c r="CY18" s="114">
        <v>306583</v>
      </c>
      <c r="CZ18" s="113">
        <v>557494</v>
      </c>
      <c r="DA18" s="110">
        <v>0</v>
      </c>
      <c r="DB18" s="114">
        <v>346362</v>
      </c>
      <c r="DC18" s="114">
        <v>777622</v>
      </c>
      <c r="DD18" s="114">
        <v>800448</v>
      </c>
      <c r="DE18" s="114">
        <v>665655</v>
      </c>
      <c r="DF18" s="114">
        <v>258254</v>
      </c>
      <c r="DG18" s="113">
        <v>2848341</v>
      </c>
      <c r="DH18" s="116">
        <v>3405835</v>
      </c>
      <c r="DI18" s="110">
        <v>31378</v>
      </c>
      <c r="DJ18" s="114">
        <v>62184</v>
      </c>
      <c r="DK18" s="112">
        <v>93562</v>
      </c>
      <c r="DL18" s="111">
        <v>0</v>
      </c>
      <c r="DM18" s="114">
        <v>715614</v>
      </c>
      <c r="DN18" s="114">
        <v>398425</v>
      </c>
      <c r="DO18" s="114">
        <v>441474</v>
      </c>
      <c r="DP18" s="114">
        <v>457109</v>
      </c>
      <c r="DQ18" s="114">
        <v>19082</v>
      </c>
      <c r="DR18" s="113">
        <v>2031704</v>
      </c>
      <c r="DS18" s="116">
        <v>2125266</v>
      </c>
      <c r="DT18" s="110">
        <v>31378</v>
      </c>
      <c r="DU18" s="114">
        <v>62184</v>
      </c>
      <c r="DV18" s="113">
        <v>93562</v>
      </c>
      <c r="DW18" s="110">
        <v>0</v>
      </c>
      <c r="DX18" s="114">
        <v>715614</v>
      </c>
      <c r="DY18" s="114">
        <v>329991</v>
      </c>
      <c r="DZ18" s="114">
        <v>340923</v>
      </c>
      <c r="EA18" s="114">
        <v>457109</v>
      </c>
      <c r="EB18" s="114">
        <v>19082</v>
      </c>
      <c r="EC18" s="113">
        <v>1862719</v>
      </c>
      <c r="ED18" s="116">
        <v>1956281</v>
      </c>
      <c r="EE18" s="110">
        <v>0</v>
      </c>
      <c r="EF18" s="112">
        <v>0</v>
      </c>
      <c r="EG18" s="113">
        <v>0</v>
      </c>
      <c r="EH18" s="110">
        <v>0</v>
      </c>
      <c r="EI18" s="114">
        <v>0</v>
      </c>
      <c r="EJ18" s="114">
        <v>68434</v>
      </c>
      <c r="EK18" s="114">
        <v>100551</v>
      </c>
      <c r="EL18" s="114">
        <v>0</v>
      </c>
      <c r="EM18" s="114">
        <v>0</v>
      </c>
      <c r="EN18" s="112">
        <v>168985</v>
      </c>
      <c r="EO18" s="116">
        <v>168985</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5"/>
      <c r="FE18" s="114">
        <v>0</v>
      </c>
      <c r="FF18" s="114">
        <v>0</v>
      </c>
      <c r="FG18" s="114">
        <v>0</v>
      </c>
      <c r="FH18" s="114">
        <v>0</v>
      </c>
      <c r="FI18" s="114">
        <v>0</v>
      </c>
      <c r="FJ18" s="113">
        <v>0</v>
      </c>
      <c r="FK18" s="116">
        <v>0</v>
      </c>
      <c r="FL18" s="110">
        <v>60912</v>
      </c>
      <c r="FM18" s="114">
        <v>236128</v>
      </c>
      <c r="FN18" s="113">
        <v>297040</v>
      </c>
      <c r="FO18" s="110">
        <v>0</v>
      </c>
      <c r="FP18" s="114">
        <v>198064</v>
      </c>
      <c r="FQ18" s="114">
        <v>1083800</v>
      </c>
      <c r="FR18" s="114">
        <v>922888</v>
      </c>
      <c r="FS18" s="114">
        <v>865364</v>
      </c>
      <c r="FT18" s="114">
        <v>339136</v>
      </c>
      <c r="FU18" s="113">
        <v>3409252</v>
      </c>
      <c r="FV18" s="116">
        <v>3706292</v>
      </c>
      <c r="FW18" s="115">
        <v>60912</v>
      </c>
      <c r="FX18" s="114">
        <v>218528</v>
      </c>
      <c r="FY18" s="112">
        <v>279440</v>
      </c>
      <c r="FZ18" s="111">
        <v>0</v>
      </c>
      <c r="GA18" s="114">
        <v>198064</v>
      </c>
      <c r="GB18" s="114">
        <v>1083800</v>
      </c>
      <c r="GC18" s="114">
        <v>668808</v>
      </c>
      <c r="GD18" s="114">
        <v>849656</v>
      </c>
      <c r="GE18" s="114">
        <v>339136</v>
      </c>
      <c r="GF18" s="113">
        <v>3139464</v>
      </c>
      <c r="GG18" s="316">
        <v>3418904</v>
      </c>
      <c r="GH18" s="115">
        <v>0</v>
      </c>
      <c r="GI18" s="114">
        <v>0</v>
      </c>
      <c r="GJ18" s="112">
        <v>0</v>
      </c>
      <c r="GK18" s="111">
        <v>0</v>
      </c>
      <c r="GL18" s="114">
        <v>0</v>
      </c>
      <c r="GM18" s="114">
        <v>0</v>
      </c>
      <c r="GN18" s="114">
        <v>94080</v>
      </c>
      <c r="GO18" s="114">
        <v>15708</v>
      </c>
      <c r="GP18" s="114">
        <v>0</v>
      </c>
      <c r="GQ18" s="113">
        <v>109788</v>
      </c>
      <c r="GR18" s="116">
        <v>109788</v>
      </c>
      <c r="GS18" s="110">
        <v>0</v>
      </c>
      <c r="GT18" s="114">
        <v>17600</v>
      </c>
      <c r="GU18" s="113">
        <v>17600</v>
      </c>
      <c r="GV18" s="110">
        <v>0</v>
      </c>
      <c r="GW18" s="114">
        <v>0</v>
      </c>
      <c r="GX18" s="114">
        <v>0</v>
      </c>
      <c r="GY18" s="114">
        <v>160000</v>
      </c>
      <c r="GZ18" s="114">
        <v>0</v>
      </c>
      <c r="HA18" s="114">
        <v>0</v>
      </c>
      <c r="HB18" s="112">
        <v>160000</v>
      </c>
      <c r="HC18" s="116">
        <v>177600</v>
      </c>
      <c r="HD18" s="110">
        <v>109908</v>
      </c>
      <c r="HE18" s="114">
        <v>469870</v>
      </c>
      <c r="HF18" s="112">
        <v>579778</v>
      </c>
      <c r="HG18" s="111">
        <v>0</v>
      </c>
      <c r="HH18" s="114">
        <v>1190483</v>
      </c>
      <c r="HI18" s="114">
        <v>1110057</v>
      </c>
      <c r="HJ18" s="114">
        <v>2189184</v>
      </c>
      <c r="HK18" s="114">
        <v>2172199</v>
      </c>
      <c r="HL18" s="114">
        <v>1887985</v>
      </c>
      <c r="HM18" s="113">
        <v>8549908</v>
      </c>
      <c r="HN18" s="109">
        <v>9129686</v>
      </c>
      <c r="HO18" s="326"/>
      <c r="HP18" s="327"/>
      <c r="HQ18" s="328"/>
      <c r="HR18" s="329"/>
      <c r="HS18" s="327"/>
      <c r="HT18" s="327"/>
      <c r="HU18" s="327"/>
      <c r="HV18" s="327"/>
      <c r="HW18" s="327"/>
      <c r="HX18" s="330"/>
      <c r="HY18" s="331"/>
      <c r="HZ18" s="150">
        <v>0</v>
      </c>
      <c r="IA18" s="135">
        <v>0</v>
      </c>
      <c r="IB18" s="150">
        <v>0</v>
      </c>
      <c r="IC18" s="134">
        <v>0</v>
      </c>
      <c r="ID18" s="135">
        <v>2793970</v>
      </c>
      <c r="IE18" s="136">
        <v>3105540</v>
      </c>
      <c r="IF18" s="137">
        <v>2212531</v>
      </c>
      <c r="IG18" s="135">
        <v>3204007</v>
      </c>
      <c r="IH18" s="137">
        <v>1910265</v>
      </c>
      <c r="II18" s="138">
        <v>13226313</v>
      </c>
      <c r="IJ18" s="150">
        <v>13226313</v>
      </c>
      <c r="IK18" s="232">
        <v>0</v>
      </c>
      <c r="IL18" s="236">
        <v>0</v>
      </c>
      <c r="IM18" s="237">
        <v>0</v>
      </c>
      <c r="IN18" s="140"/>
      <c r="IO18" s="119">
        <v>72177</v>
      </c>
      <c r="IP18" s="119">
        <v>94528</v>
      </c>
      <c r="IQ18" s="119">
        <v>0</v>
      </c>
      <c r="IR18" s="119">
        <v>226052</v>
      </c>
      <c r="IS18" s="119">
        <v>0</v>
      </c>
      <c r="IT18" s="141">
        <v>392757</v>
      </c>
      <c r="IU18" s="318">
        <v>392757</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495555</v>
      </c>
      <c r="JL18" s="119">
        <v>1024654</v>
      </c>
      <c r="JM18" s="119">
        <v>721532</v>
      </c>
      <c r="JN18" s="119">
        <v>514673</v>
      </c>
      <c r="JO18" s="119">
        <v>323446</v>
      </c>
      <c r="JP18" s="120">
        <v>4079860</v>
      </c>
      <c r="JQ18" s="318">
        <v>4079860</v>
      </c>
      <c r="JR18" s="142">
        <v>0</v>
      </c>
      <c r="JS18" s="119">
        <v>0</v>
      </c>
      <c r="JT18" s="141">
        <v>0</v>
      </c>
      <c r="JU18" s="118">
        <v>0</v>
      </c>
      <c r="JV18" s="119">
        <v>0</v>
      </c>
      <c r="JW18" s="119">
        <v>0</v>
      </c>
      <c r="JX18" s="119">
        <v>0</v>
      </c>
      <c r="JY18" s="119">
        <v>0</v>
      </c>
      <c r="JZ18" s="119">
        <v>0</v>
      </c>
      <c r="KA18" s="120">
        <v>0</v>
      </c>
      <c r="KB18" s="318">
        <v>0</v>
      </c>
      <c r="KC18" s="234">
        <v>0</v>
      </c>
      <c r="KD18" s="230">
        <v>0</v>
      </c>
      <c r="KE18" s="120">
        <v>0</v>
      </c>
      <c r="KF18" s="118">
        <v>0</v>
      </c>
      <c r="KG18" s="119">
        <v>256516</v>
      </c>
      <c r="KH18" s="119">
        <v>0</v>
      </c>
      <c r="KI18" s="119">
        <v>725517</v>
      </c>
      <c r="KJ18" s="119">
        <v>1063260</v>
      </c>
      <c r="KK18" s="119">
        <v>602902</v>
      </c>
      <c r="KL18" s="120">
        <v>2648195</v>
      </c>
      <c r="KM18" s="143">
        <v>2648195</v>
      </c>
      <c r="KN18" s="232">
        <v>0</v>
      </c>
      <c r="KO18" s="236">
        <v>0</v>
      </c>
      <c r="KP18" s="237">
        <v>0</v>
      </c>
      <c r="KQ18" s="140"/>
      <c r="KR18" s="119">
        <v>969722</v>
      </c>
      <c r="KS18" s="119">
        <v>500043</v>
      </c>
      <c r="KT18" s="119">
        <v>765482</v>
      </c>
      <c r="KU18" s="119">
        <v>639212</v>
      </c>
      <c r="KV18" s="119">
        <v>534520</v>
      </c>
      <c r="KW18" s="120">
        <v>3408979</v>
      </c>
      <c r="KX18" s="318">
        <v>3408979</v>
      </c>
      <c r="KY18" s="142">
        <v>0</v>
      </c>
      <c r="KZ18" s="119">
        <v>0</v>
      </c>
      <c r="LA18" s="120">
        <v>0</v>
      </c>
      <c r="LB18" s="145"/>
      <c r="LC18" s="119">
        <v>0</v>
      </c>
      <c r="LD18" s="119">
        <v>723772</v>
      </c>
      <c r="LE18" s="119">
        <v>0</v>
      </c>
      <c r="LF18" s="119">
        <v>439500</v>
      </c>
      <c r="LG18" s="119">
        <v>0</v>
      </c>
      <c r="LH18" s="120">
        <v>1163272</v>
      </c>
      <c r="LI18" s="121">
        <v>1163272</v>
      </c>
      <c r="LJ18" s="142">
        <v>0</v>
      </c>
      <c r="LK18" s="119">
        <v>0</v>
      </c>
      <c r="LL18" s="120">
        <v>0</v>
      </c>
      <c r="LM18" s="145"/>
      <c r="LN18" s="119">
        <v>0</v>
      </c>
      <c r="LO18" s="119">
        <v>0</v>
      </c>
      <c r="LP18" s="119">
        <v>0</v>
      </c>
      <c r="LQ18" s="119">
        <v>0</v>
      </c>
      <c r="LR18" s="119">
        <v>297047</v>
      </c>
      <c r="LS18" s="120">
        <v>297047</v>
      </c>
      <c r="LT18" s="318">
        <v>297047</v>
      </c>
      <c r="LU18" s="142">
        <v>0</v>
      </c>
      <c r="LV18" s="119">
        <v>0</v>
      </c>
      <c r="LW18" s="120">
        <v>0</v>
      </c>
      <c r="LX18" s="145"/>
      <c r="LY18" s="119">
        <v>0</v>
      </c>
      <c r="LZ18" s="119">
        <v>762543</v>
      </c>
      <c r="MA18" s="119">
        <v>0</v>
      </c>
      <c r="MB18" s="119">
        <v>321310</v>
      </c>
      <c r="MC18" s="119">
        <v>152350</v>
      </c>
      <c r="MD18" s="120">
        <v>1236203</v>
      </c>
      <c r="ME18" s="121">
        <v>1236203</v>
      </c>
      <c r="MF18" s="142">
        <v>0</v>
      </c>
      <c r="MG18" s="119">
        <v>0</v>
      </c>
      <c r="MH18" s="120">
        <v>0</v>
      </c>
      <c r="MI18" s="145"/>
      <c r="MJ18" s="119">
        <v>599728</v>
      </c>
      <c r="MK18" s="119">
        <v>1418019</v>
      </c>
      <c r="ML18" s="119">
        <v>3528311</v>
      </c>
      <c r="MM18" s="119">
        <v>7749356</v>
      </c>
      <c r="MN18" s="119">
        <v>2864691</v>
      </c>
      <c r="MO18" s="120">
        <v>16160105</v>
      </c>
      <c r="MP18" s="143">
        <v>16160105</v>
      </c>
      <c r="MQ18" s="142">
        <v>0</v>
      </c>
      <c r="MR18" s="119">
        <v>0</v>
      </c>
      <c r="MS18" s="120">
        <v>0</v>
      </c>
      <c r="MT18" s="145"/>
      <c r="MU18" s="119">
        <v>0</v>
      </c>
      <c r="MV18" s="119">
        <v>0</v>
      </c>
      <c r="MW18" s="119">
        <v>1758797</v>
      </c>
      <c r="MX18" s="119">
        <v>4780747</v>
      </c>
      <c r="MY18" s="119">
        <v>2178885</v>
      </c>
      <c r="MZ18" s="120">
        <v>8718429</v>
      </c>
      <c r="NA18" s="143">
        <v>8718429</v>
      </c>
      <c r="NB18" s="142">
        <v>0</v>
      </c>
      <c r="NC18" s="119">
        <v>0</v>
      </c>
      <c r="ND18" s="120">
        <v>0</v>
      </c>
      <c r="NE18" s="145"/>
      <c r="NF18" s="119">
        <v>599728</v>
      </c>
      <c r="NG18" s="119">
        <v>1418019</v>
      </c>
      <c r="NH18" s="119">
        <v>1769514</v>
      </c>
      <c r="NI18" s="119">
        <v>2618908</v>
      </c>
      <c r="NJ18" s="119">
        <v>685806</v>
      </c>
      <c r="NK18" s="120">
        <v>7091975</v>
      </c>
      <c r="NL18" s="318">
        <v>7091975</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49701</v>
      </c>
      <c r="OF18" s="119">
        <v>0</v>
      </c>
      <c r="OG18" s="120">
        <v>349701</v>
      </c>
      <c r="OH18" s="121">
        <v>349701</v>
      </c>
      <c r="OI18" s="142">
        <v>864935</v>
      </c>
      <c r="OJ18" s="119">
        <v>1549528</v>
      </c>
      <c r="OK18" s="141">
        <v>2414463</v>
      </c>
      <c r="OL18" s="118">
        <v>0</v>
      </c>
      <c r="OM18" s="119">
        <v>10648219</v>
      </c>
      <c r="ON18" s="119">
        <v>12972079</v>
      </c>
      <c r="OO18" s="119">
        <v>14123488</v>
      </c>
      <c r="OP18" s="119">
        <v>20538126</v>
      </c>
      <c r="OQ18" s="119">
        <v>9655456</v>
      </c>
      <c r="OR18" s="120">
        <v>67937368</v>
      </c>
      <c r="OS18" s="143">
        <v>70351831</v>
      </c>
    </row>
    <row r="19" spans="2:409" ht="21" customHeight="1" x14ac:dyDescent="0.2">
      <c r="B19" s="126" t="s">
        <v>13</v>
      </c>
      <c r="C19" s="110">
        <v>167013</v>
      </c>
      <c r="D19" s="114">
        <v>211148</v>
      </c>
      <c r="E19" s="113">
        <v>378161</v>
      </c>
      <c r="F19" s="110">
        <v>0</v>
      </c>
      <c r="G19" s="170">
        <v>3399406</v>
      </c>
      <c r="H19" s="114">
        <v>4647711</v>
      </c>
      <c r="I19" s="114">
        <v>3978418</v>
      </c>
      <c r="J19" s="114">
        <v>5191963</v>
      </c>
      <c r="K19" s="114">
        <v>3992891</v>
      </c>
      <c r="L19" s="112">
        <v>21210389</v>
      </c>
      <c r="M19" s="116">
        <v>21588550</v>
      </c>
      <c r="N19" s="110">
        <v>52040</v>
      </c>
      <c r="O19" s="114">
        <v>130078</v>
      </c>
      <c r="P19" s="113">
        <v>182118</v>
      </c>
      <c r="Q19" s="110">
        <v>0</v>
      </c>
      <c r="R19" s="114">
        <v>1074097</v>
      </c>
      <c r="S19" s="114">
        <v>1332244</v>
      </c>
      <c r="T19" s="114">
        <v>1185732</v>
      </c>
      <c r="U19" s="114">
        <v>1820912</v>
      </c>
      <c r="V19" s="114">
        <v>2131740</v>
      </c>
      <c r="W19" s="113">
        <v>7544725</v>
      </c>
      <c r="X19" s="116">
        <v>7726843</v>
      </c>
      <c r="Y19" s="110">
        <v>0</v>
      </c>
      <c r="Z19" s="114">
        <v>0</v>
      </c>
      <c r="AA19" s="113">
        <v>0</v>
      </c>
      <c r="AB19" s="110">
        <v>0</v>
      </c>
      <c r="AC19" s="114">
        <v>371816</v>
      </c>
      <c r="AD19" s="114">
        <v>696205</v>
      </c>
      <c r="AE19" s="114">
        <v>626195</v>
      </c>
      <c r="AF19" s="114">
        <v>1134507</v>
      </c>
      <c r="AG19" s="114">
        <v>1091624</v>
      </c>
      <c r="AH19" s="113">
        <v>3920347</v>
      </c>
      <c r="AI19" s="116">
        <v>3920347</v>
      </c>
      <c r="AJ19" s="110">
        <v>0</v>
      </c>
      <c r="AK19" s="114">
        <v>0</v>
      </c>
      <c r="AL19" s="113">
        <v>0</v>
      </c>
      <c r="AM19" s="110">
        <v>0</v>
      </c>
      <c r="AN19" s="114">
        <v>0</v>
      </c>
      <c r="AO19" s="114">
        <v>0</v>
      </c>
      <c r="AP19" s="114">
        <v>13993</v>
      </c>
      <c r="AQ19" s="114">
        <v>11680</v>
      </c>
      <c r="AR19" s="114">
        <v>391659</v>
      </c>
      <c r="AS19" s="113">
        <v>417332</v>
      </c>
      <c r="AT19" s="116">
        <v>417332</v>
      </c>
      <c r="AU19" s="110">
        <v>25016</v>
      </c>
      <c r="AV19" s="114">
        <v>91835</v>
      </c>
      <c r="AW19" s="113">
        <v>116851</v>
      </c>
      <c r="AX19" s="110">
        <v>0</v>
      </c>
      <c r="AY19" s="114">
        <v>429009</v>
      </c>
      <c r="AZ19" s="114">
        <v>372815</v>
      </c>
      <c r="BA19" s="114">
        <v>393440</v>
      </c>
      <c r="BB19" s="114">
        <v>311556</v>
      </c>
      <c r="BC19" s="114">
        <v>449753</v>
      </c>
      <c r="BD19" s="113">
        <v>1956573</v>
      </c>
      <c r="BE19" s="116">
        <v>2073424</v>
      </c>
      <c r="BF19" s="110">
        <v>0</v>
      </c>
      <c r="BG19" s="114">
        <v>27243</v>
      </c>
      <c r="BH19" s="112">
        <v>27243</v>
      </c>
      <c r="BI19" s="111">
        <v>0</v>
      </c>
      <c r="BJ19" s="114">
        <v>80704</v>
      </c>
      <c r="BK19" s="114">
        <v>0</v>
      </c>
      <c r="BL19" s="114">
        <v>0</v>
      </c>
      <c r="BM19" s="114">
        <v>85329</v>
      </c>
      <c r="BN19" s="114">
        <v>0</v>
      </c>
      <c r="BO19" s="113">
        <v>166033</v>
      </c>
      <c r="BP19" s="116">
        <v>193276</v>
      </c>
      <c r="BQ19" s="110">
        <v>27024</v>
      </c>
      <c r="BR19" s="114">
        <v>11000</v>
      </c>
      <c r="BS19" s="113">
        <v>38024</v>
      </c>
      <c r="BT19" s="110">
        <v>0</v>
      </c>
      <c r="BU19" s="114">
        <v>192568</v>
      </c>
      <c r="BV19" s="114">
        <v>263224</v>
      </c>
      <c r="BW19" s="114">
        <v>152104</v>
      </c>
      <c r="BX19" s="114">
        <v>277840</v>
      </c>
      <c r="BY19" s="114">
        <v>198704</v>
      </c>
      <c r="BZ19" s="113">
        <v>1084440</v>
      </c>
      <c r="CA19" s="116">
        <v>1122464</v>
      </c>
      <c r="CB19" s="110">
        <v>0</v>
      </c>
      <c r="CC19" s="114">
        <v>39134</v>
      </c>
      <c r="CD19" s="113">
        <v>39134</v>
      </c>
      <c r="CE19" s="110">
        <v>0</v>
      </c>
      <c r="CF19" s="114">
        <v>683495</v>
      </c>
      <c r="CG19" s="114">
        <v>1241687</v>
      </c>
      <c r="CH19" s="114">
        <v>1214364</v>
      </c>
      <c r="CI19" s="114">
        <v>850723</v>
      </c>
      <c r="CJ19" s="114">
        <v>349097</v>
      </c>
      <c r="CK19" s="113">
        <v>4339366</v>
      </c>
      <c r="CL19" s="116">
        <v>4378500</v>
      </c>
      <c r="CM19" s="110">
        <v>0</v>
      </c>
      <c r="CN19" s="114">
        <v>0</v>
      </c>
      <c r="CO19" s="113">
        <v>0</v>
      </c>
      <c r="CP19" s="111">
        <v>0</v>
      </c>
      <c r="CQ19" s="114">
        <v>666184</v>
      </c>
      <c r="CR19" s="114">
        <v>1042680</v>
      </c>
      <c r="CS19" s="114">
        <v>1093569</v>
      </c>
      <c r="CT19" s="114">
        <v>328600</v>
      </c>
      <c r="CU19" s="114">
        <v>279322</v>
      </c>
      <c r="CV19" s="113">
        <v>3410355</v>
      </c>
      <c r="CW19" s="116">
        <v>3410355</v>
      </c>
      <c r="CX19" s="110">
        <v>0</v>
      </c>
      <c r="CY19" s="114">
        <v>39134</v>
      </c>
      <c r="CZ19" s="113">
        <v>39134</v>
      </c>
      <c r="DA19" s="110">
        <v>0</v>
      </c>
      <c r="DB19" s="114">
        <v>17311</v>
      </c>
      <c r="DC19" s="114">
        <v>199007</v>
      </c>
      <c r="DD19" s="114">
        <v>120795</v>
      </c>
      <c r="DE19" s="114">
        <v>522123</v>
      </c>
      <c r="DF19" s="114">
        <v>69775</v>
      </c>
      <c r="DG19" s="113">
        <v>929011</v>
      </c>
      <c r="DH19" s="116">
        <v>968145</v>
      </c>
      <c r="DI19" s="110">
        <v>0</v>
      </c>
      <c r="DJ19" s="114">
        <v>0</v>
      </c>
      <c r="DK19" s="112">
        <v>0</v>
      </c>
      <c r="DL19" s="111">
        <v>0</v>
      </c>
      <c r="DM19" s="114">
        <v>153904</v>
      </c>
      <c r="DN19" s="114">
        <v>229749</v>
      </c>
      <c r="DO19" s="114">
        <v>238933</v>
      </c>
      <c r="DP19" s="114">
        <v>290118</v>
      </c>
      <c r="DQ19" s="114">
        <v>108517</v>
      </c>
      <c r="DR19" s="113">
        <v>1021221</v>
      </c>
      <c r="DS19" s="116">
        <v>1021221</v>
      </c>
      <c r="DT19" s="110">
        <v>0</v>
      </c>
      <c r="DU19" s="114">
        <v>0</v>
      </c>
      <c r="DV19" s="113">
        <v>0</v>
      </c>
      <c r="DW19" s="110">
        <v>0</v>
      </c>
      <c r="DX19" s="114">
        <v>153904</v>
      </c>
      <c r="DY19" s="114">
        <v>229749</v>
      </c>
      <c r="DZ19" s="114">
        <v>238933</v>
      </c>
      <c r="EA19" s="114">
        <v>290118</v>
      </c>
      <c r="EB19" s="114">
        <v>108517</v>
      </c>
      <c r="EC19" s="113">
        <v>1021221</v>
      </c>
      <c r="ED19" s="116">
        <v>1021221</v>
      </c>
      <c r="EE19" s="110">
        <v>0</v>
      </c>
      <c r="EF19" s="112">
        <v>0</v>
      </c>
      <c r="EG19" s="113">
        <v>0</v>
      </c>
      <c r="EH19" s="110">
        <v>0</v>
      </c>
      <c r="EI19" s="114">
        <v>0</v>
      </c>
      <c r="EJ19" s="114">
        <v>0</v>
      </c>
      <c r="EK19" s="114">
        <v>0</v>
      </c>
      <c r="EL19" s="114">
        <v>0</v>
      </c>
      <c r="EM19" s="114">
        <v>0</v>
      </c>
      <c r="EN19" s="112">
        <v>0</v>
      </c>
      <c r="EO19" s="116">
        <v>0</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5"/>
      <c r="FE19" s="114">
        <v>0</v>
      </c>
      <c r="FF19" s="114">
        <v>0</v>
      </c>
      <c r="FG19" s="114">
        <v>0</v>
      </c>
      <c r="FH19" s="114">
        <v>0</v>
      </c>
      <c r="FI19" s="114">
        <v>0</v>
      </c>
      <c r="FJ19" s="113">
        <v>0</v>
      </c>
      <c r="FK19" s="116">
        <v>0</v>
      </c>
      <c r="FL19" s="110">
        <v>8240</v>
      </c>
      <c r="FM19" s="114">
        <v>41936</v>
      </c>
      <c r="FN19" s="113">
        <v>50176</v>
      </c>
      <c r="FO19" s="110">
        <v>0</v>
      </c>
      <c r="FP19" s="114">
        <v>191056</v>
      </c>
      <c r="FQ19" s="114">
        <v>346920</v>
      </c>
      <c r="FR19" s="114">
        <v>228312</v>
      </c>
      <c r="FS19" s="114">
        <v>520048</v>
      </c>
      <c r="FT19" s="114">
        <v>194512</v>
      </c>
      <c r="FU19" s="113">
        <v>1480848</v>
      </c>
      <c r="FV19" s="116">
        <v>1531024</v>
      </c>
      <c r="FW19" s="115">
        <v>8240</v>
      </c>
      <c r="FX19" s="114">
        <v>41936</v>
      </c>
      <c r="FY19" s="112">
        <v>50176</v>
      </c>
      <c r="FZ19" s="111">
        <v>0</v>
      </c>
      <c r="GA19" s="114">
        <v>177856</v>
      </c>
      <c r="GB19" s="114">
        <v>346920</v>
      </c>
      <c r="GC19" s="114">
        <v>228312</v>
      </c>
      <c r="GD19" s="114">
        <v>384528</v>
      </c>
      <c r="GE19" s="114">
        <v>194512</v>
      </c>
      <c r="GF19" s="113">
        <v>1332128</v>
      </c>
      <c r="GG19" s="316">
        <v>1382304</v>
      </c>
      <c r="GH19" s="115">
        <v>0</v>
      </c>
      <c r="GI19" s="114">
        <v>0</v>
      </c>
      <c r="GJ19" s="112">
        <v>0</v>
      </c>
      <c r="GK19" s="111">
        <v>0</v>
      </c>
      <c r="GL19" s="114">
        <v>13200</v>
      </c>
      <c r="GM19" s="114">
        <v>0</v>
      </c>
      <c r="GN19" s="114">
        <v>0</v>
      </c>
      <c r="GO19" s="114">
        <v>21120</v>
      </c>
      <c r="GP19" s="114">
        <v>0</v>
      </c>
      <c r="GQ19" s="113">
        <v>34320</v>
      </c>
      <c r="GR19" s="116">
        <v>34320</v>
      </c>
      <c r="GS19" s="110">
        <v>0</v>
      </c>
      <c r="GT19" s="114">
        <v>0</v>
      </c>
      <c r="GU19" s="113">
        <v>0</v>
      </c>
      <c r="GV19" s="110">
        <v>0</v>
      </c>
      <c r="GW19" s="114">
        <v>0</v>
      </c>
      <c r="GX19" s="114">
        <v>0</v>
      </c>
      <c r="GY19" s="114">
        <v>0</v>
      </c>
      <c r="GZ19" s="114">
        <v>114400</v>
      </c>
      <c r="HA19" s="114">
        <v>0</v>
      </c>
      <c r="HB19" s="112">
        <v>114400</v>
      </c>
      <c r="HC19" s="116">
        <v>114400</v>
      </c>
      <c r="HD19" s="110">
        <v>106733</v>
      </c>
      <c r="HE19" s="114">
        <v>0</v>
      </c>
      <c r="HF19" s="112">
        <v>106733</v>
      </c>
      <c r="HG19" s="111">
        <v>0</v>
      </c>
      <c r="HH19" s="114">
        <v>1296854</v>
      </c>
      <c r="HI19" s="114">
        <v>1497111</v>
      </c>
      <c r="HJ19" s="114">
        <v>1111077</v>
      </c>
      <c r="HK19" s="114">
        <v>1710162</v>
      </c>
      <c r="HL19" s="114">
        <v>1209025</v>
      </c>
      <c r="HM19" s="113">
        <v>6824229</v>
      </c>
      <c r="HN19" s="109">
        <v>6930962</v>
      </c>
      <c r="HO19" s="326"/>
      <c r="HP19" s="327"/>
      <c r="HQ19" s="328"/>
      <c r="HR19" s="329"/>
      <c r="HS19" s="327"/>
      <c r="HT19" s="327"/>
      <c r="HU19" s="327"/>
      <c r="HV19" s="327"/>
      <c r="HW19" s="327"/>
      <c r="HX19" s="330"/>
      <c r="HY19" s="331"/>
      <c r="HZ19" s="131">
        <v>0</v>
      </c>
      <c r="IA19" s="132">
        <v>0</v>
      </c>
      <c r="IB19" s="133">
        <v>0</v>
      </c>
      <c r="IC19" s="146">
        <v>0</v>
      </c>
      <c r="ID19" s="132">
        <v>666074</v>
      </c>
      <c r="IE19" s="147">
        <v>1445152</v>
      </c>
      <c r="IF19" s="133">
        <v>245010</v>
      </c>
      <c r="IG19" s="132">
        <v>1020744</v>
      </c>
      <c r="IH19" s="133">
        <v>192635</v>
      </c>
      <c r="II19" s="148">
        <v>3569615</v>
      </c>
      <c r="IJ19" s="139">
        <v>3569615</v>
      </c>
      <c r="IK19" s="232">
        <v>0</v>
      </c>
      <c r="IL19" s="236">
        <v>0</v>
      </c>
      <c r="IM19" s="237">
        <v>0</v>
      </c>
      <c r="IN19" s="140"/>
      <c r="IO19" s="119">
        <v>0</v>
      </c>
      <c r="IP19" s="119">
        <v>0</v>
      </c>
      <c r="IQ19" s="119">
        <v>0</v>
      </c>
      <c r="IR19" s="119">
        <v>0</v>
      </c>
      <c r="IS19" s="119">
        <v>0</v>
      </c>
      <c r="IT19" s="141">
        <v>0</v>
      </c>
      <c r="IU19" s="318">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464254</v>
      </c>
      <c r="JL19" s="119">
        <v>472220</v>
      </c>
      <c r="JM19" s="119">
        <v>245010</v>
      </c>
      <c r="JN19" s="119">
        <v>267457</v>
      </c>
      <c r="JO19" s="119">
        <v>192635</v>
      </c>
      <c r="JP19" s="120">
        <v>1641576</v>
      </c>
      <c r="JQ19" s="318">
        <v>1641576</v>
      </c>
      <c r="JR19" s="142">
        <v>0</v>
      </c>
      <c r="JS19" s="119">
        <v>0</v>
      </c>
      <c r="JT19" s="141">
        <v>0</v>
      </c>
      <c r="JU19" s="118">
        <v>0</v>
      </c>
      <c r="JV19" s="119">
        <v>0</v>
      </c>
      <c r="JW19" s="119">
        <v>172765</v>
      </c>
      <c r="JX19" s="119">
        <v>0</v>
      </c>
      <c r="JY19" s="119">
        <v>53240</v>
      </c>
      <c r="JZ19" s="119">
        <v>0</v>
      </c>
      <c r="KA19" s="120">
        <v>226005</v>
      </c>
      <c r="KB19" s="318">
        <v>226005</v>
      </c>
      <c r="KC19" s="234">
        <v>0</v>
      </c>
      <c r="KD19" s="230">
        <v>0</v>
      </c>
      <c r="KE19" s="120">
        <v>0</v>
      </c>
      <c r="KF19" s="118">
        <v>0</v>
      </c>
      <c r="KG19" s="119">
        <v>201820</v>
      </c>
      <c r="KH19" s="119">
        <v>308456</v>
      </c>
      <c r="KI19" s="119">
        <v>0</v>
      </c>
      <c r="KJ19" s="119">
        <v>0</v>
      </c>
      <c r="KK19" s="119">
        <v>0</v>
      </c>
      <c r="KL19" s="120">
        <v>510276</v>
      </c>
      <c r="KM19" s="143">
        <v>510276</v>
      </c>
      <c r="KN19" s="232">
        <v>0</v>
      </c>
      <c r="KO19" s="236">
        <v>0</v>
      </c>
      <c r="KP19" s="237">
        <v>0</v>
      </c>
      <c r="KQ19" s="140"/>
      <c r="KR19" s="119">
        <v>0</v>
      </c>
      <c r="KS19" s="119">
        <v>491711</v>
      </c>
      <c r="KT19" s="119">
        <v>0</v>
      </c>
      <c r="KU19" s="119">
        <v>263727</v>
      </c>
      <c r="KV19" s="119">
        <v>0</v>
      </c>
      <c r="KW19" s="120">
        <v>755438</v>
      </c>
      <c r="KX19" s="318">
        <v>755438</v>
      </c>
      <c r="KY19" s="142">
        <v>0</v>
      </c>
      <c r="KZ19" s="119">
        <v>0</v>
      </c>
      <c r="LA19" s="120">
        <v>0</v>
      </c>
      <c r="LB19" s="145"/>
      <c r="LC19" s="119">
        <v>0</v>
      </c>
      <c r="LD19" s="119">
        <v>0</v>
      </c>
      <c r="LE19" s="119">
        <v>0</v>
      </c>
      <c r="LF19" s="119">
        <v>436320</v>
      </c>
      <c r="LG19" s="119">
        <v>0</v>
      </c>
      <c r="LH19" s="120">
        <v>436320</v>
      </c>
      <c r="LI19" s="121">
        <v>436320</v>
      </c>
      <c r="LJ19" s="142">
        <v>0</v>
      </c>
      <c r="LK19" s="119">
        <v>0</v>
      </c>
      <c r="LL19" s="120">
        <v>0</v>
      </c>
      <c r="LM19" s="145"/>
      <c r="LN19" s="119">
        <v>0</v>
      </c>
      <c r="LO19" s="119">
        <v>0</v>
      </c>
      <c r="LP19" s="119">
        <v>0</v>
      </c>
      <c r="LQ19" s="119">
        <v>0</v>
      </c>
      <c r="LR19" s="119">
        <v>0</v>
      </c>
      <c r="LS19" s="120">
        <v>0</v>
      </c>
      <c r="LT19" s="318">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810056</v>
      </c>
      <c r="ML19" s="119">
        <v>1961424</v>
      </c>
      <c r="MM19" s="119">
        <v>3595908</v>
      </c>
      <c r="MN19" s="119">
        <v>2359930</v>
      </c>
      <c r="MO19" s="120">
        <v>8727318</v>
      </c>
      <c r="MP19" s="143">
        <v>8727318</v>
      </c>
      <c r="MQ19" s="142">
        <v>0</v>
      </c>
      <c r="MR19" s="119">
        <v>0</v>
      </c>
      <c r="MS19" s="120">
        <v>0</v>
      </c>
      <c r="MT19" s="145"/>
      <c r="MU19" s="119">
        <v>0</v>
      </c>
      <c r="MV19" s="119">
        <v>0</v>
      </c>
      <c r="MW19" s="119">
        <v>733786</v>
      </c>
      <c r="MX19" s="119">
        <v>2938760</v>
      </c>
      <c r="MY19" s="119">
        <v>2039818</v>
      </c>
      <c r="MZ19" s="120">
        <v>5712364</v>
      </c>
      <c r="NA19" s="143">
        <v>5712364</v>
      </c>
      <c r="NB19" s="142">
        <v>0</v>
      </c>
      <c r="NC19" s="119">
        <v>0</v>
      </c>
      <c r="ND19" s="120">
        <v>0</v>
      </c>
      <c r="NE19" s="145"/>
      <c r="NF19" s="119">
        <v>0</v>
      </c>
      <c r="NG19" s="119">
        <v>810056</v>
      </c>
      <c r="NH19" s="119">
        <v>1227638</v>
      </c>
      <c r="NI19" s="119">
        <v>657148</v>
      </c>
      <c r="NJ19" s="119">
        <v>320112</v>
      </c>
      <c r="NK19" s="120">
        <v>3014954</v>
      </c>
      <c r="NL19" s="318">
        <v>3014954</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67013</v>
      </c>
      <c r="OJ19" s="119">
        <v>211148</v>
      </c>
      <c r="OK19" s="141">
        <v>378161</v>
      </c>
      <c r="OL19" s="118">
        <v>0</v>
      </c>
      <c r="OM19" s="119">
        <v>4065480</v>
      </c>
      <c r="ON19" s="119">
        <v>6902919</v>
      </c>
      <c r="OO19" s="119">
        <v>6184852</v>
      </c>
      <c r="OP19" s="119">
        <v>9808615</v>
      </c>
      <c r="OQ19" s="119">
        <v>6545456</v>
      </c>
      <c r="OR19" s="120">
        <v>33507322</v>
      </c>
      <c r="OS19" s="143">
        <v>33885483</v>
      </c>
    </row>
    <row r="20" spans="2:409" ht="21" customHeight="1" x14ac:dyDescent="0.2">
      <c r="B20" s="126" t="s">
        <v>15</v>
      </c>
      <c r="C20" s="110">
        <v>191752</v>
      </c>
      <c r="D20" s="114">
        <v>364477</v>
      </c>
      <c r="E20" s="113">
        <v>556229</v>
      </c>
      <c r="F20" s="109">
        <v>0</v>
      </c>
      <c r="G20" s="114">
        <v>1663485</v>
      </c>
      <c r="H20" s="114">
        <v>1945059</v>
      </c>
      <c r="I20" s="114">
        <v>2145027</v>
      </c>
      <c r="J20" s="114">
        <v>2061155</v>
      </c>
      <c r="K20" s="114">
        <v>1040636</v>
      </c>
      <c r="L20" s="109">
        <v>8855362</v>
      </c>
      <c r="M20" s="116">
        <v>9411591</v>
      </c>
      <c r="N20" s="110">
        <v>10912</v>
      </c>
      <c r="O20" s="114">
        <v>14277</v>
      </c>
      <c r="P20" s="113">
        <v>25189</v>
      </c>
      <c r="Q20" s="110">
        <v>0</v>
      </c>
      <c r="R20" s="114">
        <v>395384</v>
      </c>
      <c r="S20" s="114">
        <v>476441</v>
      </c>
      <c r="T20" s="114">
        <v>620531</v>
      </c>
      <c r="U20" s="114">
        <v>781033</v>
      </c>
      <c r="V20" s="114">
        <v>318385</v>
      </c>
      <c r="W20" s="113">
        <v>2591774</v>
      </c>
      <c r="X20" s="116">
        <v>2616963</v>
      </c>
      <c r="Y20" s="110">
        <v>0</v>
      </c>
      <c r="Z20" s="114">
        <v>0</v>
      </c>
      <c r="AA20" s="113">
        <v>0</v>
      </c>
      <c r="AB20" s="110">
        <v>0</v>
      </c>
      <c r="AC20" s="114">
        <v>114518</v>
      </c>
      <c r="AD20" s="114">
        <v>227387</v>
      </c>
      <c r="AE20" s="114">
        <v>416071</v>
      </c>
      <c r="AF20" s="114">
        <v>438363</v>
      </c>
      <c r="AG20" s="114">
        <v>288650</v>
      </c>
      <c r="AH20" s="113">
        <v>1484989</v>
      </c>
      <c r="AI20" s="116">
        <v>1484989</v>
      </c>
      <c r="AJ20" s="110">
        <v>0</v>
      </c>
      <c r="AK20" s="114">
        <v>0</v>
      </c>
      <c r="AL20" s="113">
        <v>0</v>
      </c>
      <c r="AM20" s="110">
        <v>0</v>
      </c>
      <c r="AN20" s="114">
        <v>0</v>
      </c>
      <c r="AO20" s="114">
        <v>0</v>
      </c>
      <c r="AP20" s="114">
        <v>0</v>
      </c>
      <c r="AQ20" s="114">
        <v>58456</v>
      </c>
      <c r="AR20" s="114">
        <v>0</v>
      </c>
      <c r="AS20" s="113">
        <v>58456</v>
      </c>
      <c r="AT20" s="116">
        <v>58456</v>
      </c>
      <c r="AU20" s="110">
        <v>0</v>
      </c>
      <c r="AV20" s="114">
        <v>14277</v>
      </c>
      <c r="AW20" s="113">
        <v>14277</v>
      </c>
      <c r="AX20" s="110">
        <v>0</v>
      </c>
      <c r="AY20" s="114">
        <v>99396</v>
      </c>
      <c r="AZ20" s="114">
        <v>109216</v>
      </c>
      <c r="BA20" s="114">
        <v>143852</v>
      </c>
      <c r="BB20" s="114">
        <v>202654</v>
      </c>
      <c r="BC20" s="114">
        <v>0</v>
      </c>
      <c r="BD20" s="113">
        <v>555118</v>
      </c>
      <c r="BE20" s="116">
        <v>569395</v>
      </c>
      <c r="BF20" s="110">
        <v>0</v>
      </c>
      <c r="BG20" s="114">
        <v>0</v>
      </c>
      <c r="BH20" s="112">
        <v>0</v>
      </c>
      <c r="BI20" s="111">
        <v>0</v>
      </c>
      <c r="BJ20" s="114">
        <v>27134</v>
      </c>
      <c r="BK20" s="114">
        <v>62078</v>
      </c>
      <c r="BL20" s="114">
        <v>0</v>
      </c>
      <c r="BM20" s="114">
        <v>0</v>
      </c>
      <c r="BN20" s="114">
        <v>7759</v>
      </c>
      <c r="BO20" s="113">
        <v>96971</v>
      </c>
      <c r="BP20" s="116">
        <v>96971</v>
      </c>
      <c r="BQ20" s="110">
        <v>10912</v>
      </c>
      <c r="BR20" s="114">
        <v>0</v>
      </c>
      <c r="BS20" s="113">
        <v>10912</v>
      </c>
      <c r="BT20" s="110">
        <v>0</v>
      </c>
      <c r="BU20" s="114">
        <v>154336</v>
      </c>
      <c r="BV20" s="114">
        <v>77760</v>
      </c>
      <c r="BW20" s="114">
        <v>60608</v>
      </c>
      <c r="BX20" s="114">
        <v>81560</v>
      </c>
      <c r="BY20" s="114">
        <v>21976</v>
      </c>
      <c r="BZ20" s="113">
        <v>396240</v>
      </c>
      <c r="CA20" s="116">
        <v>407152</v>
      </c>
      <c r="CB20" s="110">
        <v>0</v>
      </c>
      <c r="CC20" s="114">
        <v>0</v>
      </c>
      <c r="CD20" s="113">
        <v>0</v>
      </c>
      <c r="CE20" s="110">
        <v>0</v>
      </c>
      <c r="CF20" s="114">
        <v>271868</v>
      </c>
      <c r="CG20" s="114">
        <v>436231</v>
      </c>
      <c r="CH20" s="114">
        <v>609741</v>
      </c>
      <c r="CI20" s="114">
        <v>190070</v>
      </c>
      <c r="CJ20" s="114">
        <v>0</v>
      </c>
      <c r="CK20" s="113">
        <v>1507910</v>
      </c>
      <c r="CL20" s="116">
        <v>1507910</v>
      </c>
      <c r="CM20" s="110">
        <v>0</v>
      </c>
      <c r="CN20" s="114">
        <v>0</v>
      </c>
      <c r="CO20" s="113">
        <v>0</v>
      </c>
      <c r="CP20" s="111">
        <v>0</v>
      </c>
      <c r="CQ20" s="114">
        <v>271868</v>
      </c>
      <c r="CR20" s="114">
        <v>250806</v>
      </c>
      <c r="CS20" s="114">
        <v>365567</v>
      </c>
      <c r="CT20" s="114">
        <v>87688</v>
      </c>
      <c r="CU20" s="114">
        <v>0</v>
      </c>
      <c r="CV20" s="113">
        <v>975929</v>
      </c>
      <c r="CW20" s="116">
        <v>975929</v>
      </c>
      <c r="CX20" s="110">
        <v>0</v>
      </c>
      <c r="CY20" s="114">
        <v>0</v>
      </c>
      <c r="CZ20" s="113">
        <v>0</v>
      </c>
      <c r="DA20" s="110">
        <v>0</v>
      </c>
      <c r="DB20" s="114">
        <v>0</v>
      </c>
      <c r="DC20" s="114">
        <v>185425</v>
      </c>
      <c r="DD20" s="114">
        <v>244174</v>
      </c>
      <c r="DE20" s="114">
        <v>102382</v>
      </c>
      <c r="DF20" s="114">
        <v>0</v>
      </c>
      <c r="DG20" s="113">
        <v>531981</v>
      </c>
      <c r="DH20" s="116">
        <v>531981</v>
      </c>
      <c r="DI20" s="110">
        <v>0</v>
      </c>
      <c r="DJ20" s="114">
        <v>0</v>
      </c>
      <c r="DK20" s="112">
        <v>0</v>
      </c>
      <c r="DL20" s="111">
        <v>0</v>
      </c>
      <c r="DM20" s="114">
        <v>0</v>
      </c>
      <c r="DN20" s="114">
        <v>217565</v>
      </c>
      <c r="DO20" s="114">
        <v>0</v>
      </c>
      <c r="DP20" s="114">
        <v>520622</v>
      </c>
      <c r="DQ20" s="114">
        <v>434905</v>
      </c>
      <c r="DR20" s="113">
        <v>1173092</v>
      </c>
      <c r="DS20" s="116">
        <v>1173092</v>
      </c>
      <c r="DT20" s="110">
        <v>0</v>
      </c>
      <c r="DU20" s="114">
        <v>0</v>
      </c>
      <c r="DV20" s="113">
        <v>0</v>
      </c>
      <c r="DW20" s="110">
        <v>0</v>
      </c>
      <c r="DX20" s="114">
        <v>0</v>
      </c>
      <c r="DY20" s="114">
        <v>217565</v>
      </c>
      <c r="DZ20" s="114">
        <v>0</v>
      </c>
      <c r="EA20" s="114">
        <v>520622</v>
      </c>
      <c r="EB20" s="114">
        <v>434905</v>
      </c>
      <c r="EC20" s="113">
        <v>1173092</v>
      </c>
      <c r="ED20" s="116">
        <v>1173092</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5"/>
      <c r="FE20" s="114">
        <v>0</v>
      </c>
      <c r="FF20" s="114">
        <v>0</v>
      </c>
      <c r="FG20" s="114">
        <v>0</v>
      </c>
      <c r="FH20" s="114">
        <v>0</v>
      </c>
      <c r="FI20" s="114">
        <v>0</v>
      </c>
      <c r="FJ20" s="113">
        <v>0</v>
      </c>
      <c r="FK20" s="116">
        <v>0</v>
      </c>
      <c r="FL20" s="110">
        <v>1600</v>
      </c>
      <c r="FM20" s="114">
        <v>48880</v>
      </c>
      <c r="FN20" s="113">
        <v>50480</v>
      </c>
      <c r="FO20" s="110">
        <v>0</v>
      </c>
      <c r="FP20" s="114">
        <v>57280</v>
      </c>
      <c r="FQ20" s="114">
        <v>176392</v>
      </c>
      <c r="FR20" s="114">
        <v>109616</v>
      </c>
      <c r="FS20" s="114">
        <v>157432</v>
      </c>
      <c r="FT20" s="114">
        <v>43200</v>
      </c>
      <c r="FU20" s="113">
        <v>543920</v>
      </c>
      <c r="FV20" s="116">
        <v>594400</v>
      </c>
      <c r="FW20" s="115">
        <v>1600</v>
      </c>
      <c r="FX20" s="114">
        <v>48880</v>
      </c>
      <c r="FY20" s="112">
        <v>50480</v>
      </c>
      <c r="FZ20" s="111">
        <v>0</v>
      </c>
      <c r="GA20" s="114">
        <v>42880</v>
      </c>
      <c r="GB20" s="114">
        <v>176392</v>
      </c>
      <c r="GC20" s="114">
        <v>109616</v>
      </c>
      <c r="GD20" s="114">
        <v>134904</v>
      </c>
      <c r="GE20" s="114">
        <v>43200</v>
      </c>
      <c r="GF20" s="113">
        <v>506992</v>
      </c>
      <c r="GG20" s="316">
        <v>557472</v>
      </c>
      <c r="GH20" s="115">
        <v>0</v>
      </c>
      <c r="GI20" s="114">
        <v>0</v>
      </c>
      <c r="GJ20" s="112">
        <v>0</v>
      </c>
      <c r="GK20" s="111">
        <v>0</v>
      </c>
      <c r="GL20" s="114">
        <v>14400</v>
      </c>
      <c r="GM20" s="114">
        <v>0</v>
      </c>
      <c r="GN20" s="114">
        <v>0</v>
      </c>
      <c r="GO20" s="114">
        <v>22528</v>
      </c>
      <c r="GP20" s="114">
        <v>0</v>
      </c>
      <c r="GQ20" s="113">
        <v>36928</v>
      </c>
      <c r="GR20" s="116">
        <v>36928</v>
      </c>
      <c r="GS20" s="110">
        <v>0</v>
      </c>
      <c r="GT20" s="114">
        <v>0</v>
      </c>
      <c r="GU20" s="113">
        <v>0</v>
      </c>
      <c r="GV20" s="110">
        <v>0</v>
      </c>
      <c r="GW20" s="114">
        <v>0</v>
      </c>
      <c r="GX20" s="114">
        <v>0</v>
      </c>
      <c r="GY20" s="114">
        <v>0</v>
      </c>
      <c r="GZ20" s="114">
        <v>0</v>
      </c>
      <c r="HA20" s="114">
        <v>0</v>
      </c>
      <c r="HB20" s="112">
        <v>0</v>
      </c>
      <c r="HC20" s="116">
        <v>0</v>
      </c>
      <c r="HD20" s="110">
        <v>179240</v>
      </c>
      <c r="HE20" s="114">
        <v>301320</v>
      </c>
      <c r="HF20" s="112">
        <v>480560</v>
      </c>
      <c r="HG20" s="111">
        <v>0</v>
      </c>
      <c r="HH20" s="114">
        <v>938953</v>
      </c>
      <c r="HI20" s="114">
        <v>638430</v>
      </c>
      <c r="HJ20" s="114">
        <v>805139</v>
      </c>
      <c r="HK20" s="114">
        <v>411998</v>
      </c>
      <c r="HL20" s="114">
        <v>244146</v>
      </c>
      <c r="HM20" s="113">
        <v>3038666</v>
      </c>
      <c r="HN20" s="109">
        <v>3519226</v>
      </c>
      <c r="HO20" s="326"/>
      <c r="HP20" s="327"/>
      <c r="HQ20" s="328"/>
      <c r="HR20" s="329"/>
      <c r="HS20" s="327"/>
      <c r="HT20" s="327"/>
      <c r="HU20" s="327"/>
      <c r="HV20" s="327"/>
      <c r="HW20" s="327"/>
      <c r="HX20" s="330"/>
      <c r="HY20" s="331"/>
      <c r="HZ20" s="150">
        <v>0</v>
      </c>
      <c r="IA20" s="135">
        <v>0</v>
      </c>
      <c r="IB20" s="150">
        <v>0</v>
      </c>
      <c r="IC20" s="134">
        <v>0</v>
      </c>
      <c r="ID20" s="135">
        <v>1100698</v>
      </c>
      <c r="IE20" s="136">
        <v>720876</v>
      </c>
      <c r="IF20" s="137">
        <v>541240</v>
      </c>
      <c r="IG20" s="135">
        <v>658159</v>
      </c>
      <c r="IH20" s="137">
        <v>359694</v>
      </c>
      <c r="II20" s="138">
        <v>3380667</v>
      </c>
      <c r="IJ20" s="150">
        <v>3380667</v>
      </c>
      <c r="IK20" s="232">
        <v>0</v>
      </c>
      <c r="IL20" s="236">
        <v>0</v>
      </c>
      <c r="IM20" s="237">
        <v>0</v>
      </c>
      <c r="IN20" s="140"/>
      <c r="IO20" s="119">
        <v>104541</v>
      </c>
      <c r="IP20" s="119">
        <v>0</v>
      </c>
      <c r="IQ20" s="119">
        <v>0</v>
      </c>
      <c r="IR20" s="119">
        <v>0</v>
      </c>
      <c r="IS20" s="119">
        <v>0</v>
      </c>
      <c r="IT20" s="141">
        <v>104541</v>
      </c>
      <c r="IU20" s="318">
        <v>104541</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290635</v>
      </c>
      <c r="JL20" s="119">
        <v>325904</v>
      </c>
      <c r="JM20" s="119">
        <v>302601</v>
      </c>
      <c r="JN20" s="119">
        <v>74500</v>
      </c>
      <c r="JO20" s="119">
        <v>89413</v>
      </c>
      <c r="JP20" s="120">
        <v>1083053</v>
      </c>
      <c r="JQ20" s="318">
        <v>1083053</v>
      </c>
      <c r="JR20" s="142">
        <v>0</v>
      </c>
      <c r="JS20" s="119">
        <v>0</v>
      </c>
      <c r="JT20" s="141">
        <v>0</v>
      </c>
      <c r="JU20" s="118">
        <v>0</v>
      </c>
      <c r="JV20" s="119">
        <v>0</v>
      </c>
      <c r="JW20" s="119">
        <v>0</v>
      </c>
      <c r="JX20" s="119">
        <v>0</v>
      </c>
      <c r="JY20" s="119">
        <v>53203</v>
      </c>
      <c r="JZ20" s="119">
        <v>0</v>
      </c>
      <c r="KA20" s="120">
        <v>53203</v>
      </c>
      <c r="KB20" s="318">
        <v>53203</v>
      </c>
      <c r="KC20" s="234">
        <v>0</v>
      </c>
      <c r="KD20" s="230">
        <v>0</v>
      </c>
      <c r="KE20" s="120">
        <v>0</v>
      </c>
      <c r="KF20" s="118">
        <v>0</v>
      </c>
      <c r="KG20" s="119">
        <v>0</v>
      </c>
      <c r="KH20" s="119">
        <v>150892</v>
      </c>
      <c r="KI20" s="119">
        <v>238639</v>
      </c>
      <c r="KJ20" s="119">
        <v>260232</v>
      </c>
      <c r="KK20" s="119">
        <v>270281</v>
      </c>
      <c r="KL20" s="120">
        <v>920044</v>
      </c>
      <c r="KM20" s="143">
        <v>920044</v>
      </c>
      <c r="KN20" s="232">
        <v>0</v>
      </c>
      <c r="KO20" s="236">
        <v>0</v>
      </c>
      <c r="KP20" s="237">
        <v>0</v>
      </c>
      <c r="KQ20" s="140"/>
      <c r="KR20" s="119">
        <v>705522</v>
      </c>
      <c r="KS20" s="119">
        <v>244080</v>
      </c>
      <c r="KT20" s="119">
        <v>0</v>
      </c>
      <c r="KU20" s="119">
        <v>0</v>
      </c>
      <c r="KV20" s="119">
        <v>0</v>
      </c>
      <c r="KW20" s="120">
        <v>949602</v>
      </c>
      <c r="KX20" s="318">
        <v>949602</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270224</v>
      </c>
      <c r="LR20" s="119">
        <v>0</v>
      </c>
      <c r="LS20" s="120">
        <v>270224</v>
      </c>
      <c r="LT20" s="318">
        <v>270224</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536963</v>
      </c>
      <c r="ML20" s="119">
        <v>693873</v>
      </c>
      <c r="MM20" s="119">
        <v>2074798</v>
      </c>
      <c r="MN20" s="119">
        <v>1477077</v>
      </c>
      <c r="MO20" s="120">
        <v>4782711</v>
      </c>
      <c r="MP20" s="143">
        <v>4782711</v>
      </c>
      <c r="MQ20" s="142">
        <v>0</v>
      </c>
      <c r="MR20" s="119">
        <v>0</v>
      </c>
      <c r="MS20" s="120">
        <v>0</v>
      </c>
      <c r="MT20" s="145"/>
      <c r="MU20" s="119">
        <v>0</v>
      </c>
      <c r="MV20" s="119">
        <v>0</v>
      </c>
      <c r="MW20" s="119">
        <v>258458</v>
      </c>
      <c r="MX20" s="119">
        <v>1220665</v>
      </c>
      <c r="MY20" s="119">
        <v>587164</v>
      </c>
      <c r="MZ20" s="120">
        <v>2066287</v>
      </c>
      <c r="NA20" s="143">
        <v>2066287</v>
      </c>
      <c r="NB20" s="142">
        <v>0</v>
      </c>
      <c r="NC20" s="119">
        <v>0</v>
      </c>
      <c r="ND20" s="120">
        <v>0</v>
      </c>
      <c r="NE20" s="145"/>
      <c r="NF20" s="119">
        <v>0</v>
      </c>
      <c r="NG20" s="119">
        <v>536963</v>
      </c>
      <c r="NH20" s="119">
        <v>435415</v>
      </c>
      <c r="NI20" s="119">
        <v>854133</v>
      </c>
      <c r="NJ20" s="119">
        <v>889913</v>
      </c>
      <c r="NK20" s="120">
        <v>2716424</v>
      </c>
      <c r="NL20" s="318">
        <v>2716424</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191752</v>
      </c>
      <c r="OJ20" s="119">
        <v>364477</v>
      </c>
      <c r="OK20" s="141">
        <v>556229</v>
      </c>
      <c r="OL20" s="118">
        <v>0</v>
      </c>
      <c r="OM20" s="119">
        <v>2764183</v>
      </c>
      <c r="ON20" s="119">
        <v>3202898</v>
      </c>
      <c r="OO20" s="119">
        <v>3380140</v>
      </c>
      <c r="OP20" s="119">
        <v>4794112</v>
      </c>
      <c r="OQ20" s="119">
        <v>2877407</v>
      </c>
      <c r="OR20" s="120">
        <v>17018740</v>
      </c>
      <c r="OS20" s="143">
        <v>17574969</v>
      </c>
    </row>
    <row r="21" spans="2:409" ht="21" customHeight="1" x14ac:dyDescent="0.2">
      <c r="B21" s="126" t="s">
        <v>16</v>
      </c>
      <c r="C21" s="110">
        <v>437979</v>
      </c>
      <c r="D21" s="114">
        <v>676710</v>
      </c>
      <c r="E21" s="113">
        <v>1114689</v>
      </c>
      <c r="F21" s="109">
        <v>0</v>
      </c>
      <c r="G21" s="114">
        <v>5194718</v>
      </c>
      <c r="H21" s="114">
        <v>7240687</v>
      </c>
      <c r="I21" s="114">
        <v>3760378</v>
      </c>
      <c r="J21" s="114">
        <v>5921141</v>
      </c>
      <c r="K21" s="114">
        <v>2035543</v>
      </c>
      <c r="L21" s="109">
        <v>24152467</v>
      </c>
      <c r="M21" s="116">
        <v>25267156</v>
      </c>
      <c r="N21" s="110">
        <v>99358</v>
      </c>
      <c r="O21" s="114">
        <v>269472</v>
      </c>
      <c r="P21" s="113">
        <v>368830</v>
      </c>
      <c r="Q21" s="110">
        <v>0</v>
      </c>
      <c r="R21" s="114">
        <v>1293900</v>
      </c>
      <c r="S21" s="114">
        <v>984273</v>
      </c>
      <c r="T21" s="114">
        <v>724797</v>
      </c>
      <c r="U21" s="114">
        <v>1602889</v>
      </c>
      <c r="V21" s="114">
        <v>886033</v>
      </c>
      <c r="W21" s="113">
        <v>5491892</v>
      </c>
      <c r="X21" s="116">
        <v>5860722</v>
      </c>
      <c r="Y21" s="110">
        <v>0</v>
      </c>
      <c r="Z21" s="114">
        <v>0</v>
      </c>
      <c r="AA21" s="113">
        <v>0</v>
      </c>
      <c r="AB21" s="110">
        <v>0</v>
      </c>
      <c r="AC21" s="114">
        <v>443116</v>
      </c>
      <c r="AD21" s="114">
        <v>253743</v>
      </c>
      <c r="AE21" s="114">
        <v>163151</v>
      </c>
      <c r="AF21" s="114">
        <v>444267</v>
      </c>
      <c r="AG21" s="114">
        <v>344598</v>
      </c>
      <c r="AH21" s="113">
        <v>1648875</v>
      </c>
      <c r="AI21" s="116">
        <v>1648875</v>
      </c>
      <c r="AJ21" s="110">
        <v>0</v>
      </c>
      <c r="AK21" s="114">
        <v>0</v>
      </c>
      <c r="AL21" s="113">
        <v>0</v>
      </c>
      <c r="AM21" s="110">
        <v>0</v>
      </c>
      <c r="AN21" s="114">
        <v>0</v>
      </c>
      <c r="AO21" s="114">
        <v>0</v>
      </c>
      <c r="AP21" s="114">
        <v>0</v>
      </c>
      <c r="AQ21" s="114">
        <v>44405</v>
      </c>
      <c r="AR21" s="114">
        <v>204722</v>
      </c>
      <c r="AS21" s="113">
        <v>249127</v>
      </c>
      <c r="AT21" s="116">
        <v>249127</v>
      </c>
      <c r="AU21" s="110">
        <v>44686</v>
      </c>
      <c r="AV21" s="114">
        <v>170807</v>
      </c>
      <c r="AW21" s="113">
        <v>215493</v>
      </c>
      <c r="AX21" s="110">
        <v>0</v>
      </c>
      <c r="AY21" s="114">
        <v>566816</v>
      </c>
      <c r="AZ21" s="114">
        <v>480455</v>
      </c>
      <c r="BA21" s="114">
        <v>268398</v>
      </c>
      <c r="BB21" s="114">
        <v>781785</v>
      </c>
      <c r="BC21" s="114">
        <v>208737</v>
      </c>
      <c r="BD21" s="113">
        <v>2306191</v>
      </c>
      <c r="BE21" s="116">
        <v>2521684</v>
      </c>
      <c r="BF21" s="110">
        <v>0</v>
      </c>
      <c r="BG21" s="114">
        <v>91513</v>
      </c>
      <c r="BH21" s="112">
        <v>91513</v>
      </c>
      <c r="BI21" s="111">
        <v>0</v>
      </c>
      <c r="BJ21" s="114">
        <v>0</v>
      </c>
      <c r="BK21" s="114">
        <v>91795</v>
      </c>
      <c r="BL21" s="114">
        <v>0</v>
      </c>
      <c r="BM21" s="114">
        <v>0</v>
      </c>
      <c r="BN21" s="114">
        <v>0</v>
      </c>
      <c r="BO21" s="113">
        <v>91795</v>
      </c>
      <c r="BP21" s="116">
        <v>183308</v>
      </c>
      <c r="BQ21" s="110">
        <v>54672</v>
      </c>
      <c r="BR21" s="114">
        <v>7152</v>
      </c>
      <c r="BS21" s="113">
        <v>61824</v>
      </c>
      <c r="BT21" s="110">
        <v>0</v>
      </c>
      <c r="BU21" s="114">
        <v>283968</v>
      </c>
      <c r="BV21" s="114">
        <v>158280</v>
      </c>
      <c r="BW21" s="114">
        <v>293248</v>
      </c>
      <c r="BX21" s="114">
        <v>332432</v>
      </c>
      <c r="BY21" s="114">
        <v>127976</v>
      </c>
      <c r="BZ21" s="113">
        <v>1195904</v>
      </c>
      <c r="CA21" s="116">
        <v>1257728</v>
      </c>
      <c r="CB21" s="110">
        <v>61151</v>
      </c>
      <c r="CC21" s="114">
        <v>150972</v>
      </c>
      <c r="CD21" s="113">
        <v>212123</v>
      </c>
      <c r="CE21" s="110">
        <v>0</v>
      </c>
      <c r="CF21" s="114">
        <v>1908257</v>
      </c>
      <c r="CG21" s="114">
        <v>3481245</v>
      </c>
      <c r="CH21" s="114">
        <v>647106</v>
      </c>
      <c r="CI21" s="114">
        <v>739763</v>
      </c>
      <c r="CJ21" s="114">
        <v>0</v>
      </c>
      <c r="CK21" s="113">
        <v>6776371</v>
      </c>
      <c r="CL21" s="116">
        <v>6988494</v>
      </c>
      <c r="CM21" s="110">
        <v>0</v>
      </c>
      <c r="CN21" s="114">
        <v>0</v>
      </c>
      <c r="CO21" s="113">
        <v>0</v>
      </c>
      <c r="CP21" s="111">
        <v>0</v>
      </c>
      <c r="CQ21" s="114">
        <v>1012417</v>
      </c>
      <c r="CR21" s="114">
        <v>1487060</v>
      </c>
      <c r="CS21" s="114">
        <v>378537</v>
      </c>
      <c r="CT21" s="114">
        <v>597937</v>
      </c>
      <c r="CU21" s="114">
        <v>0</v>
      </c>
      <c r="CV21" s="113">
        <v>3475951</v>
      </c>
      <c r="CW21" s="116">
        <v>3475951</v>
      </c>
      <c r="CX21" s="110">
        <v>61151</v>
      </c>
      <c r="CY21" s="114">
        <v>150972</v>
      </c>
      <c r="CZ21" s="113">
        <v>212123</v>
      </c>
      <c r="DA21" s="110">
        <v>0</v>
      </c>
      <c r="DB21" s="114">
        <v>895840</v>
      </c>
      <c r="DC21" s="114">
        <v>1994185</v>
      </c>
      <c r="DD21" s="114">
        <v>268569</v>
      </c>
      <c r="DE21" s="114">
        <v>141826</v>
      </c>
      <c r="DF21" s="114">
        <v>0</v>
      </c>
      <c r="DG21" s="113">
        <v>3300420</v>
      </c>
      <c r="DH21" s="116">
        <v>3512543</v>
      </c>
      <c r="DI21" s="110">
        <v>0</v>
      </c>
      <c r="DJ21" s="114">
        <v>0</v>
      </c>
      <c r="DK21" s="112">
        <v>0</v>
      </c>
      <c r="DL21" s="111">
        <v>0</v>
      </c>
      <c r="DM21" s="114">
        <v>73492</v>
      </c>
      <c r="DN21" s="114">
        <v>34181</v>
      </c>
      <c r="DO21" s="114">
        <v>144992</v>
      </c>
      <c r="DP21" s="114">
        <v>60765</v>
      </c>
      <c r="DQ21" s="114">
        <v>72252</v>
      </c>
      <c r="DR21" s="113">
        <v>385682</v>
      </c>
      <c r="DS21" s="116">
        <v>385682</v>
      </c>
      <c r="DT21" s="110">
        <v>0</v>
      </c>
      <c r="DU21" s="114">
        <v>0</v>
      </c>
      <c r="DV21" s="113">
        <v>0</v>
      </c>
      <c r="DW21" s="110">
        <v>0</v>
      </c>
      <c r="DX21" s="114">
        <v>53922</v>
      </c>
      <c r="DY21" s="114">
        <v>-66527</v>
      </c>
      <c r="DZ21" s="114">
        <v>119761</v>
      </c>
      <c r="EA21" s="114">
        <v>27237</v>
      </c>
      <c r="EB21" s="114">
        <v>72252</v>
      </c>
      <c r="EC21" s="113">
        <v>206645</v>
      </c>
      <c r="ED21" s="116">
        <v>206645</v>
      </c>
      <c r="EE21" s="110">
        <v>0</v>
      </c>
      <c r="EF21" s="112">
        <v>0</v>
      </c>
      <c r="EG21" s="113">
        <v>0</v>
      </c>
      <c r="EH21" s="110">
        <v>0</v>
      </c>
      <c r="EI21" s="114">
        <v>19570</v>
      </c>
      <c r="EJ21" s="114">
        <v>100708</v>
      </c>
      <c r="EK21" s="114">
        <v>25231</v>
      </c>
      <c r="EL21" s="114">
        <v>33528</v>
      </c>
      <c r="EM21" s="114">
        <v>0</v>
      </c>
      <c r="EN21" s="112">
        <v>179037</v>
      </c>
      <c r="EO21" s="116">
        <v>179037</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5"/>
      <c r="FE21" s="114">
        <v>0</v>
      </c>
      <c r="FF21" s="114">
        <v>0</v>
      </c>
      <c r="FG21" s="114">
        <v>0</v>
      </c>
      <c r="FH21" s="114">
        <v>0</v>
      </c>
      <c r="FI21" s="114">
        <v>0</v>
      </c>
      <c r="FJ21" s="113">
        <v>0</v>
      </c>
      <c r="FK21" s="116">
        <v>0</v>
      </c>
      <c r="FL21" s="110">
        <v>105112</v>
      </c>
      <c r="FM21" s="114">
        <v>160320</v>
      </c>
      <c r="FN21" s="113">
        <v>265432</v>
      </c>
      <c r="FO21" s="110">
        <v>0</v>
      </c>
      <c r="FP21" s="114">
        <v>317328</v>
      </c>
      <c r="FQ21" s="114">
        <v>604696</v>
      </c>
      <c r="FR21" s="114">
        <v>322258</v>
      </c>
      <c r="FS21" s="114">
        <v>432088</v>
      </c>
      <c r="FT21" s="114">
        <v>135536</v>
      </c>
      <c r="FU21" s="113">
        <v>1811906</v>
      </c>
      <c r="FV21" s="116">
        <v>2077338</v>
      </c>
      <c r="FW21" s="115">
        <v>33112</v>
      </c>
      <c r="FX21" s="114">
        <v>114720</v>
      </c>
      <c r="FY21" s="112">
        <v>147832</v>
      </c>
      <c r="FZ21" s="111">
        <v>0</v>
      </c>
      <c r="GA21" s="114">
        <v>157600</v>
      </c>
      <c r="GB21" s="114">
        <v>487088</v>
      </c>
      <c r="GC21" s="114">
        <v>228864</v>
      </c>
      <c r="GD21" s="114">
        <v>405688</v>
      </c>
      <c r="GE21" s="114">
        <v>135536</v>
      </c>
      <c r="GF21" s="113">
        <v>1414776</v>
      </c>
      <c r="GG21" s="316">
        <v>1562608</v>
      </c>
      <c r="GH21" s="115">
        <v>0</v>
      </c>
      <c r="GI21" s="114">
        <v>0</v>
      </c>
      <c r="GJ21" s="112">
        <v>0</v>
      </c>
      <c r="GK21" s="111">
        <v>0</v>
      </c>
      <c r="GL21" s="114">
        <v>0</v>
      </c>
      <c r="GM21" s="114">
        <v>52800</v>
      </c>
      <c r="GN21" s="114">
        <v>0</v>
      </c>
      <c r="GO21" s="114">
        <v>26400</v>
      </c>
      <c r="GP21" s="114">
        <v>0</v>
      </c>
      <c r="GQ21" s="113">
        <v>79200</v>
      </c>
      <c r="GR21" s="116">
        <v>79200</v>
      </c>
      <c r="GS21" s="110">
        <v>72000</v>
      </c>
      <c r="GT21" s="114">
        <v>45600</v>
      </c>
      <c r="GU21" s="113">
        <v>117600</v>
      </c>
      <c r="GV21" s="110">
        <v>0</v>
      </c>
      <c r="GW21" s="114">
        <v>159728</v>
      </c>
      <c r="GX21" s="114">
        <v>64808</v>
      </c>
      <c r="GY21" s="114">
        <v>93394</v>
      </c>
      <c r="GZ21" s="114">
        <v>0</v>
      </c>
      <c r="HA21" s="114">
        <v>0</v>
      </c>
      <c r="HB21" s="112">
        <v>317930</v>
      </c>
      <c r="HC21" s="116">
        <v>435530</v>
      </c>
      <c r="HD21" s="110">
        <v>172358</v>
      </c>
      <c r="HE21" s="114">
        <v>95946</v>
      </c>
      <c r="HF21" s="112">
        <v>268304</v>
      </c>
      <c r="HG21" s="111">
        <v>0</v>
      </c>
      <c r="HH21" s="114">
        <v>1601741</v>
      </c>
      <c r="HI21" s="114">
        <v>2136292</v>
      </c>
      <c r="HJ21" s="114">
        <v>1921225</v>
      </c>
      <c r="HK21" s="114">
        <v>3085636</v>
      </c>
      <c r="HL21" s="114">
        <v>941722</v>
      </c>
      <c r="HM21" s="113">
        <v>9686616</v>
      </c>
      <c r="HN21" s="109">
        <v>9954920</v>
      </c>
      <c r="HO21" s="326"/>
      <c r="HP21" s="327"/>
      <c r="HQ21" s="328"/>
      <c r="HR21" s="329"/>
      <c r="HS21" s="327"/>
      <c r="HT21" s="327"/>
      <c r="HU21" s="327"/>
      <c r="HV21" s="327"/>
      <c r="HW21" s="327"/>
      <c r="HX21" s="330"/>
      <c r="HY21" s="331"/>
      <c r="HZ21" s="131">
        <v>0</v>
      </c>
      <c r="IA21" s="132">
        <v>0</v>
      </c>
      <c r="IB21" s="133">
        <v>0</v>
      </c>
      <c r="IC21" s="146">
        <v>0</v>
      </c>
      <c r="ID21" s="132">
        <v>694883</v>
      </c>
      <c r="IE21" s="147">
        <v>1424051</v>
      </c>
      <c r="IF21" s="133">
        <v>2255846</v>
      </c>
      <c r="IG21" s="132">
        <v>792422</v>
      </c>
      <c r="IH21" s="133">
        <v>526315</v>
      </c>
      <c r="II21" s="148">
        <v>5693517</v>
      </c>
      <c r="IJ21" s="139">
        <v>5693517</v>
      </c>
      <c r="IK21" s="232">
        <v>0</v>
      </c>
      <c r="IL21" s="236">
        <v>0</v>
      </c>
      <c r="IM21" s="237">
        <v>0</v>
      </c>
      <c r="IN21" s="140"/>
      <c r="IO21" s="119">
        <v>108584</v>
      </c>
      <c r="IP21" s="119">
        <v>0</v>
      </c>
      <c r="IQ21" s="119">
        <v>152080</v>
      </c>
      <c r="IR21" s="119">
        <v>0</v>
      </c>
      <c r="IS21" s="119">
        <v>0</v>
      </c>
      <c r="IT21" s="141">
        <v>260664</v>
      </c>
      <c r="IU21" s="318">
        <v>260664</v>
      </c>
      <c r="IV21" s="142">
        <v>0</v>
      </c>
      <c r="IW21" s="119">
        <v>0</v>
      </c>
      <c r="IX21" s="120">
        <v>0</v>
      </c>
      <c r="IY21" s="144"/>
      <c r="IZ21" s="119">
        <v>0</v>
      </c>
      <c r="JA21" s="119">
        <v>0</v>
      </c>
      <c r="JB21" s="119">
        <v>16396</v>
      </c>
      <c r="JC21" s="119">
        <v>0</v>
      </c>
      <c r="JD21" s="119">
        <v>0</v>
      </c>
      <c r="JE21" s="120">
        <v>16396</v>
      </c>
      <c r="JF21" s="121">
        <v>16396</v>
      </c>
      <c r="JG21" s="142">
        <v>0</v>
      </c>
      <c r="JH21" s="119">
        <v>0</v>
      </c>
      <c r="JI21" s="141">
        <v>0</v>
      </c>
      <c r="JJ21" s="118">
        <v>0</v>
      </c>
      <c r="JK21" s="119">
        <v>344643</v>
      </c>
      <c r="JL21" s="119">
        <v>437052</v>
      </c>
      <c r="JM21" s="119">
        <v>379288</v>
      </c>
      <c r="JN21" s="119">
        <v>45573</v>
      </c>
      <c r="JO21" s="119">
        <v>0</v>
      </c>
      <c r="JP21" s="120">
        <v>1206556</v>
      </c>
      <c r="JQ21" s="318">
        <v>1206556</v>
      </c>
      <c r="JR21" s="142">
        <v>0</v>
      </c>
      <c r="JS21" s="119">
        <v>0</v>
      </c>
      <c r="JT21" s="141">
        <v>0</v>
      </c>
      <c r="JU21" s="118">
        <v>0</v>
      </c>
      <c r="JV21" s="119">
        <v>0</v>
      </c>
      <c r="JW21" s="119">
        <v>0</v>
      </c>
      <c r="JX21" s="119">
        <v>93672</v>
      </c>
      <c r="JY21" s="119">
        <v>0</v>
      </c>
      <c r="JZ21" s="119">
        <v>0</v>
      </c>
      <c r="KA21" s="120">
        <v>93672</v>
      </c>
      <c r="KB21" s="318">
        <v>93672</v>
      </c>
      <c r="KC21" s="234">
        <v>0</v>
      </c>
      <c r="KD21" s="230">
        <v>0</v>
      </c>
      <c r="KE21" s="120">
        <v>0</v>
      </c>
      <c r="KF21" s="118">
        <v>0</v>
      </c>
      <c r="KG21" s="119">
        <v>0</v>
      </c>
      <c r="KH21" s="119">
        <v>329169</v>
      </c>
      <c r="KI21" s="119">
        <v>249498</v>
      </c>
      <c r="KJ21" s="119">
        <v>0</v>
      </c>
      <c r="KK21" s="119">
        <v>0</v>
      </c>
      <c r="KL21" s="120">
        <v>578667</v>
      </c>
      <c r="KM21" s="143">
        <v>578667</v>
      </c>
      <c r="KN21" s="232">
        <v>0</v>
      </c>
      <c r="KO21" s="236">
        <v>0</v>
      </c>
      <c r="KP21" s="237">
        <v>0</v>
      </c>
      <c r="KQ21" s="140"/>
      <c r="KR21" s="119">
        <v>241656</v>
      </c>
      <c r="KS21" s="119">
        <v>489072</v>
      </c>
      <c r="KT21" s="119">
        <v>1128521</v>
      </c>
      <c r="KU21" s="119">
        <v>746849</v>
      </c>
      <c r="KV21" s="119">
        <v>526315</v>
      </c>
      <c r="KW21" s="120">
        <v>3132413</v>
      </c>
      <c r="KX21" s="318">
        <v>3132413</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18">
        <v>0</v>
      </c>
      <c r="LU21" s="142">
        <v>0</v>
      </c>
      <c r="LV21" s="119">
        <v>0</v>
      </c>
      <c r="LW21" s="120">
        <v>0</v>
      </c>
      <c r="LX21" s="145"/>
      <c r="LY21" s="119">
        <v>0</v>
      </c>
      <c r="LZ21" s="119">
        <v>168758</v>
      </c>
      <c r="MA21" s="119">
        <v>236391</v>
      </c>
      <c r="MB21" s="119">
        <v>0</v>
      </c>
      <c r="MC21" s="119">
        <v>0</v>
      </c>
      <c r="MD21" s="120">
        <v>405149</v>
      </c>
      <c r="ME21" s="121">
        <v>405149</v>
      </c>
      <c r="MF21" s="142">
        <v>0</v>
      </c>
      <c r="MG21" s="119">
        <v>0</v>
      </c>
      <c r="MH21" s="120">
        <v>0</v>
      </c>
      <c r="MI21" s="145"/>
      <c r="MJ21" s="119">
        <v>0</v>
      </c>
      <c r="MK21" s="119">
        <v>1184703</v>
      </c>
      <c r="ML21" s="119">
        <v>2686285</v>
      </c>
      <c r="MM21" s="119">
        <v>4315613</v>
      </c>
      <c r="MN21" s="119">
        <v>1960120</v>
      </c>
      <c r="MO21" s="120">
        <v>10146721</v>
      </c>
      <c r="MP21" s="143">
        <v>10146721</v>
      </c>
      <c r="MQ21" s="142">
        <v>0</v>
      </c>
      <c r="MR21" s="119">
        <v>0</v>
      </c>
      <c r="MS21" s="120">
        <v>0</v>
      </c>
      <c r="MT21" s="145"/>
      <c r="MU21" s="119">
        <v>0</v>
      </c>
      <c r="MV21" s="119">
        <v>212013</v>
      </c>
      <c r="MW21" s="119">
        <v>1395779</v>
      </c>
      <c r="MX21" s="119">
        <v>2396404</v>
      </c>
      <c r="MY21" s="119">
        <v>836292</v>
      </c>
      <c r="MZ21" s="120">
        <v>4840488</v>
      </c>
      <c r="NA21" s="143">
        <v>4840488</v>
      </c>
      <c r="NB21" s="142">
        <v>0</v>
      </c>
      <c r="NC21" s="119">
        <v>0</v>
      </c>
      <c r="ND21" s="120">
        <v>0</v>
      </c>
      <c r="NE21" s="145"/>
      <c r="NF21" s="119">
        <v>0</v>
      </c>
      <c r="NG21" s="119">
        <v>972690</v>
      </c>
      <c r="NH21" s="119">
        <v>1290506</v>
      </c>
      <c r="NI21" s="119">
        <v>1919209</v>
      </c>
      <c r="NJ21" s="119">
        <v>290245</v>
      </c>
      <c r="NK21" s="120">
        <v>4472650</v>
      </c>
      <c r="NL21" s="318">
        <v>4472650</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833583</v>
      </c>
      <c r="OG21" s="120">
        <v>833583</v>
      </c>
      <c r="OH21" s="121">
        <v>833583</v>
      </c>
      <c r="OI21" s="142">
        <v>437979</v>
      </c>
      <c r="OJ21" s="119">
        <v>676710</v>
      </c>
      <c r="OK21" s="141">
        <v>1114689</v>
      </c>
      <c r="OL21" s="118">
        <v>0</v>
      </c>
      <c r="OM21" s="119">
        <v>5889601</v>
      </c>
      <c r="ON21" s="119">
        <v>9849441</v>
      </c>
      <c r="OO21" s="119">
        <v>8702509</v>
      </c>
      <c r="OP21" s="119">
        <v>11029176</v>
      </c>
      <c r="OQ21" s="119">
        <v>4521978</v>
      </c>
      <c r="OR21" s="120">
        <v>39992705</v>
      </c>
      <c r="OS21" s="143">
        <v>41107394</v>
      </c>
    </row>
    <row r="22" spans="2:409" ht="21" customHeight="1" x14ac:dyDescent="0.2">
      <c r="B22" s="126" t="s">
        <v>17</v>
      </c>
      <c r="C22" s="110">
        <v>434542</v>
      </c>
      <c r="D22" s="114">
        <v>879746</v>
      </c>
      <c r="E22" s="113">
        <v>1314288</v>
      </c>
      <c r="F22" s="109">
        <v>0</v>
      </c>
      <c r="G22" s="114">
        <v>3888805</v>
      </c>
      <c r="H22" s="114">
        <v>6425885</v>
      </c>
      <c r="I22" s="114">
        <v>5386258</v>
      </c>
      <c r="J22" s="114">
        <v>4387556</v>
      </c>
      <c r="K22" s="114">
        <v>3968866</v>
      </c>
      <c r="L22" s="109">
        <v>24057370</v>
      </c>
      <c r="M22" s="116">
        <v>25371658</v>
      </c>
      <c r="N22" s="110">
        <v>48668</v>
      </c>
      <c r="O22" s="114">
        <v>287949</v>
      </c>
      <c r="P22" s="113">
        <v>336617</v>
      </c>
      <c r="Q22" s="110">
        <v>0</v>
      </c>
      <c r="R22" s="114">
        <v>1072666</v>
      </c>
      <c r="S22" s="114">
        <v>1436067</v>
      </c>
      <c r="T22" s="114">
        <v>1858238</v>
      </c>
      <c r="U22" s="114">
        <v>262736</v>
      </c>
      <c r="V22" s="114">
        <v>2174243</v>
      </c>
      <c r="W22" s="113">
        <v>6803950</v>
      </c>
      <c r="X22" s="116">
        <v>7140567</v>
      </c>
      <c r="Y22" s="110">
        <v>0</v>
      </c>
      <c r="Z22" s="114">
        <v>0</v>
      </c>
      <c r="AA22" s="113">
        <v>0</v>
      </c>
      <c r="AB22" s="110">
        <v>0</v>
      </c>
      <c r="AC22" s="114">
        <v>686815</v>
      </c>
      <c r="AD22" s="114">
        <v>638515</v>
      </c>
      <c r="AE22" s="114">
        <v>1238587</v>
      </c>
      <c r="AF22" s="114">
        <v>50538</v>
      </c>
      <c r="AG22" s="114">
        <v>1320054</v>
      </c>
      <c r="AH22" s="113">
        <v>3934509</v>
      </c>
      <c r="AI22" s="116">
        <v>3934509</v>
      </c>
      <c r="AJ22" s="110">
        <v>0</v>
      </c>
      <c r="AK22" s="114">
        <v>0</v>
      </c>
      <c r="AL22" s="113">
        <v>0</v>
      </c>
      <c r="AM22" s="110">
        <v>0</v>
      </c>
      <c r="AN22" s="114">
        <v>0</v>
      </c>
      <c r="AO22" s="114">
        <v>0</v>
      </c>
      <c r="AP22" s="114">
        <v>0</v>
      </c>
      <c r="AQ22" s="114">
        <v>23360</v>
      </c>
      <c r="AR22" s="114">
        <v>177451</v>
      </c>
      <c r="AS22" s="113">
        <v>200811</v>
      </c>
      <c r="AT22" s="116">
        <v>200811</v>
      </c>
      <c r="AU22" s="110">
        <v>19772</v>
      </c>
      <c r="AV22" s="114">
        <v>113237</v>
      </c>
      <c r="AW22" s="113">
        <v>133009</v>
      </c>
      <c r="AX22" s="110">
        <v>0</v>
      </c>
      <c r="AY22" s="114">
        <v>284675</v>
      </c>
      <c r="AZ22" s="114">
        <v>405076</v>
      </c>
      <c r="BA22" s="114">
        <v>364553</v>
      </c>
      <c r="BB22" s="114">
        <v>39710</v>
      </c>
      <c r="BC22" s="114">
        <v>473962</v>
      </c>
      <c r="BD22" s="113">
        <v>1567976</v>
      </c>
      <c r="BE22" s="116">
        <v>1700985</v>
      </c>
      <c r="BF22" s="110">
        <v>0</v>
      </c>
      <c r="BG22" s="114">
        <v>125896</v>
      </c>
      <c r="BH22" s="112">
        <v>125896</v>
      </c>
      <c r="BI22" s="111">
        <v>0</v>
      </c>
      <c r="BJ22" s="114">
        <v>0</v>
      </c>
      <c r="BK22" s="114">
        <v>101532</v>
      </c>
      <c r="BL22" s="114">
        <v>5338</v>
      </c>
      <c r="BM22" s="114">
        <v>0</v>
      </c>
      <c r="BN22" s="114">
        <v>0</v>
      </c>
      <c r="BO22" s="113">
        <v>106870</v>
      </c>
      <c r="BP22" s="116">
        <v>232766</v>
      </c>
      <c r="BQ22" s="110">
        <v>28896</v>
      </c>
      <c r="BR22" s="114">
        <v>48816</v>
      </c>
      <c r="BS22" s="113">
        <v>77712</v>
      </c>
      <c r="BT22" s="110">
        <v>0</v>
      </c>
      <c r="BU22" s="114">
        <v>101176</v>
      </c>
      <c r="BV22" s="114">
        <v>290944</v>
      </c>
      <c r="BW22" s="114">
        <v>249760</v>
      </c>
      <c r="BX22" s="114">
        <v>149128</v>
      </c>
      <c r="BY22" s="114">
        <v>202776</v>
      </c>
      <c r="BZ22" s="113">
        <v>993784</v>
      </c>
      <c r="CA22" s="116">
        <v>1071496</v>
      </c>
      <c r="CB22" s="110">
        <v>66832</v>
      </c>
      <c r="CC22" s="114">
        <v>268669</v>
      </c>
      <c r="CD22" s="113">
        <v>335501</v>
      </c>
      <c r="CE22" s="110">
        <v>0</v>
      </c>
      <c r="CF22" s="114">
        <v>1591732</v>
      </c>
      <c r="CG22" s="114">
        <v>2786907</v>
      </c>
      <c r="CH22" s="114">
        <v>842956</v>
      </c>
      <c r="CI22" s="114">
        <v>589597</v>
      </c>
      <c r="CJ22" s="114">
        <v>486492</v>
      </c>
      <c r="CK22" s="113">
        <v>6297684</v>
      </c>
      <c r="CL22" s="116">
        <v>6633185</v>
      </c>
      <c r="CM22" s="110">
        <v>0</v>
      </c>
      <c r="CN22" s="114">
        <v>0</v>
      </c>
      <c r="CO22" s="113">
        <v>0</v>
      </c>
      <c r="CP22" s="111">
        <v>0</v>
      </c>
      <c r="CQ22" s="114">
        <v>1245298</v>
      </c>
      <c r="CR22" s="114">
        <v>2029571</v>
      </c>
      <c r="CS22" s="114">
        <v>638951</v>
      </c>
      <c r="CT22" s="114">
        <v>525587</v>
      </c>
      <c r="CU22" s="114">
        <v>328343</v>
      </c>
      <c r="CV22" s="113">
        <v>4767750</v>
      </c>
      <c r="CW22" s="116">
        <v>4767750</v>
      </c>
      <c r="CX22" s="110">
        <v>66832</v>
      </c>
      <c r="CY22" s="114">
        <v>268669</v>
      </c>
      <c r="CZ22" s="113">
        <v>335501</v>
      </c>
      <c r="DA22" s="110">
        <v>0</v>
      </c>
      <c r="DB22" s="114">
        <v>346434</v>
      </c>
      <c r="DC22" s="114">
        <v>757336</v>
      </c>
      <c r="DD22" s="114">
        <v>204005</v>
      </c>
      <c r="DE22" s="114">
        <v>64010</v>
      </c>
      <c r="DF22" s="114">
        <v>158149</v>
      </c>
      <c r="DG22" s="113">
        <v>1529934</v>
      </c>
      <c r="DH22" s="116">
        <v>1865435</v>
      </c>
      <c r="DI22" s="110">
        <v>0</v>
      </c>
      <c r="DJ22" s="114">
        <v>0</v>
      </c>
      <c r="DK22" s="112">
        <v>0</v>
      </c>
      <c r="DL22" s="111">
        <v>0</v>
      </c>
      <c r="DM22" s="114">
        <v>216274</v>
      </c>
      <c r="DN22" s="114">
        <v>442078</v>
      </c>
      <c r="DO22" s="114">
        <v>550010</v>
      </c>
      <c r="DP22" s="114">
        <v>1900975</v>
      </c>
      <c r="DQ22" s="114">
        <v>227330</v>
      </c>
      <c r="DR22" s="113">
        <v>3336667</v>
      </c>
      <c r="DS22" s="116">
        <v>3336667</v>
      </c>
      <c r="DT22" s="110">
        <v>0</v>
      </c>
      <c r="DU22" s="114">
        <v>0</v>
      </c>
      <c r="DV22" s="113">
        <v>0</v>
      </c>
      <c r="DW22" s="110">
        <v>0</v>
      </c>
      <c r="DX22" s="114">
        <v>216274</v>
      </c>
      <c r="DY22" s="114">
        <v>331052</v>
      </c>
      <c r="DZ22" s="114">
        <v>550010</v>
      </c>
      <c r="EA22" s="114">
        <v>1870924</v>
      </c>
      <c r="EB22" s="114">
        <v>227330</v>
      </c>
      <c r="EC22" s="113">
        <v>3195590</v>
      </c>
      <c r="ED22" s="116">
        <v>3195590</v>
      </c>
      <c r="EE22" s="110">
        <v>0</v>
      </c>
      <c r="EF22" s="112">
        <v>0</v>
      </c>
      <c r="EG22" s="113">
        <v>0</v>
      </c>
      <c r="EH22" s="110">
        <v>0</v>
      </c>
      <c r="EI22" s="114">
        <v>0</v>
      </c>
      <c r="EJ22" s="114">
        <v>111026</v>
      </c>
      <c r="EK22" s="114">
        <v>0</v>
      </c>
      <c r="EL22" s="114">
        <v>30051</v>
      </c>
      <c r="EM22" s="114">
        <v>0</v>
      </c>
      <c r="EN22" s="112">
        <v>141077</v>
      </c>
      <c r="EO22" s="116">
        <v>141077</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5"/>
      <c r="FE22" s="114">
        <v>0</v>
      </c>
      <c r="FF22" s="114">
        <v>0</v>
      </c>
      <c r="FG22" s="114">
        <v>0</v>
      </c>
      <c r="FH22" s="114">
        <v>0</v>
      </c>
      <c r="FI22" s="114">
        <v>0</v>
      </c>
      <c r="FJ22" s="113">
        <v>0</v>
      </c>
      <c r="FK22" s="116">
        <v>0</v>
      </c>
      <c r="FL22" s="110">
        <v>47520</v>
      </c>
      <c r="FM22" s="114">
        <v>136528</v>
      </c>
      <c r="FN22" s="113">
        <v>184048</v>
      </c>
      <c r="FO22" s="110">
        <v>0</v>
      </c>
      <c r="FP22" s="114">
        <v>203392</v>
      </c>
      <c r="FQ22" s="114">
        <v>859008</v>
      </c>
      <c r="FR22" s="114">
        <v>579752</v>
      </c>
      <c r="FS22" s="114">
        <v>231896</v>
      </c>
      <c r="FT22" s="114">
        <v>361840</v>
      </c>
      <c r="FU22" s="113">
        <v>2235888</v>
      </c>
      <c r="FV22" s="116">
        <v>2419936</v>
      </c>
      <c r="FW22" s="115">
        <v>47520</v>
      </c>
      <c r="FX22" s="114">
        <v>114288</v>
      </c>
      <c r="FY22" s="112">
        <v>161808</v>
      </c>
      <c r="FZ22" s="111">
        <v>0</v>
      </c>
      <c r="GA22" s="114">
        <v>188992</v>
      </c>
      <c r="GB22" s="114">
        <v>829808</v>
      </c>
      <c r="GC22" s="114">
        <v>546552</v>
      </c>
      <c r="GD22" s="114">
        <v>211896</v>
      </c>
      <c r="GE22" s="114">
        <v>361840</v>
      </c>
      <c r="GF22" s="113">
        <v>2139088</v>
      </c>
      <c r="GG22" s="316">
        <v>2300896</v>
      </c>
      <c r="GH22" s="115">
        <v>0</v>
      </c>
      <c r="GI22" s="114">
        <v>22240</v>
      </c>
      <c r="GJ22" s="112">
        <v>22240</v>
      </c>
      <c r="GK22" s="111">
        <v>0</v>
      </c>
      <c r="GL22" s="114">
        <v>14400</v>
      </c>
      <c r="GM22" s="114">
        <v>29200</v>
      </c>
      <c r="GN22" s="114">
        <v>33200</v>
      </c>
      <c r="GO22" s="114">
        <v>0</v>
      </c>
      <c r="GP22" s="114">
        <v>0</v>
      </c>
      <c r="GQ22" s="113">
        <v>76800</v>
      </c>
      <c r="GR22" s="116">
        <v>99040</v>
      </c>
      <c r="GS22" s="110">
        <v>0</v>
      </c>
      <c r="GT22" s="114">
        <v>0</v>
      </c>
      <c r="GU22" s="113">
        <v>0</v>
      </c>
      <c r="GV22" s="110">
        <v>0</v>
      </c>
      <c r="GW22" s="114">
        <v>0</v>
      </c>
      <c r="GX22" s="114">
        <v>0</v>
      </c>
      <c r="GY22" s="114">
        <v>0</v>
      </c>
      <c r="GZ22" s="114">
        <v>20000</v>
      </c>
      <c r="HA22" s="114">
        <v>0</v>
      </c>
      <c r="HB22" s="112">
        <v>20000</v>
      </c>
      <c r="HC22" s="116">
        <v>20000</v>
      </c>
      <c r="HD22" s="110">
        <v>271522</v>
      </c>
      <c r="HE22" s="114">
        <v>186600</v>
      </c>
      <c r="HF22" s="112">
        <v>458122</v>
      </c>
      <c r="HG22" s="111">
        <v>0</v>
      </c>
      <c r="HH22" s="114">
        <v>804741</v>
      </c>
      <c r="HI22" s="114">
        <v>901825</v>
      </c>
      <c r="HJ22" s="114">
        <v>1555302</v>
      </c>
      <c r="HK22" s="114">
        <v>1402352</v>
      </c>
      <c r="HL22" s="114">
        <v>718961</v>
      </c>
      <c r="HM22" s="113">
        <v>5383181</v>
      </c>
      <c r="HN22" s="109">
        <v>5841303</v>
      </c>
      <c r="HO22" s="326"/>
      <c r="HP22" s="327"/>
      <c r="HQ22" s="328"/>
      <c r="HR22" s="329"/>
      <c r="HS22" s="327"/>
      <c r="HT22" s="327"/>
      <c r="HU22" s="327"/>
      <c r="HV22" s="327"/>
      <c r="HW22" s="327"/>
      <c r="HX22" s="330"/>
      <c r="HY22" s="331"/>
      <c r="HZ22" s="150">
        <v>0</v>
      </c>
      <c r="IA22" s="135">
        <v>0</v>
      </c>
      <c r="IB22" s="150">
        <v>0</v>
      </c>
      <c r="IC22" s="134">
        <v>0</v>
      </c>
      <c r="ID22" s="135">
        <v>1033710</v>
      </c>
      <c r="IE22" s="136">
        <v>3115319</v>
      </c>
      <c r="IF22" s="137">
        <v>3690454</v>
      </c>
      <c r="IG22" s="135">
        <v>1291218</v>
      </c>
      <c r="IH22" s="137">
        <v>1266570</v>
      </c>
      <c r="II22" s="138">
        <v>10397271</v>
      </c>
      <c r="IJ22" s="150">
        <v>10397271</v>
      </c>
      <c r="IK22" s="232">
        <v>0</v>
      </c>
      <c r="IL22" s="236">
        <v>0</v>
      </c>
      <c r="IM22" s="237">
        <v>0</v>
      </c>
      <c r="IN22" s="140"/>
      <c r="IO22" s="119">
        <v>0</v>
      </c>
      <c r="IP22" s="119">
        <v>0</v>
      </c>
      <c r="IQ22" s="119">
        <v>0</v>
      </c>
      <c r="IR22" s="119">
        <v>0</v>
      </c>
      <c r="IS22" s="119">
        <v>388434</v>
      </c>
      <c r="IT22" s="141">
        <v>388434</v>
      </c>
      <c r="IU22" s="318">
        <v>388434</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589677</v>
      </c>
      <c r="JL22" s="119">
        <v>783123</v>
      </c>
      <c r="JM22" s="119">
        <v>1010881</v>
      </c>
      <c r="JN22" s="119">
        <v>222148</v>
      </c>
      <c r="JO22" s="119">
        <v>404345</v>
      </c>
      <c r="JP22" s="120">
        <v>3010174</v>
      </c>
      <c r="JQ22" s="318">
        <v>3010174</v>
      </c>
      <c r="JR22" s="142">
        <v>0</v>
      </c>
      <c r="JS22" s="119">
        <v>0</v>
      </c>
      <c r="JT22" s="141">
        <v>0</v>
      </c>
      <c r="JU22" s="118">
        <v>0</v>
      </c>
      <c r="JV22" s="119">
        <v>172366</v>
      </c>
      <c r="JW22" s="119">
        <v>66782</v>
      </c>
      <c r="JX22" s="119">
        <v>97841</v>
      </c>
      <c r="JY22" s="119">
        <v>0</v>
      </c>
      <c r="JZ22" s="119">
        <v>0</v>
      </c>
      <c r="KA22" s="120">
        <v>336989</v>
      </c>
      <c r="KB22" s="318">
        <v>336989</v>
      </c>
      <c r="KC22" s="234">
        <v>0</v>
      </c>
      <c r="KD22" s="230">
        <v>0</v>
      </c>
      <c r="KE22" s="120">
        <v>0</v>
      </c>
      <c r="KF22" s="118">
        <v>0</v>
      </c>
      <c r="KG22" s="119">
        <v>271667</v>
      </c>
      <c r="KH22" s="119">
        <v>529271</v>
      </c>
      <c r="KI22" s="119">
        <v>747383</v>
      </c>
      <c r="KJ22" s="119">
        <v>518774</v>
      </c>
      <c r="KK22" s="119">
        <v>0</v>
      </c>
      <c r="KL22" s="120">
        <v>2067095</v>
      </c>
      <c r="KM22" s="143">
        <v>2067095</v>
      </c>
      <c r="KN22" s="232">
        <v>0</v>
      </c>
      <c r="KO22" s="236">
        <v>0</v>
      </c>
      <c r="KP22" s="237">
        <v>0</v>
      </c>
      <c r="KQ22" s="140"/>
      <c r="KR22" s="119">
        <v>0</v>
      </c>
      <c r="KS22" s="119">
        <v>1527080</v>
      </c>
      <c r="KT22" s="119">
        <v>1050633</v>
      </c>
      <c r="KU22" s="119">
        <v>264629</v>
      </c>
      <c r="KV22" s="119">
        <v>0</v>
      </c>
      <c r="KW22" s="120">
        <v>2842342</v>
      </c>
      <c r="KX22" s="318">
        <v>2842342</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491872</v>
      </c>
      <c r="LQ22" s="119">
        <v>285667</v>
      </c>
      <c r="LR22" s="119">
        <v>112103</v>
      </c>
      <c r="LS22" s="120">
        <v>889642</v>
      </c>
      <c r="LT22" s="318">
        <v>889642</v>
      </c>
      <c r="LU22" s="142">
        <v>0</v>
      </c>
      <c r="LV22" s="119">
        <v>0</v>
      </c>
      <c r="LW22" s="120">
        <v>0</v>
      </c>
      <c r="LX22" s="145"/>
      <c r="LY22" s="119">
        <v>0</v>
      </c>
      <c r="LZ22" s="119">
        <v>209063</v>
      </c>
      <c r="MA22" s="119">
        <v>291844</v>
      </c>
      <c r="MB22" s="119">
        <v>0</v>
      </c>
      <c r="MC22" s="119">
        <v>361688</v>
      </c>
      <c r="MD22" s="120">
        <v>862595</v>
      </c>
      <c r="ME22" s="121">
        <v>862595</v>
      </c>
      <c r="MF22" s="142">
        <v>0</v>
      </c>
      <c r="MG22" s="119">
        <v>0</v>
      </c>
      <c r="MH22" s="120">
        <v>0</v>
      </c>
      <c r="MI22" s="145"/>
      <c r="MJ22" s="119">
        <v>1418435</v>
      </c>
      <c r="MK22" s="119">
        <v>806040</v>
      </c>
      <c r="ML22" s="119">
        <v>5006562</v>
      </c>
      <c r="MM22" s="119">
        <v>5434388</v>
      </c>
      <c r="MN22" s="119">
        <v>4887906</v>
      </c>
      <c r="MO22" s="120">
        <v>17553331</v>
      </c>
      <c r="MP22" s="143">
        <v>17553331</v>
      </c>
      <c r="MQ22" s="142">
        <v>0</v>
      </c>
      <c r="MR22" s="119">
        <v>0</v>
      </c>
      <c r="MS22" s="120">
        <v>0</v>
      </c>
      <c r="MT22" s="145"/>
      <c r="MU22" s="119">
        <v>0</v>
      </c>
      <c r="MV22" s="119">
        <v>240176</v>
      </c>
      <c r="MW22" s="119">
        <v>1865695</v>
      </c>
      <c r="MX22" s="119">
        <v>3400470</v>
      </c>
      <c r="MY22" s="119">
        <v>2909282</v>
      </c>
      <c r="MZ22" s="120">
        <v>8415623</v>
      </c>
      <c r="NA22" s="143">
        <v>8415623</v>
      </c>
      <c r="NB22" s="142">
        <v>0</v>
      </c>
      <c r="NC22" s="119">
        <v>0</v>
      </c>
      <c r="ND22" s="120">
        <v>0</v>
      </c>
      <c r="NE22" s="145"/>
      <c r="NF22" s="119">
        <v>1418435</v>
      </c>
      <c r="NG22" s="119">
        <v>565864</v>
      </c>
      <c r="NH22" s="119">
        <v>3140867</v>
      </c>
      <c r="NI22" s="119">
        <v>2033918</v>
      </c>
      <c r="NJ22" s="119">
        <v>1978624</v>
      </c>
      <c r="NK22" s="120">
        <v>9137708</v>
      </c>
      <c r="NL22" s="318">
        <v>9137708</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434542</v>
      </c>
      <c r="OJ22" s="119">
        <v>879746</v>
      </c>
      <c r="OK22" s="141">
        <v>1314288</v>
      </c>
      <c r="OL22" s="118">
        <v>0</v>
      </c>
      <c r="OM22" s="119">
        <v>6340950</v>
      </c>
      <c r="ON22" s="119">
        <v>10347244</v>
      </c>
      <c r="OO22" s="119">
        <v>14083274</v>
      </c>
      <c r="OP22" s="119">
        <v>11113162</v>
      </c>
      <c r="OQ22" s="119">
        <v>10123342</v>
      </c>
      <c r="OR22" s="120">
        <v>52007972</v>
      </c>
      <c r="OS22" s="143">
        <v>53322260</v>
      </c>
    </row>
    <row r="23" spans="2:409" ht="21" customHeight="1" x14ac:dyDescent="0.2">
      <c r="B23" s="126" t="s">
        <v>18</v>
      </c>
      <c r="C23" s="110">
        <v>531731</v>
      </c>
      <c r="D23" s="114">
        <v>711686</v>
      </c>
      <c r="E23" s="113">
        <v>1243417</v>
      </c>
      <c r="F23" s="109">
        <v>0</v>
      </c>
      <c r="G23" s="114">
        <v>6528049</v>
      </c>
      <c r="H23" s="114">
        <v>9303539</v>
      </c>
      <c r="I23" s="114">
        <v>10183832</v>
      </c>
      <c r="J23" s="114">
        <v>5115799</v>
      </c>
      <c r="K23" s="114">
        <v>4274894</v>
      </c>
      <c r="L23" s="109">
        <v>35406113</v>
      </c>
      <c r="M23" s="116">
        <v>36649530</v>
      </c>
      <c r="N23" s="110">
        <v>185190</v>
      </c>
      <c r="O23" s="114">
        <v>230141</v>
      </c>
      <c r="P23" s="113">
        <v>415331</v>
      </c>
      <c r="Q23" s="110">
        <v>0</v>
      </c>
      <c r="R23" s="114">
        <v>1943992</v>
      </c>
      <c r="S23" s="114">
        <v>2401463</v>
      </c>
      <c r="T23" s="114">
        <v>2712939</v>
      </c>
      <c r="U23" s="114">
        <v>1738032</v>
      </c>
      <c r="V23" s="114">
        <v>1222642</v>
      </c>
      <c r="W23" s="113">
        <v>10019068</v>
      </c>
      <c r="X23" s="116">
        <v>10434399</v>
      </c>
      <c r="Y23" s="110">
        <v>0</v>
      </c>
      <c r="Z23" s="114">
        <v>0</v>
      </c>
      <c r="AA23" s="113">
        <v>0</v>
      </c>
      <c r="AB23" s="110">
        <v>0</v>
      </c>
      <c r="AC23" s="114">
        <v>646489</v>
      </c>
      <c r="AD23" s="114">
        <v>903265</v>
      </c>
      <c r="AE23" s="114">
        <v>1446537</v>
      </c>
      <c r="AF23" s="114">
        <v>806853</v>
      </c>
      <c r="AG23" s="114">
        <v>517704</v>
      </c>
      <c r="AH23" s="113">
        <v>4320848</v>
      </c>
      <c r="AI23" s="116">
        <v>4320848</v>
      </c>
      <c r="AJ23" s="110">
        <v>0</v>
      </c>
      <c r="AK23" s="114">
        <v>0</v>
      </c>
      <c r="AL23" s="113">
        <v>0</v>
      </c>
      <c r="AM23" s="110">
        <v>0</v>
      </c>
      <c r="AN23" s="114">
        <v>11845</v>
      </c>
      <c r="AO23" s="114">
        <v>0</v>
      </c>
      <c r="AP23" s="114">
        <v>59559</v>
      </c>
      <c r="AQ23" s="114">
        <v>58608</v>
      </c>
      <c r="AR23" s="114">
        <v>204834</v>
      </c>
      <c r="AS23" s="113">
        <v>334846</v>
      </c>
      <c r="AT23" s="116">
        <v>334846</v>
      </c>
      <c r="AU23" s="110">
        <v>168062</v>
      </c>
      <c r="AV23" s="114">
        <v>113967</v>
      </c>
      <c r="AW23" s="113">
        <v>282029</v>
      </c>
      <c r="AX23" s="110">
        <v>0</v>
      </c>
      <c r="AY23" s="114">
        <v>926436</v>
      </c>
      <c r="AZ23" s="114">
        <v>794966</v>
      </c>
      <c r="BA23" s="114">
        <v>649073</v>
      </c>
      <c r="BB23" s="114">
        <v>462384</v>
      </c>
      <c r="BC23" s="114">
        <v>290024</v>
      </c>
      <c r="BD23" s="113">
        <v>3122883</v>
      </c>
      <c r="BE23" s="116">
        <v>3404912</v>
      </c>
      <c r="BF23" s="110">
        <v>0</v>
      </c>
      <c r="BG23" s="114">
        <v>71326</v>
      </c>
      <c r="BH23" s="112">
        <v>71326</v>
      </c>
      <c r="BI23" s="111">
        <v>0</v>
      </c>
      <c r="BJ23" s="114">
        <v>75022</v>
      </c>
      <c r="BK23" s="114">
        <v>234072</v>
      </c>
      <c r="BL23" s="114">
        <v>88138</v>
      </c>
      <c r="BM23" s="114">
        <v>96171</v>
      </c>
      <c r="BN23" s="114">
        <v>0</v>
      </c>
      <c r="BO23" s="113">
        <v>493403</v>
      </c>
      <c r="BP23" s="116">
        <v>564729</v>
      </c>
      <c r="BQ23" s="110">
        <v>17128</v>
      </c>
      <c r="BR23" s="114">
        <v>44848</v>
      </c>
      <c r="BS23" s="113">
        <v>61976</v>
      </c>
      <c r="BT23" s="110">
        <v>0</v>
      </c>
      <c r="BU23" s="114">
        <v>284200</v>
      </c>
      <c r="BV23" s="114">
        <v>469160</v>
      </c>
      <c r="BW23" s="114">
        <v>469632</v>
      </c>
      <c r="BX23" s="114">
        <v>314016</v>
      </c>
      <c r="BY23" s="114">
        <v>210080</v>
      </c>
      <c r="BZ23" s="113">
        <v>1747088</v>
      </c>
      <c r="CA23" s="116">
        <v>1809064</v>
      </c>
      <c r="CB23" s="110">
        <v>19766</v>
      </c>
      <c r="CC23" s="114">
        <v>308009</v>
      </c>
      <c r="CD23" s="113">
        <v>327775</v>
      </c>
      <c r="CE23" s="110">
        <v>0</v>
      </c>
      <c r="CF23" s="114">
        <v>2279552</v>
      </c>
      <c r="CG23" s="114">
        <v>3363845</v>
      </c>
      <c r="CH23" s="114">
        <v>3366786</v>
      </c>
      <c r="CI23" s="114">
        <v>1304740</v>
      </c>
      <c r="CJ23" s="114">
        <v>647064</v>
      </c>
      <c r="CK23" s="113">
        <v>10961987</v>
      </c>
      <c r="CL23" s="116">
        <v>11289762</v>
      </c>
      <c r="CM23" s="110">
        <v>0</v>
      </c>
      <c r="CN23" s="114">
        <v>0</v>
      </c>
      <c r="CO23" s="113">
        <v>0</v>
      </c>
      <c r="CP23" s="111">
        <v>0</v>
      </c>
      <c r="CQ23" s="114">
        <v>1674872</v>
      </c>
      <c r="CR23" s="114">
        <v>2625032</v>
      </c>
      <c r="CS23" s="114">
        <v>2569272</v>
      </c>
      <c r="CT23" s="114">
        <v>1143488</v>
      </c>
      <c r="CU23" s="114">
        <v>476300</v>
      </c>
      <c r="CV23" s="113">
        <v>8488964</v>
      </c>
      <c r="CW23" s="116">
        <v>8488964</v>
      </c>
      <c r="CX23" s="110">
        <v>19766</v>
      </c>
      <c r="CY23" s="114">
        <v>308009</v>
      </c>
      <c r="CZ23" s="113">
        <v>327775</v>
      </c>
      <c r="DA23" s="110">
        <v>0</v>
      </c>
      <c r="DB23" s="114">
        <v>604680</v>
      </c>
      <c r="DC23" s="114">
        <v>738813</v>
      </c>
      <c r="DD23" s="114">
        <v>797514</v>
      </c>
      <c r="DE23" s="114">
        <v>161252</v>
      </c>
      <c r="DF23" s="114">
        <v>170764</v>
      </c>
      <c r="DG23" s="113">
        <v>2473023</v>
      </c>
      <c r="DH23" s="116">
        <v>2800798</v>
      </c>
      <c r="DI23" s="110">
        <v>0</v>
      </c>
      <c r="DJ23" s="114">
        <v>20728</v>
      </c>
      <c r="DK23" s="112">
        <v>20728</v>
      </c>
      <c r="DL23" s="111">
        <v>0</v>
      </c>
      <c r="DM23" s="114">
        <v>60942</v>
      </c>
      <c r="DN23" s="114">
        <v>473720</v>
      </c>
      <c r="DO23" s="114">
        <v>1730094</v>
      </c>
      <c r="DP23" s="114">
        <v>81561</v>
      </c>
      <c r="DQ23" s="114">
        <v>1117690</v>
      </c>
      <c r="DR23" s="113">
        <v>3464007</v>
      </c>
      <c r="DS23" s="116">
        <v>3484735</v>
      </c>
      <c r="DT23" s="110">
        <v>0</v>
      </c>
      <c r="DU23" s="114">
        <v>20728</v>
      </c>
      <c r="DV23" s="113">
        <v>20728</v>
      </c>
      <c r="DW23" s="110">
        <v>0</v>
      </c>
      <c r="DX23" s="114">
        <v>60942</v>
      </c>
      <c r="DY23" s="114">
        <v>473720</v>
      </c>
      <c r="DZ23" s="114">
        <v>1730094</v>
      </c>
      <c r="EA23" s="114">
        <v>81561</v>
      </c>
      <c r="EB23" s="114">
        <v>1117690</v>
      </c>
      <c r="EC23" s="113">
        <v>3464007</v>
      </c>
      <c r="ED23" s="116">
        <v>3484735</v>
      </c>
      <c r="EE23" s="110">
        <v>0</v>
      </c>
      <c r="EF23" s="112">
        <v>0</v>
      </c>
      <c r="EG23" s="113">
        <v>0</v>
      </c>
      <c r="EH23" s="110">
        <v>0</v>
      </c>
      <c r="EI23" s="114">
        <v>0</v>
      </c>
      <c r="EJ23" s="114">
        <v>0</v>
      </c>
      <c r="EK23" s="114">
        <v>0</v>
      </c>
      <c r="EL23" s="114">
        <v>0</v>
      </c>
      <c r="EM23" s="114">
        <v>0</v>
      </c>
      <c r="EN23" s="112">
        <v>0</v>
      </c>
      <c r="EO23" s="116">
        <v>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5"/>
      <c r="FE23" s="114">
        <v>0</v>
      </c>
      <c r="FF23" s="114">
        <v>0</v>
      </c>
      <c r="FG23" s="114">
        <v>0</v>
      </c>
      <c r="FH23" s="114">
        <v>0</v>
      </c>
      <c r="FI23" s="114">
        <v>0</v>
      </c>
      <c r="FJ23" s="113">
        <v>0</v>
      </c>
      <c r="FK23" s="116">
        <v>0</v>
      </c>
      <c r="FL23" s="110">
        <v>215464</v>
      </c>
      <c r="FM23" s="114">
        <v>152808</v>
      </c>
      <c r="FN23" s="113">
        <v>368272</v>
      </c>
      <c r="FO23" s="110">
        <v>0</v>
      </c>
      <c r="FP23" s="114">
        <v>479024</v>
      </c>
      <c r="FQ23" s="114">
        <v>717184</v>
      </c>
      <c r="FR23" s="114">
        <v>786504</v>
      </c>
      <c r="FS23" s="114">
        <v>421728</v>
      </c>
      <c r="FT23" s="114">
        <v>420888</v>
      </c>
      <c r="FU23" s="113">
        <v>2825328</v>
      </c>
      <c r="FV23" s="116">
        <v>3193600</v>
      </c>
      <c r="FW23" s="115">
        <v>76472</v>
      </c>
      <c r="FX23" s="114">
        <v>152808</v>
      </c>
      <c r="FY23" s="112">
        <v>229280</v>
      </c>
      <c r="FZ23" s="111">
        <v>0</v>
      </c>
      <c r="GA23" s="114">
        <v>229904</v>
      </c>
      <c r="GB23" s="114">
        <v>639104</v>
      </c>
      <c r="GC23" s="114">
        <v>676040</v>
      </c>
      <c r="GD23" s="114">
        <v>421728</v>
      </c>
      <c r="GE23" s="114">
        <v>340888</v>
      </c>
      <c r="GF23" s="113">
        <v>2307664</v>
      </c>
      <c r="GG23" s="316">
        <v>2536944</v>
      </c>
      <c r="GH23" s="115">
        <v>26000</v>
      </c>
      <c r="GI23" s="114">
        <v>0</v>
      </c>
      <c r="GJ23" s="112">
        <v>26000</v>
      </c>
      <c r="GK23" s="111">
        <v>0</v>
      </c>
      <c r="GL23" s="114">
        <v>35520</v>
      </c>
      <c r="GM23" s="114">
        <v>0</v>
      </c>
      <c r="GN23" s="114">
        <v>64864</v>
      </c>
      <c r="GO23" s="114">
        <v>0</v>
      </c>
      <c r="GP23" s="114">
        <v>80000</v>
      </c>
      <c r="GQ23" s="113">
        <v>180384</v>
      </c>
      <c r="GR23" s="116">
        <v>206384</v>
      </c>
      <c r="GS23" s="110">
        <v>112992</v>
      </c>
      <c r="GT23" s="114">
        <v>0</v>
      </c>
      <c r="GU23" s="113">
        <v>112992</v>
      </c>
      <c r="GV23" s="110">
        <v>0</v>
      </c>
      <c r="GW23" s="114">
        <v>213600</v>
      </c>
      <c r="GX23" s="114">
        <v>78080</v>
      </c>
      <c r="GY23" s="114">
        <v>45600</v>
      </c>
      <c r="GZ23" s="114">
        <v>0</v>
      </c>
      <c r="HA23" s="114">
        <v>0</v>
      </c>
      <c r="HB23" s="112">
        <v>337280</v>
      </c>
      <c r="HC23" s="116">
        <v>450272</v>
      </c>
      <c r="HD23" s="110">
        <v>111311</v>
      </c>
      <c r="HE23" s="114">
        <v>0</v>
      </c>
      <c r="HF23" s="112">
        <v>111311</v>
      </c>
      <c r="HG23" s="111">
        <v>0</v>
      </c>
      <c r="HH23" s="114">
        <v>1764539</v>
      </c>
      <c r="HI23" s="114">
        <v>2347327</v>
      </c>
      <c r="HJ23" s="114">
        <v>1587509</v>
      </c>
      <c r="HK23" s="114">
        <v>1569738</v>
      </c>
      <c r="HL23" s="114">
        <v>866610</v>
      </c>
      <c r="HM23" s="113">
        <v>8135723</v>
      </c>
      <c r="HN23" s="109">
        <v>8247034</v>
      </c>
      <c r="HO23" s="326"/>
      <c r="HP23" s="327"/>
      <c r="HQ23" s="328"/>
      <c r="HR23" s="329"/>
      <c r="HS23" s="327"/>
      <c r="HT23" s="327"/>
      <c r="HU23" s="327"/>
      <c r="HV23" s="327"/>
      <c r="HW23" s="327"/>
      <c r="HX23" s="330"/>
      <c r="HY23" s="331"/>
      <c r="HZ23" s="131">
        <v>46082</v>
      </c>
      <c r="IA23" s="132">
        <v>0</v>
      </c>
      <c r="IB23" s="133">
        <v>46082</v>
      </c>
      <c r="IC23" s="146">
        <v>0</v>
      </c>
      <c r="ID23" s="132">
        <v>1998217</v>
      </c>
      <c r="IE23" s="147">
        <v>2874145</v>
      </c>
      <c r="IF23" s="133">
        <v>2943501</v>
      </c>
      <c r="IG23" s="132">
        <v>1133201</v>
      </c>
      <c r="IH23" s="133">
        <v>890650</v>
      </c>
      <c r="II23" s="148">
        <v>9839714</v>
      </c>
      <c r="IJ23" s="139">
        <v>9885796</v>
      </c>
      <c r="IK23" s="232">
        <v>0</v>
      </c>
      <c r="IL23" s="236">
        <v>0</v>
      </c>
      <c r="IM23" s="237">
        <v>0</v>
      </c>
      <c r="IN23" s="140"/>
      <c r="IO23" s="119">
        <v>0</v>
      </c>
      <c r="IP23" s="119">
        <v>0</v>
      </c>
      <c r="IQ23" s="119">
        <v>0</v>
      </c>
      <c r="IR23" s="119">
        <v>0</v>
      </c>
      <c r="IS23" s="119">
        <v>0</v>
      </c>
      <c r="IT23" s="141">
        <v>0</v>
      </c>
      <c r="IU23" s="318">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777558</v>
      </c>
      <c r="JL23" s="119">
        <v>750099</v>
      </c>
      <c r="JM23" s="119">
        <v>429022</v>
      </c>
      <c r="JN23" s="119">
        <v>63943</v>
      </c>
      <c r="JO23" s="119">
        <v>0</v>
      </c>
      <c r="JP23" s="120">
        <v>2020622</v>
      </c>
      <c r="JQ23" s="318">
        <v>2020622</v>
      </c>
      <c r="JR23" s="142">
        <v>0</v>
      </c>
      <c r="JS23" s="119">
        <v>0</v>
      </c>
      <c r="JT23" s="141">
        <v>0</v>
      </c>
      <c r="JU23" s="118">
        <v>0</v>
      </c>
      <c r="JV23" s="119">
        <v>173328</v>
      </c>
      <c r="JW23" s="119">
        <v>0</v>
      </c>
      <c r="JX23" s="119">
        <v>279649</v>
      </c>
      <c r="JY23" s="119">
        <v>24298</v>
      </c>
      <c r="JZ23" s="119">
        <v>0</v>
      </c>
      <c r="KA23" s="120">
        <v>477275</v>
      </c>
      <c r="KB23" s="318">
        <v>477275</v>
      </c>
      <c r="KC23" s="234">
        <v>46082</v>
      </c>
      <c r="KD23" s="230">
        <v>0</v>
      </c>
      <c r="KE23" s="120">
        <v>46082</v>
      </c>
      <c r="KF23" s="118">
        <v>0</v>
      </c>
      <c r="KG23" s="119">
        <v>854224</v>
      </c>
      <c r="KH23" s="119">
        <v>887056</v>
      </c>
      <c r="KI23" s="119">
        <v>929165</v>
      </c>
      <c r="KJ23" s="119">
        <v>253840</v>
      </c>
      <c r="KK23" s="119">
        <v>0</v>
      </c>
      <c r="KL23" s="120">
        <v>2924285</v>
      </c>
      <c r="KM23" s="143">
        <v>2970367</v>
      </c>
      <c r="KN23" s="232">
        <v>0</v>
      </c>
      <c r="KO23" s="236">
        <v>0</v>
      </c>
      <c r="KP23" s="237">
        <v>0</v>
      </c>
      <c r="KQ23" s="140"/>
      <c r="KR23" s="119">
        <v>193107</v>
      </c>
      <c r="KS23" s="119">
        <v>1236990</v>
      </c>
      <c r="KT23" s="119">
        <v>1032716</v>
      </c>
      <c r="KU23" s="119">
        <v>791120</v>
      </c>
      <c r="KV23" s="119">
        <v>537462</v>
      </c>
      <c r="KW23" s="120">
        <v>3791395</v>
      </c>
      <c r="KX23" s="318">
        <v>3791395</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18">
        <v>0</v>
      </c>
      <c r="LU23" s="142">
        <v>0</v>
      </c>
      <c r="LV23" s="119">
        <v>0</v>
      </c>
      <c r="LW23" s="120">
        <v>0</v>
      </c>
      <c r="LX23" s="145"/>
      <c r="LY23" s="119">
        <v>0</v>
      </c>
      <c r="LZ23" s="119">
        <v>0</v>
      </c>
      <c r="MA23" s="119">
        <v>272949</v>
      </c>
      <c r="MB23" s="119">
        <v>0</v>
      </c>
      <c r="MC23" s="119">
        <v>353188</v>
      </c>
      <c r="MD23" s="120">
        <v>626137</v>
      </c>
      <c r="ME23" s="121">
        <v>626137</v>
      </c>
      <c r="MF23" s="142">
        <v>0</v>
      </c>
      <c r="MG23" s="119">
        <v>0</v>
      </c>
      <c r="MH23" s="120">
        <v>0</v>
      </c>
      <c r="MI23" s="145"/>
      <c r="MJ23" s="119">
        <v>822204</v>
      </c>
      <c r="MK23" s="119">
        <v>1140509</v>
      </c>
      <c r="ML23" s="119">
        <v>2876160</v>
      </c>
      <c r="MM23" s="119">
        <v>7456662</v>
      </c>
      <c r="MN23" s="119">
        <v>2608547</v>
      </c>
      <c r="MO23" s="120">
        <v>14904082</v>
      </c>
      <c r="MP23" s="143">
        <v>14904082</v>
      </c>
      <c r="MQ23" s="142">
        <v>0</v>
      </c>
      <c r="MR23" s="119">
        <v>0</v>
      </c>
      <c r="MS23" s="120">
        <v>0</v>
      </c>
      <c r="MT23" s="145"/>
      <c r="MU23" s="119">
        <v>0</v>
      </c>
      <c r="MV23" s="119">
        <v>128208</v>
      </c>
      <c r="MW23" s="119">
        <v>1114536</v>
      </c>
      <c r="MX23" s="119">
        <v>6148556</v>
      </c>
      <c r="MY23" s="119">
        <v>1739118</v>
      </c>
      <c r="MZ23" s="120">
        <v>9130418</v>
      </c>
      <c r="NA23" s="143">
        <v>9130418</v>
      </c>
      <c r="NB23" s="142">
        <v>0</v>
      </c>
      <c r="NC23" s="119">
        <v>0</v>
      </c>
      <c r="ND23" s="120">
        <v>0</v>
      </c>
      <c r="NE23" s="145"/>
      <c r="NF23" s="119">
        <v>822204</v>
      </c>
      <c r="NG23" s="119">
        <v>1012301</v>
      </c>
      <c r="NH23" s="119">
        <v>1761624</v>
      </c>
      <c r="NI23" s="119">
        <v>1308106</v>
      </c>
      <c r="NJ23" s="119">
        <v>869429</v>
      </c>
      <c r="NK23" s="120">
        <v>5773664</v>
      </c>
      <c r="NL23" s="318">
        <v>5773664</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0</v>
      </c>
      <c r="OG23" s="120">
        <v>0</v>
      </c>
      <c r="OH23" s="121">
        <v>0</v>
      </c>
      <c r="OI23" s="142">
        <v>577813</v>
      </c>
      <c r="OJ23" s="119">
        <v>711686</v>
      </c>
      <c r="OK23" s="141">
        <v>1289499</v>
      </c>
      <c r="OL23" s="118">
        <v>0</v>
      </c>
      <c r="OM23" s="119">
        <v>9348470</v>
      </c>
      <c r="ON23" s="119">
        <v>13318193</v>
      </c>
      <c r="OO23" s="119">
        <v>16003493</v>
      </c>
      <c r="OP23" s="119">
        <v>13705662</v>
      </c>
      <c r="OQ23" s="119">
        <v>7774091</v>
      </c>
      <c r="OR23" s="120">
        <v>60149909</v>
      </c>
      <c r="OS23" s="143">
        <v>61439408</v>
      </c>
    </row>
    <row r="24" spans="2:409" ht="21" customHeight="1" x14ac:dyDescent="0.2">
      <c r="B24" s="126" t="s">
        <v>19</v>
      </c>
      <c r="C24" s="110">
        <v>199408</v>
      </c>
      <c r="D24" s="114">
        <v>463361</v>
      </c>
      <c r="E24" s="113">
        <v>662769</v>
      </c>
      <c r="F24" s="109">
        <v>0</v>
      </c>
      <c r="G24" s="114">
        <v>3749878</v>
      </c>
      <c r="H24" s="114">
        <v>4704244</v>
      </c>
      <c r="I24" s="114">
        <v>3622267</v>
      </c>
      <c r="J24" s="114">
        <v>2099726</v>
      </c>
      <c r="K24" s="114">
        <v>1781852</v>
      </c>
      <c r="L24" s="109">
        <v>15957967</v>
      </c>
      <c r="M24" s="116">
        <v>16620736</v>
      </c>
      <c r="N24" s="110">
        <v>73275</v>
      </c>
      <c r="O24" s="114">
        <v>45123</v>
      </c>
      <c r="P24" s="113">
        <v>118398</v>
      </c>
      <c r="Q24" s="110">
        <v>0</v>
      </c>
      <c r="R24" s="114">
        <v>801146</v>
      </c>
      <c r="S24" s="114">
        <v>1392340</v>
      </c>
      <c r="T24" s="114">
        <v>1463450</v>
      </c>
      <c r="U24" s="114">
        <v>886766</v>
      </c>
      <c r="V24" s="114">
        <v>801515</v>
      </c>
      <c r="W24" s="113">
        <v>5345217</v>
      </c>
      <c r="X24" s="116">
        <v>5463615</v>
      </c>
      <c r="Y24" s="110">
        <v>0</v>
      </c>
      <c r="Z24" s="114">
        <v>0</v>
      </c>
      <c r="AA24" s="113">
        <v>0</v>
      </c>
      <c r="AB24" s="110">
        <v>0</v>
      </c>
      <c r="AC24" s="114">
        <v>219842</v>
      </c>
      <c r="AD24" s="114">
        <v>454143</v>
      </c>
      <c r="AE24" s="114">
        <v>544890</v>
      </c>
      <c r="AF24" s="114">
        <v>450760</v>
      </c>
      <c r="AG24" s="114">
        <v>357987</v>
      </c>
      <c r="AH24" s="113">
        <v>2027622</v>
      </c>
      <c r="AI24" s="116">
        <v>2027622</v>
      </c>
      <c r="AJ24" s="110">
        <v>0</v>
      </c>
      <c r="AK24" s="114">
        <v>0</v>
      </c>
      <c r="AL24" s="113">
        <v>0</v>
      </c>
      <c r="AM24" s="110">
        <v>0</v>
      </c>
      <c r="AN24" s="114">
        <v>0</v>
      </c>
      <c r="AO24" s="114">
        <v>0</v>
      </c>
      <c r="AP24" s="114">
        <v>238272</v>
      </c>
      <c r="AQ24" s="114">
        <v>11680</v>
      </c>
      <c r="AR24" s="114">
        <v>106229</v>
      </c>
      <c r="AS24" s="113">
        <v>356181</v>
      </c>
      <c r="AT24" s="116">
        <v>356181</v>
      </c>
      <c r="AU24" s="110">
        <v>24651</v>
      </c>
      <c r="AV24" s="114">
        <v>31379</v>
      </c>
      <c r="AW24" s="113">
        <v>56030</v>
      </c>
      <c r="AX24" s="110">
        <v>0</v>
      </c>
      <c r="AY24" s="114">
        <v>305317</v>
      </c>
      <c r="AZ24" s="114">
        <v>481355</v>
      </c>
      <c r="BA24" s="114">
        <v>407424</v>
      </c>
      <c r="BB24" s="114">
        <v>258466</v>
      </c>
      <c r="BC24" s="114">
        <v>236927</v>
      </c>
      <c r="BD24" s="113">
        <v>1689489</v>
      </c>
      <c r="BE24" s="116">
        <v>1745519</v>
      </c>
      <c r="BF24" s="110">
        <v>0</v>
      </c>
      <c r="BG24" s="114">
        <v>0</v>
      </c>
      <c r="BH24" s="112">
        <v>0</v>
      </c>
      <c r="BI24" s="111">
        <v>0</v>
      </c>
      <c r="BJ24" s="114">
        <v>50587</v>
      </c>
      <c r="BK24" s="114">
        <v>170506</v>
      </c>
      <c r="BL24" s="114">
        <v>0</v>
      </c>
      <c r="BM24" s="114">
        <v>31900</v>
      </c>
      <c r="BN24" s="114">
        <v>10852</v>
      </c>
      <c r="BO24" s="113">
        <v>263845</v>
      </c>
      <c r="BP24" s="116">
        <v>263845</v>
      </c>
      <c r="BQ24" s="110">
        <v>48624</v>
      </c>
      <c r="BR24" s="114">
        <v>13744</v>
      </c>
      <c r="BS24" s="113">
        <v>62368</v>
      </c>
      <c r="BT24" s="110">
        <v>0</v>
      </c>
      <c r="BU24" s="114">
        <v>225400</v>
      </c>
      <c r="BV24" s="114">
        <v>286336</v>
      </c>
      <c r="BW24" s="114">
        <v>272864</v>
      </c>
      <c r="BX24" s="114">
        <v>133960</v>
      </c>
      <c r="BY24" s="114">
        <v>89520</v>
      </c>
      <c r="BZ24" s="113">
        <v>1008080</v>
      </c>
      <c r="CA24" s="116">
        <v>1070448</v>
      </c>
      <c r="CB24" s="110">
        <v>42089</v>
      </c>
      <c r="CC24" s="114">
        <v>158372</v>
      </c>
      <c r="CD24" s="113">
        <v>200461</v>
      </c>
      <c r="CE24" s="110">
        <v>0</v>
      </c>
      <c r="CF24" s="114">
        <v>1484632</v>
      </c>
      <c r="CG24" s="114">
        <v>1730870</v>
      </c>
      <c r="CH24" s="114">
        <v>735686</v>
      </c>
      <c r="CI24" s="114">
        <v>412173</v>
      </c>
      <c r="CJ24" s="114">
        <v>53361</v>
      </c>
      <c r="CK24" s="113">
        <v>4416722</v>
      </c>
      <c r="CL24" s="116">
        <v>4617183</v>
      </c>
      <c r="CM24" s="110">
        <v>0</v>
      </c>
      <c r="CN24" s="114">
        <v>0</v>
      </c>
      <c r="CO24" s="113">
        <v>0</v>
      </c>
      <c r="CP24" s="111">
        <v>0</v>
      </c>
      <c r="CQ24" s="114">
        <v>987983</v>
      </c>
      <c r="CR24" s="114">
        <v>1266031</v>
      </c>
      <c r="CS24" s="114">
        <v>557439</v>
      </c>
      <c r="CT24" s="114">
        <v>46881</v>
      </c>
      <c r="CU24" s="114">
        <v>53361</v>
      </c>
      <c r="CV24" s="113">
        <v>2911695</v>
      </c>
      <c r="CW24" s="116">
        <v>2911695</v>
      </c>
      <c r="CX24" s="110">
        <v>42089</v>
      </c>
      <c r="CY24" s="114">
        <v>158372</v>
      </c>
      <c r="CZ24" s="113">
        <v>200461</v>
      </c>
      <c r="DA24" s="110">
        <v>0</v>
      </c>
      <c r="DB24" s="114">
        <v>496649</v>
      </c>
      <c r="DC24" s="114">
        <v>464839</v>
      </c>
      <c r="DD24" s="114">
        <v>178247</v>
      </c>
      <c r="DE24" s="114">
        <v>365292</v>
      </c>
      <c r="DF24" s="114">
        <v>0</v>
      </c>
      <c r="DG24" s="113">
        <v>1505027</v>
      </c>
      <c r="DH24" s="116">
        <v>1705488</v>
      </c>
      <c r="DI24" s="110">
        <v>0</v>
      </c>
      <c r="DJ24" s="114">
        <v>0</v>
      </c>
      <c r="DK24" s="112">
        <v>0</v>
      </c>
      <c r="DL24" s="111">
        <v>0</v>
      </c>
      <c r="DM24" s="114">
        <v>113356</v>
      </c>
      <c r="DN24" s="114">
        <v>0</v>
      </c>
      <c r="DO24" s="114">
        <v>238092</v>
      </c>
      <c r="DP24" s="114">
        <v>0</v>
      </c>
      <c r="DQ24" s="114">
        <v>745440</v>
      </c>
      <c r="DR24" s="113">
        <v>1096888</v>
      </c>
      <c r="DS24" s="116">
        <v>1096888</v>
      </c>
      <c r="DT24" s="110">
        <v>0</v>
      </c>
      <c r="DU24" s="114">
        <v>0</v>
      </c>
      <c r="DV24" s="113">
        <v>0</v>
      </c>
      <c r="DW24" s="110">
        <v>0</v>
      </c>
      <c r="DX24" s="114">
        <v>113356</v>
      </c>
      <c r="DY24" s="114">
        <v>0</v>
      </c>
      <c r="DZ24" s="114">
        <v>136619</v>
      </c>
      <c r="EA24" s="114">
        <v>0</v>
      </c>
      <c r="EB24" s="114">
        <v>745440</v>
      </c>
      <c r="EC24" s="113">
        <v>995415</v>
      </c>
      <c r="ED24" s="116">
        <v>995415</v>
      </c>
      <c r="EE24" s="110">
        <v>0</v>
      </c>
      <c r="EF24" s="112">
        <v>0</v>
      </c>
      <c r="EG24" s="113">
        <v>0</v>
      </c>
      <c r="EH24" s="110">
        <v>0</v>
      </c>
      <c r="EI24" s="114">
        <v>0</v>
      </c>
      <c r="EJ24" s="114">
        <v>0</v>
      </c>
      <c r="EK24" s="114">
        <v>101473</v>
      </c>
      <c r="EL24" s="114">
        <v>0</v>
      </c>
      <c r="EM24" s="114">
        <v>0</v>
      </c>
      <c r="EN24" s="112">
        <v>101473</v>
      </c>
      <c r="EO24" s="116">
        <v>101473</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5"/>
      <c r="FE24" s="114">
        <v>0</v>
      </c>
      <c r="FF24" s="114">
        <v>0</v>
      </c>
      <c r="FG24" s="114">
        <v>0</v>
      </c>
      <c r="FH24" s="114">
        <v>0</v>
      </c>
      <c r="FI24" s="114">
        <v>0</v>
      </c>
      <c r="FJ24" s="113">
        <v>0</v>
      </c>
      <c r="FK24" s="116">
        <v>0</v>
      </c>
      <c r="FL24" s="110">
        <v>20240</v>
      </c>
      <c r="FM24" s="114">
        <v>72720</v>
      </c>
      <c r="FN24" s="113">
        <v>92960</v>
      </c>
      <c r="FO24" s="110">
        <v>0</v>
      </c>
      <c r="FP24" s="114">
        <v>242480</v>
      </c>
      <c r="FQ24" s="114">
        <v>334776</v>
      </c>
      <c r="FR24" s="114">
        <v>177368</v>
      </c>
      <c r="FS24" s="114">
        <v>376936</v>
      </c>
      <c r="FT24" s="114">
        <v>181536</v>
      </c>
      <c r="FU24" s="113">
        <v>1313096</v>
      </c>
      <c r="FV24" s="116">
        <v>1406056</v>
      </c>
      <c r="FW24" s="115">
        <v>20240</v>
      </c>
      <c r="FX24" s="114">
        <v>43680</v>
      </c>
      <c r="FY24" s="112">
        <v>63920</v>
      </c>
      <c r="FZ24" s="111">
        <v>0</v>
      </c>
      <c r="GA24" s="114">
        <v>223120</v>
      </c>
      <c r="GB24" s="114">
        <v>334776</v>
      </c>
      <c r="GC24" s="114">
        <v>177368</v>
      </c>
      <c r="GD24" s="114">
        <v>216936</v>
      </c>
      <c r="GE24" s="114">
        <v>148976</v>
      </c>
      <c r="GF24" s="113">
        <v>1101176</v>
      </c>
      <c r="GG24" s="316">
        <v>1165096</v>
      </c>
      <c r="GH24" s="115">
        <v>0</v>
      </c>
      <c r="GI24" s="114">
        <v>29040</v>
      </c>
      <c r="GJ24" s="112">
        <v>29040</v>
      </c>
      <c r="GK24" s="111">
        <v>0</v>
      </c>
      <c r="GL24" s="114">
        <v>19360</v>
      </c>
      <c r="GM24" s="114">
        <v>0</v>
      </c>
      <c r="GN24" s="114">
        <v>0</v>
      </c>
      <c r="GO24" s="114">
        <v>0</v>
      </c>
      <c r="GP24" s="114">
        <v>32560</v>
      </c>
      <c r="GQ24" s="113">
        <v>51920</v>
      </c>
      <c r="GR24" s="116">
        <v>80960</v>
      </c>
      <c r="GS24" s="110">
        <v>0</v>
      </c>
      <c r="GT24" s="114">
        <v>0</v>
      </c>
      <c r="GU24" s="113">
        <v>0</v>
      </c>
      <c r="GV24" s="110">
        <v>0</v>
      </c>
      <c r="GW24" s="114">
        <v>0</v>
      </c>
      <c r="GX24" s="114">
        <v>0</v>
      </c>
      <c r="GY24" s="114">
        <v>0</v>
      </c>
      <c r="GZ24" s="114">
        <v>160000</v>
      </c>
      <c r="HA24" s="114">
        <v>0</v>
      </c>
      <c r="HB24" s="112">
        <v>160000</v>
      </c>
      <c r="HC24" s="116">
        <v>160000</v>
      </c>
      <c r="HD24" s="110">
        <v>63804</v>
      </c>
      <c r="HE24" s="114">
        <v>187146</v>
      </c>
      <c r="HF24" s="112">
        <v>250950</v>
      </c>
      <c r="HG24" s="111">
        <v>0</v>
      </c>
      <c r="HH24" s="114">
        <v>1108264</v>
      </c>
      <c r="HI24" s="114">
        <v>1246258</v>
      </c>
      <c r="HJ24" s="114">
        <v>1007671</v>
      </c>
      <c r="HK24" s="114">
        <v>423851</v>
      </c>
      <c r="HL24" s="114">
        <v>0</v>
      </c>
      <c r="HM24" s="113">
        <v>3786044</v>
      </c>
      <c r="HN24" s="109">
        <v>4036994</v>
      </c>
      <c r="HO24" s="326"/>
      <c r="HP24" s="327"/>
      <c r="HQ24" s="328"/>
      <c r="HR24" s="329"/>
      <c r="HS24" s="327"/>
      <c r="HT24" s="327"/>
      <c r="HU24" s="327"/>
      <c r="HV24" s="327"/>
      <c r="HW24" s="327"/>
      <c r="HX24" s="330"/>
      <c r="HY24" s="331"/>
      <c r="HZ24" s="150">
        <v>0</v>
      </c>
      <c r="IA24" s="135">
        <v>0</v>
      </c>
      <c r="IB24" s="150">
        <v>0</v>
      </c>
      <c r="IC24" s="134">
        <v>0</v>
      </c>
      <c r="ID24" s="135">
        <v>1126841</v>
      </c>
      <c r="IE24" s="136">
        <v>1746387</v>
      </c>
      <c r="IF24" s="137">
        <v>1168262</v>
      </c>
      <c r="IG24" s="135">
        <v>390824</v>
      </c>
      <c r="IH24" s="137">
        <v>616833</v>
      </c>
      <c r="II24" s="138">
        <v>5049147</v>
      </c>
      <c r="IJ24" s="150">
        <v>5049147</v>
      </c>
      <c r="IK24" s="232">
        <v>0</v>
      </c>
      <c r="IL24" s="236">
        <v>0</v>
      </c>
      <c r="IM24" s="237">
        <v>0</v>
      </c>
      <c r="IN24" s="140"/>
      <c r="IO24" s="119">
        <v>52917</v>
      </c>
      <c r="IP24" s="119">
        <v>108463</v>
      </c>
      <c r="IQ24" s="119">
        <v>0</v>
      </c>
      <c r="IR24" s="119">
        <v>0</v>
      </c>
      <c r="IS24" s="119">
        <v>247443</v>
      </c>
      <c r="IT24" s="141">
        <v>408823</v>
      </c>
      <c r="IU24" s="318">
        <v>408823</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36381</v>
      </c>
      <c r="JL24" s="119">
        <v>355463</v>
      </c>
      <c r="JM24" s="119">
        <v>0</v>
      </c>
      <c r="JN24" s="119">
        <v>89627</v>
      </c>
      <c r="JO24" s="119">
        <v>10725</v>
      </c>
      <c r="JP24" s="120">
        <v>492196</v>
      </c>
      <c r="JQ24" s="318">
        <v>492196</v>
      </c>
      <c r="JR24" s="142">
        <v>0</v>
      </c>
      <c r="JS24" s="119">
        <v>0</v>
      </c>
      <c r="JT24" s="141">
        <v>0</v>
      </c>
      <c r="JU24" s="118">
        <v>0</v>
      </c>
      <c r="JV24" s="119">
        <v>58455</v>
      </c>
      <c r="JW24" s="119">
        <v>415699</v>
      </c>
      <c r="JX24" s="119">
        <v>0</v>
      </c>
      <c r="JY24" s="119">
        <v>0</v>
      </c>
      <c r="JZ24" s="119">
        <v>0</v>
      </c>
      <c r="KA24" s="120">
        <v>474154</v>
      </c>
      <c r="KB24" s="318">
        <v>474154</v>
      </c>
      <c r="KC24" s="234">
        <v>0</v>
      </c>
      <c r="KD24" s="230">
        <v>0</v>
      </c>
      <c r="KE24" s="120">
        <v>0</v>
      </c>
      <c r="KF24" s="118">
        <v>0</v>
      </c>
      <c r="KG24" s="119">
        <v>505478</v>
      </c>
      <c r="KH24" s="119">
        <v>327530</v>
      </c>
      <c r="KI24" s="119">
        <v>421323</v>
      </c>
      <c r="KJ24" s="119">
        <v>0</v>
      </c>
      <c r="KK24" s="119">
        <v>0</v>
      </c>
      <c r="KL24" s="120">
        <v>1254331</v>
      </c>
      <c r="KM24" s="143">
        <v>1254331</v>
      </c>
      <c r="KN24" s="232">
        <v>0</v>
      </c>
      <c r="KO24" s="236">
        <v>0</v>
      </c>
      <c r="KP24" s="237">
        <v>0</v>
      </c>
      <c r="KQ24" s="140"/>
      <c r="KR24" s="119">
        <v>473610</v>
      </c>
      <c r="KS24" s="119">
        <v>496130</v>
      </c>
      <c r="KT24" s="119">
        <v>746939</v>
      </c>
      <c r="KU24" s="119">
        <v>0</v>
      </c>
      <c r="KV24" s="119">
        <v>0</v>
      </c>
      <c r="KW24" s="120">
        <v>1716679</v>
      </c>
      <c r="KX24" s="318">
        <v>1716679</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18">
        <v>0</v>
      </c>
      <c r="LU24" s="142">
        <v>0</v>
      </c>
      <c r="LV24" s="119">
        <v>0</v>
      </c>
      <c r="LW24" s="120">
        <v>0</v>
      </c>
      <c r="LX24" s="145"/>
      <c r="LY24" s="119">
        <v>0</v>
      </c>
      <c r="LZ24" s="119">
        <v>43102</v>
      </c>
      <c r="MA24" s="119">
        <v>0</v>
      </c>
      <c r="MB24" s="119">
        <v>301197</v>
      </c>
      <c r="MC24" s="119">
        <v>358665</v>
      </c>
      <c r="MD24" s="120">
        <v>702964</v>
      </c>
      <c r="ME24" s="121">
        <v>702964</v>
      </c>
      <c r="MF24" s="142">
        <v>0</v>
      </c>
      <c r="MG24" s="119">
        <v>0</v>
      </c>
      <c r="MH24" s="120">
        <v>0</v>
      </c>
      <c r="MI24" s="145"/>
      <c r="MJ24" s="119">
        <v>0</v>
      </c>
      <c r="MK24" s="119">
        <v>528400</v>
      </c>
      <c r="ML24" s="119">
        <v>2138855</v>
      </c>
      <c r="MM24" s="119">
        <v>1705162</v>
      </c>
      <c r="MN24" s="119">
        <v>1437332</v>
      </c>
      <c r="MO24" s="120">
        <v>5809749</v>
      </c>
      <c r="MP24" s="143">
        <v>5809749</v>
      </c>
      <c r="MQ24" s="142">
        <v>0</v>
      </c>
      <c r="MR24" s="119">
        <v>0</v>
      </c>
      <c r="MS24" s="120">
        <v>0</v>
      </c>
      <c r="MT24" s="145"/>
      <c r="MU24" s="119">
        <v>0</v>
      </c>
      <c r="MV24" s="119">
        <v>0</v>
      </c>
      <c r="MW24" s="119">
        <v>970660</v>
      </c>
      <c r="MX24" s="119">
        <v>1067092</v>
      </c>
      <c r="MY24" s="119">
        <v>1437332</v>
      </c>
      <c r="MZ24" s="120">
        <v>3475084</v>
      </c>
      <c r="NA24" s="143">
        <v>3475084</v>
      </c>
      <c r="NB24" s="142">
        <v>0</v>
      </c>
      <c r="NC24" s="119">
        <v>0</v>
      </c>
      <c r="ND24" s="120">
        <v>0</v>
      </c>
      <c r="NE24" s="145"/>
      <c r="NF24" s="119">
        <v>0</v>
      </c>
      <c r="NG24" s="119">
        <v>528400</v>
      </c>
      <c r="NH24" s="119">
        <v>1168195</v>
      </c>
      <c r="NI24" s="119">
        <v>638070</v>
      </c>
      <c r="NJ24" s="119">
        <v>0</v>
      </c>
      <c r="NK24" s="120">
        <v>2334665</v>
      </c>
      <c r="NL24" s="318">
        <v>2334665</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199408</v>
      </c>
      <c r="OJ24" s="119">
        <v>463361</v>
      </c>
      <c r="OK24" s="141">
        <v>662769</v>
      </c>
      <c r="OL24" s="118">
        <v>0</v>
      </c>
      <c r="OM24" s="119">
        <v>4876719</v>
      </c>
      <c r="ON24" s="119">
        <v>6979031</v>
      </c>
      <c r="OO24" s="119">
        <v>6929384</v>
      </c>
      <c r="OP24" s="119">
        <v>4195712</v>
      </c>
      <c r="OQ24" s="119">
        <v>3836017</v>
      </c>
      <c r="OR24" s="120">
        <v>26816863</v>
      </c>
      <c r="OS24" s="143">
        <v>27479632</v>
      </c>
    </row>
    <row r="25" spans="2:409" ht="21" customHeight="1" x14ac:dyDescent="0.2">
      <c r="B25" s="126" t="s">
        <v>20</v>
      </c>
      <c r="C25" s="110">
        <v>563904</v>
      </c>
      <c r="D25" s="114">
        <v>731514</v>
      </c>
      <c r="E25" s="113">
        <v>1295418</v>
      </c>
      <c r="F25" s="110">
        <v>0</v>
      </c>
      <c r="G25" s="114">
        <v>5935949</v>
      </c>
      <c r="H25" s="114">
        <v>6570526</v>
      </c>
      <c r="I25" s="114">
        <v>6483997</v>
      </c>
      <c r="J25" s="114">
        <v>5447141</v>
      </c>
      <c r="K25" s="114">
        <v>3102011</v>
      </c>
      <c r="L25" s="173">
        <v>27539624</v>
      </c>
      <c r="M25" s="116">
        <v>28835042</v>
      </c>
      <c r="N25" s="110">
        <v>158692</v>
      </c>
      <c r="O25" s="114">
        <v>144470</v>
      </c>
      <c r="P25" s="113">
        <v>303162</v>
      </c>
      <c r="Q25" s="110">
        <v>0</v>
      </c>
      <c r="R25" s="114">
        <v>2477482</v>
      </c>
      <c r="S25" s="114">
        <v>2315276</v>
      </c>
      <c r="T25" s="114">
        <v>1494908</v>
      </c>
      <c r="U25" s="114">
        <v>1229132</v>
      </c>
      <c r="V25" s="114">
        <v>1643379</v>
      </c>
      <c r="W25" s="113">
        <v>9160177</v>
      </c>
      <c r="X25" s="116">
        <v>9463339</v>
      </c>
      <c r="Y25" s="110">
        <v>0</v>
      </c>
      <c r="Z25" s="114">
        <v>0</v>
      </c>
      <c r="AA25" s="113">
        <v>0</v>
      </c>
      <c r="AB25" s="110">
        <v>0</v>
      </c>
      <c r="AC25" s="114">
        <v>849714</v>
      </c>
      <c r="AD25" s="114">
        <v>849324</v>
      </c>
      <c r="AE25" s="114">
        <v>755015</v>
      </c>
      <c r="AF25" s="114">
        <v>537993</v>
      </c>
      <c r="AG25" s="114">
        <v>788008</v>
      </c>
      <c r="AH25" s="113">
        <v>3780054</v>
      </c>
      <c r="AI25" s="116">
        <v>3780054</v>
      </c>
      <c r="AJ25" s="110">
        <v>0</v>
      </c>
      <c r="AK25" s="114">
        <v>0</v>
      </c>
      <c r="AL25" s="113">
        <v>0</v>
      </c>
      <c r="AM25" s="110">
        <v>0</v>
      </c>
      <c r="AN25" s="114">
        <v>59220</v>
      </c>
      <c r="AO25" s="114">
        <v>0</v>
      </c>
      <c r="AP25" s="114">
        <v>0</v>
      </c>
      <c r="AQ25" s="114">
        <v>60835</v>
      </c>
      <c r="AR25" s="114">
        <v>129969</v>
      </c>
      <c r="AS25" s="113">
        <v>250024</v>
      </c>
      <c r="AT25" s="116">
        <v>250024</v>
      </c>
      <c r="AU25" s="110">
        <v>113123</v>
      </c>
      <c r="AV25" s="114">
        <v>29787</v>
      </c>
      <c r="AW25" s="113">
        <v>142910</v>
      </c>
      <c r="AX25" s="110">
        <v>0</v>
      </c>
      <c r="AY25" s="114">
        <v>1201804</v>
      </c>
      <c r="AZ25" s="114">
        <v>850274</v>
      </c>
      <c r="BA25" s="114">
        <v>310765</v>
      </c>
      <c r="BB25" s="114">
        <v>295242</v>
      </c>
      <c r="BC25" s="114">
        <v>544530</v>
      </c>
      <c r="BD25" s="113">
        <v>3202615</v>
      </c>
      <c r="BE25" s="116">
        <v>3345525</v>
      </c>
      <c r="BF25" s="110">
        <v>21353</v>
      </c>
      <c r="BG25" s="114">
        <v>55907</v>
      </c>
      <c r="BH25" s="112">
        <v>77260</v>
      </c>
      <c r="BI25" s="111">
        <v>0</v>
      </c>
      <c r="BJ25" s="114">
        <v>155096</v>
      </c>
      <c r="BK25" s="114">
        <v>372894</v>
      </c>
      <c r="BL25" s="114">
        <v>151344</v>
      </c>
      <c r="BM25" s="114">
        <v>31254</v>
      </c>
      <c r="BN25" s="114">
        <v>0</v>
      </c>
      <c r="BO25" s="113">
        <v>710588</v>
      </c>
      <c r="BP25" s="116">
        <v>787848</v>
      </c>
      <c r="BQ25" s="110">
        <v>24216</v>
      </c>
      <c r="BR25" s="114">
        <v>58776</v>
      </c>
      <c r="BS25" s="113">
        <v>82992</v>
      </c>
      <c r="BT25" s="110">
        <v>0</v>
      </c>
      <c r="BU25" s="114">
        <v>211648</v>
      </c>
      <c r="BV25" s="114">
        <v>242784</v>
      </c>
      <c r="BW25" s="114">
        <v>277784</v>
      </c>
      <c r="BX25" s="114">
        <v>303808</v>
      </c>
      <c r="BY25" s="114">
        <v>180872</v>
      </c>
      <c r="BZ25" s="113">
        <v>1216896</v>
      </c>
      <c r="CA25" s="116">
        <v>1299888</v>
      </c>
      <c r="CB25" s="110">
        <v>64179</v>
      </c>
      <c r="CC25" s="114">
        <v>216276</v>
      </c>
      <c r="CD25" s="113">
        <v>280455</v>
      </c>
      <c r="CE25" s="110">
        <v>0</v>
      </c>
      <c r="CF25" s="114">
        <v>1405789</v>
      </c>
      <c r="CG25" s="114">
        <v>2354468</v>
      </c>
      <c r="CH25" s="114">
        <v>2315276</v>
      </c>
      <c r="CI25" s="114">
        <v>789007</v>
      </c>
      <c r="CJ25" s="114">
        <v>0</v>
      </c>
      <c r="CK25" s="113">
        <v>6864540</v>
      </c>
      <c r="CL25" s="116">
        <v>7144995</v>
      </c>
      <c r="CM25" s="110">
        <v>0</v>
      </c>
      <c r="CN25" s="114">
        <v>0</v>
      </c>
      <c r="CO25" s="113">
        <v>0</v>
      </c>
      <c r="CP25" s="111">
        <v>0</v>
      </c>
      <c r="CQ25" s="114">
        <v>845987</v>
      </c>
      <c r="CR25" s="114">
        <v>1555208</v>
      </c>
      <c r="CS25" s="114">
        <v>1560068</v>
      </c>
      <c r="CT25" s="114">
        <v>236195</v>
      </c>
      <c r="CU25" s="114">
        <v>0</v>
      </c>
      <c r="CV25" s="113">
        <v>4197458</v>
      </c>
      <c r="CW25" s="116">
        <v>4197458</v>
      </c>
      <c r="CX25" s="110">
        <v>64179</v>
      </c>
      <c r="CY25" s="114">
        <v>216276</v>
      </c>
      <c r="CZ25" s="113">
        <v>280455</v>
      </c>
      <c r="DA25" s="110">
        <v>0</v>
      </c>
      <c r="DB25" s="114">
        <v>559802</v>
      </c>
      <c r="DC25" s="114">
        <v>799260</v>
      </c>
      <c r="DD25" s="114">
        <v>755208</v>
      </c>
      <c r="DE25" s="114">
        <v>552812</v>
      </c>
      <c r="DF25" s="114">
        <v>0</v>
      </c>
      <c r="DG25" s="113">
        <v>2667082</v>
      </c>
      <c r="DH25" s="116">
        <v>2947537</v>
      </c>
      <c r="DI25" s="110">
        <v>0</v>
      </c>
      <c r="DJ25" s="114">
        <v>64232</v>
      </c>
      <c r="DK25" s="112">
        <v>64232</v>
      </c>
      <c r="DL25" s="111">
        <v>0</v>
      </c>
      <c r="DM25" s="114">
        <v>262331</v>
      </c>
      <c r="DN25" s="114">
        <v>374570</v>
      </c>
      <c r="DO25" s="114">
        <v>858396</v>
      </c>
      <c r="DP25" s="114">
        <v>2052788</v>
      </c>
      <c r="DQ25" s="114">
        <v>0</v>
      </c>
      <c r="DR25" s="113">
        <v>3548085</v>
      </c>
      <c r="DS25" s="116">
        <v>3612317</v>
      </c>
      <c r="DT25" s="110">
        <v>0</v>
      </c>
      <c r="DU25" s="114">
        <v>64232</v>
      </c>
      <c r="DV25" s="113">
        <v>64232</v>
      </c>
      <c r="DW25" s="110">
        <v>0</v>
      </c>
      <c r="DX25" s="114">
        <v>262331</v>
      </c>
      <c r="DY25" s="114">
        <v>374570</v>
      </c>
      <c r="DZ25" s="114">
        <v>819568</v>
      </c>
      <c r="EA25" s="114">
        <v>1823895</v>
      </c>
      <c r="EB25" s="114">
        <v>0</v>
      </c>
      <c r="EC25" s="113">
        <v>3280364</v>
      </c>
      <c r="ED25" s="116">
        <v>3344596</v>
      </c>
      <c r="EE25" s="110">
        <v>0</v>
      </c>
      <c r="EF25" s="112">
        <v>0</v>
      </c>
      <c r="EG25" s="113">
        <v>0</v>
      </c>
      <c r="EH25" s="110">
        <v>0</v>
      </c>
      <c r="EI25" s="114">
        <v>0</v>
      </c>
      <c r="EJ25" s="114">
        <v>0</v>
      </c>
      <c r="EK25" s="114">
        <v>38828</v>
      </c>
      <c r="EL25" s="114">
        <v>228893</v>
      </c>
      <c r="EM25" s="114">
        <v>0</v>
      </c>
      <c r="EN25" s="112">
        <v>267721</v>
      </c>
      <c r="EO25" s="116">
        <v>267721</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5"/>
      <c r="FE25" s="114">
        <v>0</v>
      </c>
      <c r="FF25" s="114">
        <v>0</v>
      </c>
      <c r="FG25" s="114">
        <v>0</v>
      </c>
      <c r="FH25" s="114">
        <v>0</v>
      </c>
      <c r="FI25" s="114">
        <v>0</v>
      </c>
      <c r="FJ25" s="113">
        <v>0</v>
      </c>
      <c r="FK25" s="116">
        <v>0</v>
      </c>
      <c r="FL25" s="110">
        <v>236032</v>
      </c>
      <c r="FM25" s="114">
        <v>119936</v>
      </c>
      <c r="FN25" s="113">
        <v>355968</v>
      </c>
      <c r="FO25" s="110">
        <v>0</v>
      </c>
      <c r="FP25" s="114">
        <v>298208</v>
      </c>
      <c r="FQ25" s="114">
        <v>573168</v>
      </c>
      <c r="FR25" s="114">
        <v>479904</v>
      </c>
      <c r="FS25" s="114">
        <v>265000</v>
      </c>
      <c r="FT25" s="114">
        <v>257256</v>
      </c>
      <c r="FU25" s="113">
        <v>1873536</v>
      </c>
      <c r="FV25" s="116">
        <v>2229504</v>
      </c>
      <c r="FW25" s="115">
        <v>52032</v>
      </c>
      <c r="FX25" s="114">
        <v>119936</v>
      </c>
      <c r="FY25" s="112">
        <v>171968</v>
      </c>
      <c r="FZ25" s="111">
        <v>0</v>
      </c>
      <c r="GA25" s="114">
        <v>298208</v>
      </c>
      <c r="GB25" s="114">
        <v>573168</v>
      </c>
      <c r="GC25" s="114">
        <v>459576</v>
      </c>
      <c r="GD25" s="114">
        <v>265000</v>
      </c>
      <c r="GE25" s="114">
        <v>257256</v>
      </c>
      <c r="GF25" s="113">
        <v>1853208</v>
      </c>
      <c r="GG25" s="316">
        <v>2025176</v>
      </c>
      <c r="GH25" s="115">
        <v>24000</v>
      </c>
      <c r="GI25" s="114">
        <v>0</v>
      </c>
      <c r="GJ25" s="112">
        <v>24000</v>
      </c>
      <c r="GK25" s="111">
        <v>0</v>
      </c>
      <c r="GL25" s="114">
        <v>0</v>
      </c>
      <c r="GM25" s="114">
        <v>0</v>
      </c>
      <c r="GN25" s="114">
        <v>20328</v>
      </c>
      <c r="GO25" s="114">
        <v>0</v>
      </c>
      <c r="GP25" s="114">
        <v>0</v>
      </c>
      <c r="GQ25" s="113">
        <v>20328</v>
      </c>
      <c r="GR25" s="116">
        <v>44328</v>
      </c>
      <c r="GS25" s="110">
        <v>160000</v>
      </c>
      <c r="GT25" s="114">
        <v>0</v>
      </c>
      <c r="GU25" s="113">
        <v>160000</v>
      </c>
      <c r="GV25" s="110">
        <v>0</v>
      </c>
      <c r="GW25" s="114">
        <v>0</v>
      </c>
      <c r="GX25" s="114">
        <v>0</v>
      </c>
      <c r="GY25" s="114">
        <v>0</v>
      </c>
      <c r="GZ25" s="114">
        <v>0</v>
      </c>
      <c r="HA25" s="114">
        <v>0</v>
      </c>
      <c r="HB25" s="112">
        <v>0</v>
      </c>
      <c r="HC25" s="116">
        <v>160000</v>
      </c>
      <c r="HD25" s="110">
        <v>105001</v>
      </c>
      <c r="HE25" s="114">
        <v>186600</v>
      </c>
      <c r="HF25" s="112">
        <v>291601</v>
      </c>
      <c r="HG25" s="111">
        <v>0</v>
      </c>
      <c r="HH25" s="114">
        <v>1492139</v>
      </c>
      <c r="HI25" s="114">
        <v>953044</v>
      </c>
      <c r="HJ25" s="114">
        <v>1335513</v>
      </c>
      <c r="HK25" s="114">
        <v>1111214</v>
      </c>
      <c r="HL25" s="114">
        <v>1201376</v>
      </c>
      <c r="HM25" s="113">
        <v>6093286</v>
      </c>
      <c r="HN25" s="109">
        <v>6384887</v>
      </c>
      <c r="HO25" s="326"/>
      <c r="HP25" s="327"/>
      <c r="HQ25" s="328"/>
      <c r="HR25" s="329"/>
      <c r="HS25" s="327"/>
      <c r="HT25" s="327"/>
      <c r="HU25" s="327"/>
      <c r="HV25" s="327"/>
      <c r="HW25" s="327"/>
      <c r="HX25" s="330"/>
      <c r="HY25" s="331"/>
      <c r="HZ25" s="131">
        <v>0</v>
      </c>
      <c r="IA25" s="132">
        <v>0</v>
      </c>
      <c r="IB25" s="133">
        <v>0</v>
      </c>
      <c r="IC25" s="146">
        <v>0</v>
      </c>
      <c r="ID25" s="132">
        <v>484145</v>
      </c>
      <c r="IE25" s="147">
        <v>483851</v>
      </c>
      <c r="IF25" s="133">
        <v>1321850</v>
      </c>
      <c r="IG25" s="132">
        <v>151297</v>
      </c>
      <c r="IH25" s="133">
        <v>28920</v>
      </c>
      <c r="II25" s="148">
        <v>2470063</v>
      </c>
      <c r="IJ25" s="139">
        <v>2470063</v>
      </c>
      <c r="IK25" s="232">
        <v>0</v>
      </c>
      <c r="IL25" s="236">
        <v>0</v>
      </c>
      <c r="IM25" s="237">
        <v>0</v>
      </c>
      <c r="IN25" s="140"/>
      <c r="IO25" s="119">
        <v>0</v>
      </c>
      <c r="IP25" s="119">
        <v>0</v>
      </c>
      <c r="IQ25" s="119">
        <v>0</v>
      </c>
      <c r="IR25" s="119">
        <v>0</v>
      </c>
      <c r="IS25" s="119">
        <v>0</v>
      </c>
      <c r="IT25" s="141">
        <v>0</v>
      </c>
      <c r="IU25" s="318">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84145</v>
      </c>
      <c r="JL25" s="119">
        <v>226439</v>
      </c>
      <c r="JM25" s="119">
        <v>562539</v>
      </c>
      <c r="JN25" s="119">
        <v>151297</v>
      </c>
      <c r="JO25" s="119">
        <v>28920</v>
      </c>
      <c r="JP25" s="120">
        <v>1453340</v>
      </c>
      <c r="JQ25" s="318">
        <v>1453340</v>
      </c>
      <c r="JR25" s="142">
        <v>0</v>
      </c>
      <c r="JS25" s="119">
        <v>0</v>
      </c>
      <c r="JT25" s="141">
        <v>0</v>
      </c>
      <c r="JU25" s="118">
        <v>0</v>
      </c>
      <c r="JV25" s="119">
        <v>0</v>
      </c>
      <c r="JW25" s="119">
        <v>0</v>
      </c>
      <c r="JX25" s="119">
        <v>0</v>
      </c>
      <c r="JY25" s="119">
        <v>0</v>
      </c>
      <c r="JZ25" s="119">
        <v>0</v>
      </c>
      <c r="KA25" s="120">
        <v>0</v>
      </c>
      <c r="KB25" s="318">
        <v>0</v>
      </c>
      <c r="KC25" s="234">
        <v>0</v>
      </c>
      <c r="KD25" s="230">
        <v>0</v>
      </c>
      <c r="KE25" s="120">
        <v>0</v>
      </c>
      <c r="KF25" s="118">
        <v>0</v>
      </c>
      <c r="KG25" s="119">
        <v>0</v>
      </c>
      <c r="KH25" s="119">
        <v>0</v>
      </c>
      <c r="KI25" s="119">
        <v>229590</v>
      </c>
      <c r="KJ25" s="119">
        <v>0</v>
      </c>
      <c r="KK25" s="119">
        <v>0</v>
      </c>
      <c r="KL25" s="120">
        <v>229590</v>
      </c>
      <c r="KM25" s="143">
        <v>229590</v>
      </c>
      <c r="KN25" s="232">
        <v>0</v>
      </c>
      <c r="KO25" s="236">
        <v>0</v>
      </c>
      <c r="KP25" s="237">
        <v>0</v>
      </c>
      <c r="KQ25" s="140"/>
      <c r="KR25" s="119">
        <v>0</v>
      </c>
      <c r="KS25" s="119">
        <v>257412</v>
      </c>
      <c r="KT25" s="119">
        <v>529721</v>
      </c>
      <c r="KU25" s="119">
        <v>0</v>
      </c>
      <c r="KV25" s="119">
        <v>0</v>
      </c>
      <c r="KW25" s="120">
        <v>787133</v>
      </c>
      <c r="KX25" s="318">
        <v>787133</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18">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300926</v>
      </c>
      <c r="MK25" s="119">
        <v>241104</v>
      </c>
      <c r="ML25" s="119">
        <v>2658511</v>
      </c>
      <c r="MM25" s="119">
        <v>3695641</v>
      </c>
      <c r="MN25" s="119">
        <v>1748052</v>
      </c>
      <c r="MO25" s="120">
        <v>8644234</v>
      </c>
      <c r="MP25" s="143">
        <v>8644234</v>
      </c>
      <c r="MQ25" s="142">
        <v>0</v>
      </c>
      <c r="MR25" s="119">
        <v>0</v>
      </c>
      <c r="MS25" s="120">
        <v>0</v>
      </c>
      <c r="MT25" s="145"/>
      <c r="MU25" s="119">
        <v>0</v>
      </c>
      <c r="MV25" s="119">
        <v>241104</v>
      </c>
      <c r="MW25" s="119">
        <v>2149772</v>
      </c>
      <c r="MX25" s="119">
        <v>3117823</v>
      </c>
      <c r="MY25" s="119">
        <v>1361790</v>
      </c>
      <c r="MZ25" s="120">
        <v>6870489</v>
      </c>
      <c r="NA25" s="143">
        <v>6870489</v>
      </c>
      <c r="NB25" s="142">
        <v>0</v>
      </c>
      <c r="NC25" s="119">
        <v>0</v>
      </c>
      <c r="ND25" s="120">
        <v>0</v>
      </c>
      <c r="NE25" s="145"/>
      <c r="NF25" s="119">
        <v>300926</v>
      </c>
      <c r="NG25" s="119">
        <v>0</v>
      </c>
      <c r="NH25" s="119">
        <v>508739</v>
      </c>
      <c r="NI25" s="119">
        <v>577818</v>
      </c>
      <c r="NJ25" s="119">
        <v>0</v>
      </c>
      <c r="NK25" s="120">
        <v>1387483</v>
      </c>
      <c r="NL25" s="318">
        <v>1387483</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386262</v>
      </c>
      <c r="OG25" s="120">
        <v>386262</v>
      </c>
      <c r="OH25" s="121">
        <v>386262</v>
      </c>
      <c r="OI25" s="142">
        <v>563904</v>
      </c>
      <c r="OJ25" s="119">
        <v>731514</v>
      </c>
      <c r="OK25" s="141">
        <v>1295418</v>
      </c>
      <c r="OL25" s="118">
        <v>0</v>
      </c>
      <c r="OM25" s="119">
        <v>6721020</v>
      </c>
      <c r="ON25" s="119">
        <v>7295481</v>
      </c>
      <c r="OO25" s="119">
        <v>10464358</v>
      </c>
      <c r="OP25" s="119">
        <v>9294079</v>
      </c>
      <c r="OQ25" s="119">
        <v>4878983</v>
      </c>
      <c r="OR25" s="120">
        <v>38653921</v>
      </c>
      <c r="OS25" s="143">
        <v>39949339</v>
      </c>
    </row>
    <row r="26" spans="2:409" ht="21" customHeight="1" x14ac:dyDescent="0.2">
      <c r="B26" s="126" t="s">
        <v>21</v>
      </c>
      <c r="C26" s="110">
        <v>226528</v>
      </c>
      <c r="D26" s="114">
        <v>421081</v>
      </c>
      <c r="E26" s="113">
        <v>647609</v>
      </c>
      <c r="F26" s="109">
        <v>0</v>
      </c>
      <c r="G26" s="114">
        <v>2982330</v>
      </c>
      <c r="H26" s="114">
        <v>4544489</v>
      </c>
      <c r="I26" s="114">
        <v>4072170</v>
      </c>
      <c r="J26" s="114">
        <v>5071756</v>
      </c>
      <c r="K26" s="114">
        <v>2491470</v>
      </c>
      <c r="L26" s="173">
        <v>19162215</v>
      </c>
      <c r="M26" s="116">
        <v>19809824</v>
      </c>
      <c r="N26" s="110">
        <v>135051</v>
      </c>
      <c r="O26" s="114">
        <v>260818</v>
      </c>
      <c r="P26" s="113">
        <v>395869</v>
      </c>
      <c r="Q26" s="110">
        <v>0</v>
      </c>
      <c r="R26" s="114">
        <v>999785</v>
      </c>
      <c r="S26" s="114">
        <v>1713516</v>
      </c>
      <c r="T26" s="114">
        <v>765437</v>
      </c>
      <c r="U26" s="114">
        <v>2405425</v>
      </c>
      <c r="V26" s="114">
        <v>1339820</v>
      </c>
      <c r="W26" s="113">
        <v>7223983</v>
      </c>
      <c r="X26" s="116">
        <v>7619852</v>
      </c>
      <c r="Y26" s="110">
        <v>0</v>
      </c>
      <c r="Z26" s="114">
        <v>0</v>
      </c>
      <c r="AA26" s="113">
        <v>0</v>
      </c>
      <c r="AB26" s="110">
        <v>0</v>
      </c>
      <c r="AC26" s="114">
        <v>284034</v>
      </c>
      <c r="AD26" s="114">
        <v>500522</v>
      </c>
      <c r="AE26" s="114">
        <v>259011</v>
      </c>
      <c r="AF26" s="114">
        <v>1252168</v>
      </c>
      <c r="AG26" s="114">
        <v>490586</v>
      </c>
      <c r="AH26" s="113">
        <v>2786321</v>
      </c>
      <c r="AI26" s="116">
        <v>2786321</v>
      </c>
      <c r="AJ26" s="110">
        <v>0</v>
      </c>
      <c r="AK26" s="114">
        <v>0</v>
      </c>
      <c r="AL26" s="113">
        <v>0</v>
      </c>
      <c r="AM26" s="110">
        <v>0</v>
      </c>
      <c r="AN26" s="114">
        <v>0</v>
      </c>
      <c r="AO26" s="114">
        <v>0</v>
      </c>
      <c r="AP26" s="114">
        <v>0</v>
      </c>
      <c r="AQ26" s="114">
        <v>0</v>
      </c>
      <c r="AR26" s="114">
        <v>270422</v>
      </c>
      <c r="AS26" s="113">
        <v>270422</v>
      </c>
      <c r="AT26" s="116">
        <v>270422</v>
      </c>
      <c r="AU26" s="110">
        <v>92803</v>
      </c>
      <c r="AV26" s="114">
        <v>147264</v>
      </c>
      <c r="AW26" s="113">
        <v>240067</v>
      </c>
      <c r="AX26" s="110">
        <v>0</v>
      </c>
      <c r="AY26" s="114">
        <v>534390</v>
      </c>
      <c r="AZ26" s="114">
        <v>923281</v>
      </c>
      <c r="BA26" s="114">
        <v>287799</v>
      </c>
      <c r="BB26" s="114">
        <v>829898</v>
      </c>
      <c r="BC26" s="114">
        <v>343064</v>
      </c>
      <c r="BD26" s="113">
        <v>2918432</v>
      </c>
      <c r="BE26" s="116">
        <v>3158499</v>
      </c>
      <c r="BF26" s="110">
        <v>0</v>
      </c>
      <c r="BG26" s="114">
        <v>73714</v>
      </c>
      <c r="BH26" s="112">
        <v>73714</v>
      </c>
      <c r="BI26" s="111">
        <v>0</v>
      </c>
      <c r="BJ26" s="114">
        <v>48841</v>
      </c>
      <c r="BK26" s="114">
        <v>52065</v>
      </c>
      <c r="BL26" s="114">
        <v>111947</v>
      </c>
      <c r="BM26" s="114">
        <v>73519</v>
      </c>
      <c r="BN26" s="114">
        <v>64932</v>
      </c>
      <c r="BO26" s="113">
        <v>351304</v>
      </c>
      <c r="BP26" s="116">
        <v>425018</v>
      </c>
      <c r="BQ26" s="110">
        <v>42248</v>
      </c>
      <c r="BR26" s="114">
        <v>39840</v>
      </c>
      <c r="BS26" s="113">
        <v>82088</v>
      </c>
      <c r="BT26" s="110">
        <v>0</v>
      </c>
      <c r="BU26" s="114">
        <v>132520</v>
      </c>
      <c r="BV26" s="114">
        <v>237648</v>
      </c>
      <c r="BW26" s="114">
        <v>106680</v>
      </c>
      <c r="BX26" s="114">
        <v>249840</v>
      </c>
      <c r="BY26" s="114">
        <v>170816</v>
      </c>
      <c r="BZ26" s="113">
        <v>897504</v>
      </c>
      <c r="CA26" s="116">
        <v>979592</v>
      </c>
      <c r="CB26" s="110">
        <v>41118</v>
      </c>
      <c r="CC26" s="114">
        <v>0</v>
      </c>
      <c r="CD26" s="113">
        <v>41118</v>
      </c>
      <c r="CE26" s="110">
        <v>0</v>
      </c>
      <c r="CF26" s="114">
        <v>1046145</v>
      </c>
      <c r="CG26" s="114">
        <v>1410808</v>
      </c>
      <c r="CH26" s="114">
        <v>1012603</v>
      </c>
      <c r="CI26" s="114">
        <v>352008</v>
      </c>
      <c r="CJ26" s="114">
        <v>313205</v>
      </c>
      <c r="CK26" s="113">
        <v>4134769</v>
      </c>
      <c r="CL26" s="116">
        <v>4175887</v>
      </c>
      <c r="CM26" s="110">
        <v>0</v>
      </c>
      <c r="CN26" s="114">
        <v>0</v>
      </c>
      <c r="CO26" s="113">
        <v>0</v>
      </c>
      <c r="CP26" s="111">
        <v>0</v>
      </c>
      <c r="CQ26" s="114">
        <v>638404</v>
      </c>
      <c r="CR26" s="114">
        <v>956742</v>
      </c>
      <c r="CS26" s="114">
        <v>891608</v>
      </c>
      <c r="CT26" s="114">
        <v>319439</v>
      </c>
      <c r="CU26" s="114">
        <v>313205</v>
      </c>
      <c r="CV26" s="113">
        <v>3119398</v>
      </c>
      <c r="CW26" s="116">
        <v>3119398</v>
      </c>
      <c r="CX26" s="110">
        <v>41118</v>
      </c>
      <c r="CY26" s="114">
        <v>0</v>
      </c>
      <c r="CZ26" s="113">
        <v>41118</v>
      </c>
      <c r="DA26" s="110">
        <v>0</v>
      </c>
      <c r="DB26" s="114">
        <v>407741</v>
      </c>
      <c r="DC26" s="114">
        <v>454066</v>
      </c>
      <c r="DD26" s="114">
        <v>120995</v>
      </c>
      <c r="DE26" s="114">
        <v>32569</v>
      </c>
      <c r="DF26" s="114">
        <v>0</v>
      </c>
      <c r="DG26" s="113">
        <v>1015371</v>
      </c>
      <c r="DH26" s="116">
        <v>1056489</v>
      </c>
      <c r="DI26" s="110">
        <v>0</v>
      </c>
      <c r="DJ26" s="114">
        <v>0</v>
      </c>
      <c r="DK26" s="112">
        <v>0</v>
      </c>
      <c r="DL26" s="111">
        <v>0</v>
      </c>
      <c r="DM26" s="114">
        <v>197887</v>
      </c>
      <c r="DN26" s="114">
        <v>69227</v>
      </c>
      <c r="DO26" s="114">
        <v>1228966</v>
      </c>
      <c r="DP26" s="114">
        <v>977433</v>
      </c>
      <c r="DQ26" s="114">
        <v>171078</v>
      </c>
      <c r="DR26" s="113">
        <v>2644591</v>
      </c>
      <c r="DS26" s="116">
        <v>2644591</v>
      </c>
      <c r="DT26" s="110">
        <v>0</v>
      </c>
      <c r="DU26" s="114">
        <v>0</v>
      </c>
      <c r="DV26" s="113">
        <v>0</v>
      </c>
      <c r="DW26" s="110">
        <v>0</v>
      </c>
      <c r="DX26" s="114">
        <v>197887</v>
      </c>
      <c r="DY26" s="114">
        <v>41498</v>
      </c>
      <c r="DZ26" s="114">
        <v>1228966</v>
      </c>
      <c r="EA26" s="114">
        <v>977433</v>
      </c>
      <c r="EB26" s="114">
        <v>171078</v>
      </c>
      <c r="EC26" s="113">
        <v>2616862</v>
      </c>
      <c r="ED26" s="116">
        <v>2616862</v>
      </c>
      <c r="EE26" s="110">
        <v>0</v>
      </c>
      <c r="EF26" s="112">
        <v>0</v>
      </c>
      <c r="EG26" s="113">
        <v>0</v>
      </c>
      <c r="EH26" s="110">
        <v>0</v>
      </c>
      <c r="EI26" s="114">
        <v>0</v>
      </c>
      <c r="EJ26" s="114">
        <v>27729</v>
      </c>
      <c r="EK26" s="114">
        <v>0</v>
      </c>
      <c r="EL26" s="114">
        <v>0</v>
      </c>
      <c r="EM26" s="114">
        <v>0</v>
      </c>
      <c r="EN26" s="112">
        <v>27729</v>
      </c>
      <c r="EO26" s="116">
        <v>27729</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5"/>
      <c r="FE26" s="114">
        <v>0</v>
      </c>
      <c r="FF26" s="114">
        <v>0</v>
      </c>
      <c r="FG26" s="114">
        <v>0</v>
      </c>
      <c r="FH26" s="114">
        <v>0</v>
      </c>
      <c r="FI26" s="114">
        <v>0</v>
      </c>
      <c r="FJ26" s="113">
        <v>0</v>
      </c>
      <c r="FK26" s="116">
        <v>0</v>
      </c>
      <c r="FL26" s="110">
        <v>18208</v>
      </c>
      <c r="FM26" s="114">
        <v>67760</v>
      </c>
      <c r="FN26" s="113">
        <v>85968</v>
      </c>
      <c r="FO26" s="110">
        <v>0</v>
      </c>
      <c r="FP26" s="114">
        <v>97552</v>
      </c>
      <c r="FQ26" s="114">
        <v>736512</v>
      </c>
      <c r="FR26" s="114">
        <v>342472</v>
      </c>
      <c r="FS26" s="114">
        <v>363544</v>
      </c>
      <c r="FT26" s="114">
        <v>173968</v>
      </c>
      <c r="FU26" s="113">
        <v>1714048</v>
      </c>
      <c r="FV26" s="116">
        <v>1800016</v>
      </c>
      <c r="FW26" s="115">
        <v>18208</v>
      </c>
      <c r="FX26" s="114">
        <v>67760</v>
      </c>
      <c r="FY26" s="112">
        <v>85968</v>
      </c>
      <c r="FZ26" s="111">
        <v>0</v>
      </c>
      <c r="GA26" s="114">
        <v>97552</v>
      </c>
      <c r="GB26" s="114">
        <v>489336</v>
      </c>
      <c r="GC26" s="114">
        <v>342472</v>
      </c>
      <c r="GD26" s="114">
        <v>363544</v>
      </c>
      <c r="GE26" s="114">
        <v>173968</v>
      </c>
      <c r="GF26" s="113">
        <v>1466872</v>
      </c>
      <c r="GG26" s="316">
        <v>1552840</v>
      </c>
      <c r="GH26" s="115">
        <v>0</v>
      </c>
      <c r="GI26" s="114">
        <v>0</v>
      </c>
      <c r="GJ26" s="112">
        <v>0</v>
      </c>
      <c r="GK26" s="111">
        <v>0</v>
      </c>
      <c r="GL26" s="114">
        <v>0</v>
      </c>
      <c r="GM26" s="114">
        <v>0</v>
      </c>
      <c r="GN26" s="114">
        <v>0</v>
      </c>
      <c r="GO26" s="114">
        <v>0</v>
      </c>
      <c r="GP26" s="114">
        <v>0</v>
      </c>
      <c r="GQ26" s="113">
        <v>0</v>
      </c>
      <c r="GR26" s="116">
        <v>0</v>
      </c>
      <c r="GS26" s="110">
        <v>0</v>
      </c>
      <c r="GT26" s="114">
        <v>0</v>
      </c>
      <c r="GU26" s="113">
        <v>0</v>
      </c>
      <c r="GV26" s="110">
        <v>0</v>
      </c>
      <c r="GW26" s="114">
        <v>0</v>
      </c>
      <c r="GX26" s="114">
        <v>247176</v>
      </c>
      <c r="GY26" s="114">
        <v>0</v>
      </c>
      <c r="GZ26" s="114">
        <v>0</v>
      </c>
      <c r="HA26" s="114">
        <v>0</v>
      </c>
      <c r="HB26" s="112">
        <v>247176</v>
      </c>
      <c r="HC26" s="116">
        <v>247176</v>
      </c>
      <c r="HD26" s="110">
        <v>32151</v>
      </c>
      <c r="HE26" s="114">
        <v>92503</v>
      </c>
      <c r="HF26" s="112">
        <v>124654</v>
      </c>
      <c r="HG26" s="111">
        <v>0</v>
      </c>
      <c r="HH26" s="114">
        <v>640961</v>
      </c>
      <c r="HI26" s="114">
        <v>614426</v>
      </c>
      <c r="HJ26" s="114">
        <v>722692</v>
      </c>
      <c r="HK26" s="114">
        <v>973346</v>
      </c>
      <c r="HL26" s="114">
        <v>493399</v>
      </c>
      <c r="HM26" s="113">
        <v>3444824</v>
      </c>
      <c r="HN26" s="109">
        <v>3569478</v>
      </c>
      <c r="HO26" s="326"/>
      <c r="HP26" s="327"/>
      <c r="HQ26" s="328"/>
      <c r="HR26" s="329"/>
      <c r="HS26" s="327"/>
      <c r="HT26" s="327"/>
      <c r="HU26" s="327"/>
      <c r="HV26" s="327"/>
      <c r="HW26" s="327"/>
      <c r="HX26" s="330"/>
      <c r="HY26" s="331"/>
      <c r="HZ26" s="150">
        <v>0</v>
      </c>
      <c r="IA26" s="135">
        <v>0</v>
      </c>
      <c r="IB26" s="150">
        <v>0</v>
      </c>
      <c r="IC26" s="134">
        <v>0</v>
      </c>
      <c r="ID26" s="135">
        <v>512875</v>
      </c>
      <c r="IE26" s="136">
        <v>1058640</v>
      </c>
      <c r="IF26" s="137">
        <v>772085</v>
      </c>
      <c r="IG26" s="135">
        <v>944333</v>
      </c>
      <c r="IH26" s="137">
        <v>0</v>
      </c>
      <c r="II26" s="138">
        <v>3287933</v>
      </c>
      <c r="IJ26" s="150">
        <v>3287933</v>
      </c>
      <c r="IK26" s="232">
        <v>0</v>
      </c>
      <c r="IL26" s="236">
        <v>0</v>
      </c>
      <c r="IM26" s="237">
        <v>0</v>
      </c>
      <c r="IN26" s="140"/>
      <c r="IO26" s="119">
        <v>0</v>
      </c>
      <c r="IP26" s="119">
        <v>123717</v>
      </c>
      <c r="IQ26" s="119">
        <v>0</v>
      </c>
      <c r="IR26" s="119">
        <v>0</v>
      </c>
      <c r="IS26" s="119">
        <v>0</v>
      </c>
      <c r="IT26" s="141">
        <v>123717</v>
      </c>
      <c r="IU26" s="318">
        <v>123717</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275009</v>
      </c>
      <c r="JL26" s="119">
        <v>432396</v>
      </c>
      <c r="JM26" s="119">
        <v>86473</v>
      </c>
      <c r="JN26" s="119">
        <v>161764</v>
      </c>
      <c r="JO26" s="119">
        <v>0</v>
      </c>
      <c r="JP26" s="120">
        <v>955642</v>
      </c>
      <c r="JQ26" s="318">
        <v>955642</v>
      </c>
      <c r="JR26" s="142">
        <v>0</v>
      </c>
      <c r="JS26" s="119">
        <v>0</v>
      </c>
      <c r="JT26" s="141">
        <v>0</v>
      </c>
      <c r="JU26" s="118">
        <v>0</v>
      </c>
      <c r="JV26" s="119">
        <v>0</v>
      </c>
      <c r="JW26" s="119">
        <v>0</v>
      </c>
      <c r="JX26" s="119">
        <v>0</v>
      </c>
      <c r="JY26" s="119">
        <v>0</v>
      </c>
      <c r="JZ26" s="119">
        <v>0</v>
      </c>
      <c r="KA26" s="120">
        <v>0</v>
      </c>
      <c r="KB26" s="318">
        <v>0</v>
      </c>
      <c r="KC26" s="234">
        <v>0</v>
      </c>
      <c r="KD26" s="230">
        <v>0</v>
      </c>
      <c r="KE26" s="120">
        <v>0</v>
      </c>
      <c r="KF26" s="118">
        <v>0</v>
      </c>
      <c r="KG26" s="119">
        <v>0</v>
      </c>
      <c r="KH26" s="119">
        <v>0</v>
      </c>
      <c r="KI26" s="119">
        <v>685612</v>
      </c>
      <c r="KJ26" s="119">
        <v>0</v>
      </c>
      <c r="KK26" s="119">
        <v>0</v>
      </c>
      <c r="KL26" s="120">
        <v>685612</v>
      </c>
      <c r="KM26" s="143">
        <v>685612</v>
      </c>
      <c r="KN26" s="232">
        <v>0</v>
      </c>
      <c r="KO26" s="236">
        <v>0</v>
      </c>
      <c r="KP26" s="237">
        <v>0</v>
      </c>
      <c r="KQ26" s="140"/>
      <c r="KR26" s="119">
        <v>237866</v>
      </c>
      <c r="KS26" s="119">
        <v>502527</v>
      </c>
      <c r="KT26" s="119">
        <v>0</v>
      </c>
      <c r="KU26" s="119">
        <v>782569</v>
      </c>
      <c r="KV26" s="119">
        <v>0</v>
      </c>
      <c r="KW26" s="120">
        <v>1522962</v>
      </c>
      <c r="KX26" s="318">
        <v>1522962</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18">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26680</v>
      </c>
      <c r="ML26" s="119">
        <v>2459447</v>
      </c>
      <c r="MM26" s="119">
        <v>3330205</v>
      </c>
      <c r="MN26" s="119">
        <v>2117110</v>
      </c>
      <c r="MO26" s="120">
        <v>8133442</v>
      </c>
      <c r="MP26" s="143">
        <v>8133442</v>
      </c>
      <c r="MQ26" s="142">
        <v>0</v>
      </c>
      <c r="MR26" s="119">
        <v>0</v>
      </c>
      <c r="MS26" s="120">
        <v>0</v>
      </c>
      <c r="MT26" s="145"/>
      <c r="MU26" s="119">
        <v>0</v>
      </c>
      <c r="MV26" s="119">
        <v>0</v>
      </c>
      <c r="MW26" s="119">
        <v>2227232</v>
      </c>
      <c r="MX26" s="119">
        <v>3083318</v>
      </c>
      <c r="MY26" s="119">
        <v>1499614</v>
      </c>
      <c r="MZ26" s="120">
        <v>6810164</v>
      </c>
      <c r="NA26" s="143">
        <v>6810164</v>
      </c>
      <c r="NB26" s="142">
        <v>0</v>
      </c>
      <c r="NC26" s="119">
        <v>0</v>
      </c>
      <c r="ND26" s="120">
        <v>0</v>
      </c>
      <c r="NE26" s="145"/>
      <c r="NF26" s="119">
        <v>0</v>
      </c>
      <c r="NG26" s="119">
        <v>226680</v>
      </c>
      <c r="NH26" s="119">
        <v>232215</v>
      </c>
      <c r="NI26" s="119">
        <v>246887</v>
      </c>
      <c r="NJ26" s="119">
        <v>617496</v>
      </c>
      <c r="NK26" s="120">
        <v>1323278</v>
      </c>
      <c r="NL26" s="318">
        <v>1323278</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0</v>
      </c>
      <c r="OG26" s="120">
        <v>0</v>
      </c>
      <c r="OH26" s="121">
        <v>0</v>
      </c>
      <c r="OI26" s="142">
        <v>226528</v>
      </c>
      <c r="OJ26" s="119">
        <v>421081</v>
      </c>
      <c r="OK26" s="141">
        <v>647609</v>
      </c>
      <c r="OL26" s="118">
        <v>0</v>
      </c>
      <c r="OM26" s="119">
        <v>3495205</v>
      </c>
      <c r="ON26" s="119">
        <v>5829809</v>
      </c>
      <c r="OO26" s="119">
        <v>7303702</v>
      </c>
      <c r="OP26" s="119">
        <v>9346294</v>
      </c>
      <c r="OQ26" s="119">
        <v>4608580</v>
      </c>
      <c r="OR26" s="120">
        <v>30583590</v>
      </c>
      <c r="OS26" s="143">
        <v>31231199</v>
      </c>
    </row>
    <row r="27" spans="2:409" ht="21" customHeight="1" x14ac:dyDescent="0.2">
      <c r="B27" s="126" t="s">
        <v>22</v>
      </c>
      <c r="C27" s="110">
        <v>60608</v>
      </c>
      <c r="D27" s="114">
        <v>267992</v>
      </c>
      <c r="E27" s="113">
        <v>328600</v>
      </c>
      <c r="F27" s="109">
        <v>0</v>
      </c>
      <c r="G27" s="114">
        <v>1650153</v>
      </c>
      <c r="H27" s="114">
        <v>1761339</v>
      </c>
      <c r="I27" s="114">
        <v>1710362</v>
      </c>
      <c r="J27" s="114">
        <v>1894480</v>
      </c>
      <c r="K27" s="114">
        <v>810221</v>
      </c>
      <c r="L27" s="173">
        <v>7826555</v>
      </c>
      <c r="M27" s="116">
        <v>8155155</v>
      </c>
      <c r="N27" s="110">
        <v>4768</v>
      </c>
      <c r="O27" s="114">
        <v>27360</v>
      </c>
      <c r="P27" s="113">
        <v>32128</v>
      </c>
      <c r="Q27" s="110">
        <v>0</v>
      </c>
      <c r="R27" s="114">
        <v>366084</v>
      </c>
      <c r="S27" s="114">
        <v>420035</v>
      </c>
      <c r="T27" s="114">
        <v>281835</v>
      </c>
      <c r="U27" s="114">
        <v>669182</v>
      </c>
      <c r="V27" s="114">
        <v>493109</v>
      </c>
      <c r="W27" s="113">
        <v>2230245</v>
      </c>
      <c r="X27" s="116">
        <v>2262373</v>
      </c>
      <c r="Y27" s="110">
        <v>0</v>
      </c>
      <c r="Z27" s="114">
        <v>0</v>
      </c>
      <c r="AA27" s="113">
        <v>0</v>
      </c>
      <c r="AB27" s="110">
        <v>0</v>
      </c>
      <c r="AC27" s="114">
        <v>175284</v>
      </c>
      <c r="AD27" s="114">
        <v>169219</v>
      </c>
      <c r="AE27" s="114">
        <v>64704</v>
      </c>
      <c r="AF27" s="114">
        <v>445153</v>
      </c>
      <c r="AG27" s="114">
        <v>400845</v>
      </c>
      <c r="AH27" s="113">
        <v>1255205</v>
      </c>
      <c r="AI27" s="116">
        <v>1255205</v>
      </c>
      <c r="AJ27" s="110">
        <v>0</v>
      </c>
      <c r="AK27" s="114">
        <v>0</v>
      </c>
      <c r="AL27" s="113">
        <v>0</v>
      </c>
      <c r="AM27" s="110">
        <v>0</v>
      </c>
      <c r="AN27" s="114">
        <v>46112</v>
      </c>
      <c r="AO27" s="114">
        <v>0</v>
      </c>
      <c r="AP27" s="114">
        <v>0</v>
      </c>
      <c r="AQ27" s="114">
        <v>0</v>
      </c>
      <c r="AR27" s="114">
        <v>0</v>
      </c>
      <c r="AS27" s="113">
        <v>46112</v>
      </c>
      <c r="AT27" s="116">
        <v>46112</v>
      </c>
      <c r="AU27" s="110">
        <v>0</v>
      </c>
      <c r="AV27" s="114">
        <v>11888</v>
      </c>
      <c r="AW27" s="113">
        <v>11888</v>
      </c>
      <c r="AX27" s="110">
        <v>0</v>
      </c>
      <c r="AY27" s="114">
        <v>102200</v>
      </c>
      <c r="AZ27" s="114">
        <v>101726</v>
      </c>
      <c r="BA27" s="114">
        <v>155395</v>
      </c>
      <c r="BB27" s="114">
        <v>126149</v>
      </c>
      <c r="BC27" s="114">
        <v>62856</v>
      </c>
      <c r="BD27" s="113">
        <v>548326</v>
      </c>
      <c r="BE27" s="116">
        <v>560214</v>
      </c>
      <c r="BF27" s="110">
        <v>0</v>
      </c>
      <c r="BG27" s="114">
        <v>0</v>
      </c>
      <c r="BH27" s="112">
        <v>0</v>
      </c>
      <c r="BI27" s="111">
        <v>0</v>
      </c>
      <c r="BJ27" s="114">
        <v>0</v>
      </c>
      <c r="BK27" s="114">
        <v>70642</v>
      </c>
      <c r="BL27" s="114">
        <v>22944</v>
      </c>
      <c r="BM27" s="114">
        <v>0</v>
      </c>
      <c r="BN27" s="114">
        <v>0</v>
      </c>
      <c r="BO27" s="113">
        <v>93586</v>
      </c>
      <c r="BP27" s="116">
        <v>93586</v>
      </c>
      <c r="BQ27" s="110">
        <v>4768</v>
      </c>
      <c r="BR27" s="114">
        <v>15472</v>
      </c>
      <c r="BS27" s="113">
        <v>20240</v>
      </c>
      <c r="BT27" s="110">
        <v>0</v>
      </c>
      <c r="BU27" s="114">
        <v>42488</v>
      </c>
      <c r="BV27" s="114">
        <v>78448</v>
      </c>
      <c r="BW27" s="114">
        <v>38792</v>
      </c>
      <c r="BX27" s="114">
        <v>97880</v>
      </c>
      <c r="BY27" s="114">
        <v>29408</v>
      </c>
      <c r="BZ27" s="113">
        <v>287016</v>
      </c>
      <c r="CA27" s="116">
        <v>307256</v>
      </c>
      <c r="CB27" s="110">
        <v>0</v>
      </c>
      <c r="CC27" s="114">
        <v>35712</v>
      </c>
      <c r="CD27" s="113">
        <v>35712</v>
      </c>
      <c r="CE27" s="110">
        <v>0</v>
      </c>
      <c r="CF27" s="114">
        <v>465420</v>
      </c>
      <c r="CG27" s="114">
        <v>632407</v>
      </c>
      <c r="CH27" s="114">
        <v>556036</v>
      </c>
      <c r="CI27" s="114">
        <v>391960</v>
      </c>
      <c r="CJ27" s="114">
        <v>216536</v>
      </c>
      <c r="CK27" s="113">
        <v>2262359</v>
      </c>
      <c r="CL27" s="116">
        <v>2298071</v>
      </c>
      <c r="CM27" s="110">
        <v>0</v>
      </c>
      <c r="CN27" s="114">
        <v>0</v>
      </c>
      <c r="CO27" s="113">
        <v>0</v>
      </c>
      <c r="CP27" s="111">
        <v>0</v>
      </c>
      <c r="CQ27" s="114">
        <v>338780</v>
      </c>
      <c r="CR27" s="114">
        <v>484992</v>
      </c>
      <c r="CS27" s="114">
        <v>446220</v>
      </c>
      <c r="CT27" s="114">
        <v>313656</v>
      </c>
      <c r="CU27" s="114">
        <v>129064</v>
      </c>
      <c r="CV27" s="113">
        <v>1712712</v>
      </c>
      <c r="CW27" s="116">
        <v>1712712</v>
      </c>
      <c r="CX27" s="110">
        <v>0</v>
      </c>
      <c r="CY27" s="114">
        <v>35712</v>
      </c>
      <c r="CZ27" s="113">
        <v>35712</v>
      </c>
      <c r="DA27" s="110">
        <v>0</v>
      </c>
      <c r="DB27" s="114">
        <v>126640</v>
      </c>
      <c r="DC27" s="114">
        <v>147415</v>
      </c>
      <c r="DD27" s="114">
        <v>109816</v>
      </c>
      <c r="DE27" s="114">
        <v>78304</v>
      </c>
      <c r="DF27" s="114">
        <v>87472</v>
      </c>
      <c r="DG27" s="113">
        <v>549647</v>
      </c>
      <c r="DH27" s="116">
        <v>585359</v>
      </c>
      <c r="DI27" s="110">
        <v>0</v>
      </c>
      <c r="DJ27" s="114">
        <v>0</v>
      </c>
      <c r="DK27" s="112">
        <v>0</v>
      </c>
      <c r="DL27" s="111">
        <v>0</v>
      </c>
      <c r="DM27" s="114">
        <v>156949</v>
      </c>
      <c r="DN27" s="114">
        <v>0</v>
      </c>
      <c r="DO27" s="114">
        <v>90627</v>
      </c>
      <c r="DP27" s="114">
        <v>219922</v>
      </c>
      <c r="DQ27" s="114">
        <v>0</v>
      </c>
      <c r="DR27" s="113">
        <v>467498</v>
      </c>
      <c r="DS27" s="116">
        <v>467498</v>
      </c>
      <c r="DT27" s="110">
        <v>0</v>
      </c>
      <c r="DU27" s="114">
        <v>0</v>
      </c>
      <c r="DV27" s="113">
        <v>0</v>
      </c>
      <c r="DW27" s="110">
        <v>0</v>
      </c>
      <c r="DX27" s="114">
        <v>156949</v>
      </c>
      <c r="DY27" s="114">
        <v>0</v>
      </c>
      <c r="DZ27" s="114">
        <v>90627</v>
      </c>
      <c r="EA27" s="114">
        <v>219922</v>
      </c>
      <c r="EB27" s="114">
        <v>0</v>
      </c>
      <c r="EC27" s="113">
        <v>467498</v>
      </c>
      <c r="ED27" s="116">
        <v>467498</v>
      </c>
      <c r="EE27" s="110">
        <v>0</v>
      </c>
      <c r="EF27" s="112">
        <v>0</v>
      </c>
      <c r="EG27" s="113">
        <v>0</v>
      </c>
      <c r="EH27" s="110">
        <v>0</v>
      </c>
      <c r="EI27" s="114">
        <v>0</v>
      </c>
      <c r="EJ27" s="114">
        <v>0</v>
      </c>
      <c r="EK27" s="114">
        <v>0</v>
      </c>
      <c r="EL27" s="114">
        <v>0</v>
      </c>
      <c r="EM27" s="114">
        <v>0</v>
      </c>
      <c r="EN27" s="112">
        <v>0</v>
      </c>
      <c r="EO27" s="116">
        <v>0</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5"/>
      <c r="FE27" s="114">
        <v>0</v>
      </c>
      <c r="FF27" s="114">
        <v>0</v>
      </c>
      <c r="FG27" s="114">
        <v>0</v>
      </c>
      <c r="FH27" s="114">
        <v>0</v>
      </c>
      <c r="FI27" s="114">
        <v>0</v>
      </c>
      <c r="FJ27" s="113">
        <v>0</v>
      </c>
      <c r="FK27" s="116">
        <v>0</v>
      </c>
      <c r="FL27" s="110">
        <v>55840</v>
      </c>
      <c r="FM27" s="114">
        <v>116400</v>
      </c>
      <c r="FN27" s="113">
        <v>172240</v>
      </c>
      <c r="FO27" s="110">
        <v>0</v>
      </c>
      <c r="FP27" s="114">
        <v>70080</v>
      </c>
      <c r="FQ27" s="114">
        <v>180752</v>
      </c>
      <c r="FR27" s="114">
        <v>144688</v>
      </c>
      <c r="FS27" s="114">
        <v>196712</v>
      </c>
      <c r="FT27" s="114">
        <v>100576</v>
      </c>
      <c r="FU27" s="113">
        <v>692808</v>
      </c>
      <c r="FV27" s="116">
        <v>865048</v>
      </c>
      <c r="FW27" s="115">
        <v>4800</v>
      </c>
      <c r="FX27" s="114">
        <v>58160</v>
      </c>
      <c r="FY27" s="112">
        <v>62960</v>
      </c>
      <c r="FZ27" s="111">
        <v>0</v>
      </c>
      <c r="GA27" s="114">
        <v>70080</v>
      </c>
      <c r="GB27" s="114">
        <v>155232</v>
      </c>
      <c r="GC27" s="114">
        <v>144688</v>
      </c>
      <c r="GD27" s="114">
        <v>196712</v>
      </c>
      <c r="GE27" s="114">
        <v>100576</v>
      </c>
      <c r="GF27" s="113">
        <v>667288</v>
      </c>
      <c r="GG27" s="316">
        <v>730248</v>
      </c>
      <c r="GH27" s="115">
        <v>51040</v>
      </c>
      <c r="GI27" s="114">
        <v>0</v>
      </c>
      <c r="GJ27" s="112">
        <v>51040</v>
      </c>
      <c r="GK27" s="111">
        <v>0</v>
      </c>
      <c r="GL27" s="114">
        <v>0</v>
      </c>
      <c r="GM27" s="114">
        <v>25520</v>
      </c>
      <c r="GN27" s="114">
        <v>0</v>
      </c>
      <c r="GO27" s="114">
        <v>0</v>
      </c>
      <c r="GP27" s="114">
        <v>0</v>
      </c>
      <c r="GQ27" s="113">
        <v>25520</v>
      </c>
      <c r="GR27" s="116">
        <v>76560</v>
      </c>
      <c r="GS27" s="110">
        <v>0</v>
      </c>
      <c r="GT27" s="114">
        <v>58240</v>
      </c>
      <c r="GU27" s="113">
        <v>58240</v>
      </c>
      <c r="GV27" s="110">
        <v>0</v>
      </c>
      <c r="GW27" s="114">
        <v>0</v>
      </c>
      <c r="GX27" s="114">
        <v>0</v>
      </c>
      <c r="GY27" s="114">
        <v>0</v>
      </c>
      <c r="GZ27" s="114">
        <v>0</v>
      </c>
      <c r="HA27" s="114">
        <v>0</v>
      </c>
      <c r="HB27" s="112">
        <v>0</v>
      </c>
      <c r="HC27" s="116">
        <v>58240</v>
      </c>
      <c r="HD27" s="110">
        <v>0</v>
      </c>
      <c r="HE27" s="114">
        <v>88520</v>
      </c>
      <c r="HF27" s="112">
        <v>88520</v>
      </c>
      <c r="HG27" s="111">
        <v>0</v>
      </c>
      <c r="HH27" s="114">
        <v>591620</v>
      </c>
      <c r="HI27" s="114">
        <v>528145</v>
      </c>
      <c r="HJ27" s="114">
        <v>637176</v>
      </c>
      <c r="HK27" s="114">
        <v>416704</v>
      </c>
      <c r="HL27" s="114">
        <v>0</v>
      </c>
      <c r="HM27" s="113">
        <v>2173645</v>
      </c>
      <c r="HN27" s="109">
        <v>2262165</v>
      </c>
      <c r="HO27" s="326"/>
      <c r="HP27" s="327"/>
      <c r="HQ27" s="328"/>
      <c r="HR27" s="329"/>
      <c r="HS27" s="327"/>
      <c r="HT27" s="327"/>
      <c r="HU27" s="327"/>
      <c r="HV27" s="327"/>
      <c r="HW27" s="327"/>
      <c r="HX27" s="330"/>
      <c r="HY27" s="331"/>
      <c r="HZ27" s="131">
        <v>0</v>
      </c>
      <c r="IA27" s="132">
        <v>0</v>
      </c>
      <c r="IB27" s="133">
        <v>0</v>
      </c>
      <c r="IC27" s="146">
        <v>0</v>
      </c>
      <c r="ID27" s="132">
        <v>622606</v>
      </c>
      <c r="IE27" s="147">
        <v>1344219</v>
      </c>
      <c r="IF27" s="133">
        <v>171896</v>
      </c>
      <c r="IG27" s="132">
        <v>1077280</v>
      </c>
      <c r="IH27" s="133">
        <v>0</v>
      </c>
      <c r="II27" s="148">
        <v>3216001</v>
      </c>
      <c r="IJ27" s="139">
        <v>3216001</v>
      </c>
      <c r="IK27" s="232">
        <v>0</v>
      </c>
      <c r="IL27" s="236">
        <v>0</v>
      </c>
      <c r="IM27" s="237">
        <v>0</v>
      </c>
      <c r="IN27" s="140"/>
      <c r="IO27" s="119">
        <v>0</v>
      </c>
      <c r="IP27" s="119">
        <v>0</v>
      </c>
      <c r="IQ27" s="119">
        <v>171896</v>
      </c>
      <c r="IR27" s="119">
        <v>0</v>
      </c>
      <c r="IS27" s="119">
        <v>0</v>
      </c>
      <c r="IT27" s="141">
        <v>171896</v>
      </c>
      <c r="IU27" s="318">
        <v>171896</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96400</v>
      </c>
      <c r="JL27" s="119">
        <v>158144</v>
      </c>
      <c r="JM27" s="119">
        <v>0</v>
      </c>
      <c r="JN27" s="119">
        <v>105584</v>
      </c>
      <c r="JO27" s="119">
        <v>0</v>
      </c>
      <c r="JP27" s="120">
        <v>460128</v>
      </c>
      <c r="JQ27" s="318">
        <v>460128</v>
      </c>
      <c r="JR27" s="142">
        <v>0</v>
      </c>
      <c r="JS27" s="119">
        <v>0</v>
      </c>
      <c r="JT27" s="141">
        <v>0</v>
      </c>
      <c r="JU27" s="118">
        <v>0</v>
      </c>
      <c r="JV27" s="119">
        <v>0</v>
      </c>
      <c r="JW27" s="119">
        <v>0</v>
      </c>
      <c r="JX27" s="119">
        <v>0</v>
      </c>
      <c r="JY27" s="119">
        <v>143528</v>
      </c>
      <c r="JZ27" s="119">
        <v>0</v>
      </c>
      <c r="KA27" s="120">
        <v>143528</v>
      </c>
      <c r="KB27" s="318">
        <v>143528</v>
      </c>
      <c r="KC27" s="234">
        <v>0</v>
      </c>
      <c r="KD27" s="230">
        <v>0</v>
      </c>
      <c r="KE27" s="120">
        <v>0</v>
      </c>
      <c r="KF27" s="118">
        <v>0</v>
      </c>
      <c r="KG27" s="119">
        <v>195688</v>
      </c>
      <c r="KH27" s="119">
        <v>459800</v>
      </c>
      <c r="KI27" s="119">
        <v>0</v>
      </c>
      <c r="KJ27" s="119">
        <v>32184</v>
      </c>
      <c r="KK27" s="119">
        <v>0</v>
      </c>
      <c r="KL27" s="120">
        <v>687672</v>
      </c>
      <c r="KM27" s="143">
        <v>687672</v>
      </c>
      <c r="KN27" s="232">
        <v>0</v>
      </c>
      <c r="KO27" s="236">
        <v>0</v>
      </c>
      <c r="KP27" s="237">
        <v>0</v>
      </c>
      <c r="KQ27" s="140"/>
      <c r="KR27" s="119">
        <v>230518</v>
      </c>
      <c r="KS27" s="119">
        <v>726275</v>
      </c>
      <c r="KT27" s="119">
        <v>0</v>
      </c>
      <c r="KU27" s="119">
        <v>0</v>
      </c>
      <c r="KV27" s="119">
        <v>0</v>
      </c>
      <c r="KW27" s="120">
        <v>956793</v>
      </c>
      <c r="KX27" s="318">
        <v>956793</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795984</v>
      </c>
      <c r="LR27" s="119">
        <v>0</v>
      </c>
      <c r="LS27" s="120">
        <v>795984</v>
      </c>
      <c r="LT27" s="318">
        <v>795984</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94176</v>
      </c>
      <c r="MK27" s="119">
        <v>314016</v>
      </c>
      <c r="ML27" s="119">
        <v>862972</v>
      </c>
      <c r="MM27" s="119">
        <v>1617113</v>
      </c>
      <c r="MN27" s="119">
        <v>550563</v>
      </c>
      <c r="MO27" s="120">
        <v>3438840</v>
      </c>
      <c r="MP27" s="143">
        <v>3438840</v>
      </c>
      <c r="MQ27" s="142">
        <v>0</v>
      </c>
      <c r="MR27" s="119">
        <v>0</v>
      </c>
      <c r="MS27" s="120">
        <v>0</v>
      </c>
      <c r="MT27" s="145"/>
      <c r="MU27" s="119">
        <v>0</v>
      </c>
      <c r="MV27" s="119">
        <v>0</v>
      </c>
      <c r="MW27" s="119">
        <v>581768</v>
      </c>
      <c r="MX27" s="119">
        <v>921165</v>
      </c>
      <c r="MY27" s="119">
        <v>550563</v>
      </c>
      <c r="MZ27" s="120">
        <v>2053496</v>
      </c>
      <c r="NA27" s="143">
        <v>2053496</v>
      </c>
      <c r="NB27" s="142">
        <v>0</v>
      </c>
      <c r="NC27" s="119">
        <v>0</v>
      </c>
      <c r="ND27" s="120">
        <v>0</v>
      </c>
      <c r="NE27" s="145"/>
      <c r="NF27" s="119">
        <v>94176</v>
      </c>
      <c r="NG27" s="119">
        <v>314016</v>
      </c>
      <c r="NH27" s="119">
        <v>281204</v>
      </c>
      <c r="NI27" s="119">
        <v>695948</v>
      </c>
      <c r="NJ27" s="119">
        <v>0</v>
      </c>
      <c r="NK27" s="120">
        <v>1385344</v>
      </c>
      <c r="NL27" s="318">
        <v>1385344</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60608</v>
      </c>
      <c r="OJ27" s="119">
        <v>267992</v>
      </c>
      <c r="OK27" s="141">
        <v>328600</v>
      </c>
      <c r="OL27" s="118">
        <v>0</v>
      </c>
      <c r="OM27" s="119">
        <v>2366935</v>
      </c>
      <c r="ON27" s="119">
        <v>3419574</v>
      </c>
      <c r="OO27" s="119">
        <v>2745230</v>
      </c>
      <c r="OP27" s="119">
        <v>4588873</v>
      </c>
      <c r="OQ27" s="119">
        <v>1360784</v>
      </c>
      <c r="OR27" s="120">
        <v>14481396</v>
      </c>
      <c r="OS27" s="143">
        <v>14809996</v>
      </c>
    </row>
    <row r="28" spans="2:409" ht="21" customHeight="1" x14ac:dyDescent="0.2">
      <c r="B28" s="126" t="s">
        <v>23</v>
      </c>
      <c r="C28" s="110">
        <v>241350</v>
      </c>
      <c r="D28" s="114">
        <v>409590</v>
      </c>
      <c r="E28" s="113">
        <v>650940</v>
      </c>
      <c r="F28" s="109">
        <v>0</v>
      </c>
      <c r="G28" s="114">
        <v>2694029</v>
      </c>
      <c r="H28" s="114">
        <v>2653738</v>
      </c>
      <c r="I28" s="114">
        <v>2159630</v>
      </c>
      <c r="J28" s="114">
        <v>3374946</v>
      </c>
      <c r="K28" s="114">
        <v>1447396</v>
      </c>
      <c r="L28" s="173">
        <v>12329739</v>
      </c>
      <c r="M28" s="116">
        <v>12980679</v>
      </c>
      <c r="N28" s="110">
        <v>89145</v>
      </c>
      <c r="O28" s="114">
        <v>133667</v>
      </c>
      <c r="P28" s="113">
        <v>222812</v>
      </c>
      <c r="Q28" s="110">
        <v>0</v>
      </c>
      <c r="R28" s="114">
        <v>426967</v>
      </c>
      <c r="S28" s="114">
        <v>1014169</v>
      </c>
      <c r="T28" s="114">
        <v>692207</v>
      </c>
      <c r="U28" s="114">
        <v>366119</v>
      </c>
      <c r="V28" s="114">
        <v>650568</v>
      </c>
      <c r="W28" s="113">
        <v>3150030</v>
      </c>
      <c r="X28" s="116">
        <v>3372842</v>
      </c>
      <c r="Y28" s="110">
        <v>0</v>
      </c>
      <c r="Z28" s="114">
        <v>0</v>
      </c>
      <c r="AA28" s="113">
        <v>0</v>
      </c>
      <c r="AB28" s="110">
        <v>0</v>
      </c>
      <c r="AC28" s="114">
        <v>67135</v>
      </c>
      <c r="AD28" s="114">
        <v>460056</v>
      </c>
      <c r="AE28" s="114">
        <v>440082</v>
      </c>
      <c r="AF28" s="114">
        <v>90613</v>
      </c>
      <c r="AG28" s="114">
        <v>526720</v>
      </c>
      <c r="AH28" s="113">
        <v>1584606</v>
      </c>
      <c r="AI28" s="116">
        <v>1584606</v>
      </c>
      <c r="AJ28" s="110">
        <v>0</v>
      </c>
      <c r="AK28" s="114">
        <v>0</v>
      </c>
      <c r="AL28" s="113">
        <v>0</v>
      </c>
      <c r="AM28" s="110">
        <v>0</v>
      </c>
      <c r="AN28" s="114">
        <v>0</v>
      </c>
      <c r="AO28" s="114">
        <v>59220</v>
      </c>
      <c r="AP28" s="114">
        <v>0</v>
      </c>
      <c r="AQ28" s="114">
        <v>0</v>
      </c>
      <c r="AR28" s="114">
        <v>0</v>
      </c>
      <c r="AS28" s="113">
        <v>59220</v>
      </c>
      <c r="AT28" s="116">
        <v>59220</v>
      </c>
      <c r="AU28" s="110">
        <v>58617</v>
      </c>
      <c r="AV28" s="114">
        <v>133667</v>
      </c>
      <c r="AW28" s="113">
        <v>192284</v>
      </c>
      <c r="AX28" s="110">
        <v>0</v>
      </c>
      <c r="AY28" s="114">
        <v>148920</v>
      </c>
      <c r="AZ28" s="114">
        <v>334496</v>
      </c>
      <c r="BA28" s="114">
        <v>168669</v>
      </c>
      <c r="BB28" s="114">
        <v>62280</v>
      </c>
      <c r="BC28" s="114">
        <v>26336</v>
      </c>
      <c r="BD28" s="113">
        <v>740701</v>
      </c>
      <c r="BE28" s="116">
        <v>932985</v>
      </c>
      <c r="BF28" s="110">
        <v>0</v>
      </c>
      <c r="BG28" s="114">
        <v>0</v>
      </c>
      <c r="BH28" s="112">
        <v>0</v>
      </c>
      <c r="BI28" s="111">
        <v>0</v>
      </c>
      <c r="BJ28" s="114">
        <v>0</v>
      </c>
      <c r="BK28" s="114">
        <v>71325</v>
      </c>
      <c r="BL28" s="114">
        <v>0</v>
      </c>
      <c r="BM28" s="114">
        <v>42706</v>
      </c>
      <c r="BN28" s="114">
        <v>0</v>
      </c>
      <c r="BO28" s="113">
        <v>114031</v>
      </c>
      <c r="BP28" s="116">
        <v>114031</v>
      </c>
      <c r="BQ28" s="110">
        <v>30528</v>
      </c>
      <c r="BR28" s="114">
        <v>0</v>
      </c>
      <c r="BS28" s="113">
        <v>30528</v>
      </c>
      <c r="BT28" s="110">
        <v>0</v>
      </c>
      <c r="BU28" s="114">
        <v>210912</v>
      </c>
      <c r="BV28" s="114">
        <v>89072</v>
      </c>
      <c r="BW28" s="114">
        <v>83456</v>
      </c>
      <c r="BX28" s="114">
        <v>170520</v>
      </c>
      <c r="BY28" s="114">
        <v>97512</v>
      </c>
      <c r="BZ28" s="113">
        <v>651472</v>
      </c>
      <c r="CA28" s="116">
        <v>682000</v>
      </c>
      <c r="CB28" s="110">
        <v>0</v>
      </c>
      <c r="CC28" s="114">
        <v>0</v>
      </c>
      <c r="CD28" s="113">
        <v>0</v>
      </c>
      <c r="CE28" s="110">
        <v>0</v>
      </c>
      <c r="CF28" s="114">
        <v>768840</v>
      </c>
      <c r="CG28" s="114">
        <v>1069239</v>
      </c>
      <c r="CH28" s="114">
        <v>1076179</v>
      </c>
      <c r="CI28" s="114">
        <v>613859</v>
      </c>
      <c r="CJ28" s="114">
        <v>99420</v>
      </c>
      <c r="CK28" s="113">
        <v>3627537</v>
      </c>
      <c r="CL28" s="116">
        <v>3627537</v>
      </c>
      <c r="CM28" s="110">
        <v>0</v>
      </c>
      <c r="CN28" s="114">
        <v>0</v>
      </c>
      <c r="CO28" s="113">
        <v>0</v>
      </c>
      <c r="CP28" s="111">
        <v>0</v>
      </c>
      <c r="CQ28" s="114">
        <v>552170</v>
      </c>
      <c r="CR28" s="114">
        <v>853905</v>
      </c>
      <c r="CS28" s="114">
        <v>773201</v>
      </c>
      <c r="CT28" s="114">
        <v>412617</v>
      </c>
      <c r="CU28" s="114">
        <v>20481</v>
      </c>
      <c r="CV28" s="113">
        <v>2612374</v>
      </c>
      <c r="CW28" s="116">
        <v>2612374</v>
      </c>
      <c r="CX28" s="110">
        <v>0</v>
      </c>
      <c r="CY28" s="114">
        <v>0</v>
      </c>
      <c r="CZ28" s="113">
        <v>0</v>
      </c>
      <c r="DA28" s="110">
        <v>0</v>
      </c>
      <c r="DB28" s="114">
        <v>216670</v>
      </c>
      <c r="DC28" s="114">
        <v>215334</v>
      </c>
      <c r="DD28" s="114">
        <v>302978</v>
      </c>
      <c r="DE28" s="114">
        <v>201242</v>
      </c>
      <c r="DF28" s="114">
        <v>78939</v>
      </c>
      <c r="DG28" s="113">
        <v>1015163</v>
      </c>
      <c r="DH28" s="116">
        <v>1015163</v>
      </c>
      <c r="DI28" s="110">
        <v>0</v>
      </c>
      <c r="DJ28" s="114">
        <v>27395</v>
      </c>
      <c r="DK28" s="112">
        <v>27395</v>
      </c>
      <c r="DL28" s="111">
        <v>0</v>
      </c>
      <c r="DM28" s="114">
        <v>31608</v>
      </c>
      <c r="DN28" s="114">
        <v>212551</v>
      </c>
      <c r="DO28" s="114">
        <v>272956</v>
      </c>
      <c r="DP28" s="114">
        <v>1369810</v>
      </c>
      <c r="DQ28" s="114">
        <v>167958</v>
      </c>
      <c r="DR28" s="113">
        <v>2054883</v>
      </c>
      <c r="DS28" s="116">
        <v>2082278</v>
      </c>
      <c r="DT28" s="110">
        <v>0</v>
      </c>
      <c r="DU28" s="114">
        <v>0</v>
      </c>
      <c r="DV28" s="113">
        <v>0</v>
      </c>
      <c r="DW28" s="110">
        <v>0</v>
      </c>
      <c r="DX28" s="114">
        <v>0</v>
      </c>
      <c r="DY28" s="114">
        <v>212551</v>
      </c>
      <c r="DZ28" s="114">
        <v>272956</v>
      </c>
      <c r="EA28" s="114">
        <v>1369810</v>
      </c>
      <c r="EB28" s="114">
        <v>71317</v>
      </c>
      <c r="EC28" s="113">
        <v>1926634</v>
      </c>
      <c r="ED28" s="116">
        <v>1926634</v>
      </c>
      <c r="EE28" s="110">
        <v>0</v>
      </c>
      <c r="EF28" s="112">
        <v>27395</v>
      </c>
      <c r="EG28" s="113">
        <v>27395</v>
      </c>
      <c r="EH28" s="110">
        <v>0</v>
      </c>
      <c r="EI28" s="114">
        <v>31608</v>
      </c>
      <c r="EJ28" s="114">
        <v>0</v>
      </c>
      <c r="EK28" s="114">
        <v>0</v>
      </c>
      <c r="EL28" s="114">
        <v>0</v>
      </c>
      <c r="EM28" s="114">
        <v>96641</v>
      </c>
      <c r="EN28" s="112">
        <v>128249</v>
      </c>
      <c r="EO28" s="116">
        <v>155644</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5"/>
      <c r="FE28" s="114">
        <v>0</v>
      </c>
      <c r="FF28" s="114">
        <v>0</v>
      </c>
      <c r="FG28" s="114">
        <v>0</v>
      </c>
      <c r="FH28" s="114">
        <v>0</v>
      </c>
      <c r="FI28" s="114">
        <v>0</v>
      </c>
      <c r="FJ28" s="113">
        <v>0</v>
      </c>
      <c r="FK28" s="116">
        <v>0</v>
      </c>
      <c r="FL28" s="110">
        <v>42944</v>
      </c>
      <c r="FM28" s="114">
        <v>248528</v>
      </c>
      <c r="FN28" s="113">
        <v>291472</v>
      </c>
      <c r="FO28" s="110">
        <v>0</v>
      </c>
      <c r="FP28" s="114">
        <v>168824</v>
      </c>
      <c r="FQ28" s="114">
        <v>340384</v>
      </c>
      <c r="FR28" s="114">
        <v>118288</v>
      </c>
      <c r="FS28" s="114">
        <v>148864</v>
      </c>
      <c r="FT28" s="114">
        <v>55360</v>
      </c>
      <c r="FU28" s="113">
        <v>831720</v>
      </c>
      <c r="FV28" s="116">
        <v>1123192</v>
      </c>
      <c r="FW28" s="115">
        <v>18944</v>
      </c>
      <c r="FX28" s="114">
        <v>88528</v>
      </c>
      <c r="FY28" s="112">
        <v>107472</v>
      </c>
      <c r="FZ28" s="111">
        <v>0</v>
      </c>
      <c r="GA28" s="114">
        <v>67304</v>
      </c>
      <c r="GB28" s="114">
        <v>317152</v>
      </c>
      <c r="GC28" s="114">
        <v>118288</v>
      </c>
      <c r="GD28" s="114">
        <v>148864</v>
      </c>
      <c r="GE28" s="114">
        <v>55360</v>
      </c>
      <c r="GF28" s="113">
        <v>706968</v>
      </c>
      <c r="GG28" s="316">
        <v>814440</v>
      </c>
      <c r="GH28" s="115">
        <v>24000</v>
      </c>
      <c r="GI28" s="114">
        <v>0</v>
      </c>
      <c r="GJ28" s="112">
        <v>24000</v>
      </c>
      <c r="GK28" s="111">
        <v>0</v>
      </c>
      <c r="GL28" s="114">
        <v>21120</v>
      </c>
      <c r="GM28" s="114">
        <v>23232</v>
      </c>
      <c r="GN28" s="114">
        <v>0</v>
      </c>
      <c r="GO28" s="114">
        <v>0</v>
      </c>
      <c r="GP28" s="114">
        <v>0</v>
      </c>
      <c r="GQ28" s="113">
        <v>44352</v>
      </c>
      <c r="GR28" s="116">
        <v>68352</v>
      </c>
      <c r="GS28" s="110">
        <v>0</v>
      </c>
      <c r="GT28" s="114">
        <v>160000</v>
      </c>
      <c r="GU28" s="113">
        <v>160000</v>
      </c>
      <c r="GV28" s="110">
        <v>0</v>
      </c>
      <c r="GW28" s="114">
        <v>80400</v>
      </c>
      <c r="GX28" s="114">
        <v>0</v>
      </c>
      <c r="GY28" s="114">
        <v>0</v>
      </c>
      <c r="GZ28" s="114">
        <v>0</v>
      </c>
      <c r="HA28" s="114">
        <v>0</v>
      </c>
      <c r="HB28" s="112">
        <v>80400</v>
      </c>
      <c r="HC28" s="116">
        <v>240400</v>
      </c>
      <c r="HD28" s="110">
        <v>109261</v>
      </c>
      <c r="HE28" s="114">
        <v>0</v>
      </c>
      <c r="HF28" s="112">
        <v>109261</v>
      </c>
      <c r="HG28" s="111">
        <v>0</v>
      </c>
      <c r="HH28" s="114">
        <v>1297790</v>
      </c>
      <c r="HI28" s="114">
        <v>17395</v>
      </c>
      <c r="HJ28" s="114">
        <v>0</v>
      </c>
      <c r="HK28" s="114">
        <v>876294</v>
      </c>
      <c r="HL28" s="114">
        <v>474090</v>
      </c>
      <c r="HM28" s="113">
        <v>2665569</v>
      </c>
      <c r="HN28" s="109">
        <v>2774830</v>
      </c>
      <c r="HO28" s="326"/>
      <c r="HP28" s="327"/>
      <c r="HQ28" s="328"/>
      <c r="HR28" s="329"/>
      <c r="HS28" s="327"/>
      <c r="HT28" s="327"/>
      <c r="HU28" s="327"/>
      <c r="HV28" s="327"/>
      <c r="HW28" s="327"/>
      <c r="HX28" s="330"/>
      <c r="HY28" s="331"/>
      <c r="HZ28" s="150">
        <v>0</v>
      </c>
      <c r="IA28" s="135">
        <v>0</v>
      </c>
      <c r="IB28" s="150">
        <v>0</v>
      </c>
      <c r="IC28" s="134">
        <v>0</v>
      </c>
      <c r="ID28" s="135">
        <v>544979</v>
      </c>
      <c r="IE28" s="136">
        <v>35997</v>
      </c>
      <c r="IF28" s="137">
        <v>775814</v>
      </c>
      <c r="IG28" s="135">
        <v>818725</v>
      </c>
      <c r="IH28" s="137">
        <v>268882</v>
      </c>
      <c r="II28" s="138">
        <v>2444397</v>
      </c>
      <c r="IJ28" s="150">
        <v>2444397</v>
      </c>
      <c r="IK28" s="232">
        <v>0</v>
      </c>
      <c r="IL28" s="236">
        <v>0</v>
      </c>
      <c r="IM28" s="237">
        <v>0</v>
      </c>
      <c r="IN28" s="140"/>
      <c r="IO28" s="119">
        <v>0</v>
      </c>
      <c r="IP28" s="119">
        <v>0</v>
      </c>
      <c r="IQ28" s="119">
        <v>0</v>
      </c>
      <c r="IR28" s="119">
        <v>0</v>
      </c>
      <c r="IS28" s="119">
        <v>0</v>
      </c>
      <c r="IT28" s="141">
        <v>0</v>
      </c>
      <c r="IU28" s="318">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303100</v>
      </c>
      <c r="JL28" s="119">
        <v>35997</v>
      </c>
      <c r="JM28" s="119">
        <v>0</v>
      </c>
      <c r="JN28" s="119">
        <v>26183</v>
      </c>
      <c r="JO28" s="119">
        <v>0</v>
      </c>
      <c r="JP28" s="120">
        <v>365280</v>
      </c>
      <c r="JQ28" s="318">
        <v>365280</v>
      </c>
      <c r="JR28" s="142">
        <v>0</v>
      </c>
      <c r="JS28" s="119">
        <v>0</v>
      </c>
      <c r="JT28" s="141">
        <v>0</v>
      </c>
      <c r="JU28" s="118">
        <v>0</v>
      </c>
      <c r="JV28" s="119">
        <v>0</v>
      </c>
      <c r="JW28" s="119">
        <v>0</v>
      </c>
      <c r="JX28" s="119">
        <v>0</v>
      </c>
      <c r="JY28" s="119">
        <v>0</v>
      </c>
      <c r="JZ28" s="119">
        <v>0</v>
      </c>
      <c r="KA28" s="120">
        <v>0</v>
      </c>
      <c r="KB28" s="318">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241879</v>
      </c>
      <c r="KS28" s="119">
        <v>0</v>
      </c>
      <c r="KT28" s="119">
        <v>775814</v>
      </c>
      <c r="KU28" s="119">
        <v>792542</v>
      </c>
      <c r="KV28" s="119">
        <v>268882</v>
      </c>
      <c r="KW28" s="120">
        <v>2079117</v>
      </c>
      <c r="KX28" s="318">
        <v>2079117</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18">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268095</v>
      </c>
      <c r="MK28" s="119">
        <v>602939</v>
      </c>
      <c r="ML28" s="119">
        <v>764951</v>
      </c>
      <c r="MM28" s="119">
        <v>1677379</v>
      </c>
      <c r="MN28" s="119">
        <v>312088</v>
      </c>
      <c r="MO28" s="120">
        <v>3625452</v>
      </c>
      <c r="MP28" s="143">
        <v>3625452</v>
      </c>
      <c r="MQ28" s="142">
        <v>0</v>
      </c>
      <c r="MR28" s="119">
        <v>0</v>
      </c>
      <c r="MS28" s="120">
        <v>0</v>
      </c>
      <c r="MT28" s="145"/>
      <c r="MU28" s="119">
        <v>0</v>
      </c>
      <c r="MV28" s="119">
        <v>0</v>
      </c>
      <c r="MW28" s="119">
        <v>489200</v>
      </c>
      <c r="MX28" s="119">
        <v>1132797</v>
      </c>
      <c r="MY28" s="119">
        <v>0</v>
      </c>
      <c r="MZ28" s="120">
        <v>1621997</v>
      </c>
      <c r="NA28" s="143">
        <v>1621997</v>
      </c>
      <c r="NB28" s="142">
        <v>0</v>
      </c>
      <c r="NC28" s="119">
        <v>0</v>
      </c>
      <c r="ND28" s="120">
        <v>0</v>
      </c>
      <c r="NE28" s="145"/>
      <c r="NF28" s="119">
        <v>268095</v>
      </c>
      <c r="NG28" s="119">
        <v>602939</v>
      </c>
      <c r="NH28" s="119">
        <v>275751</v>
      </c>
      <c r="NI28" s="119">
        <v>544582</v>
      </c>
      <c r="NJ28" s="119">
        <v>312088</v>
      </c>
      <c r="NK28" s="120">
        <v>2003455</v>
      </c>
      <c r="NL28" s="318">
        <v>2003455</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241350</v>
      </c>
      <c r="OJ28" s="119">
        <v>409590</v>
      </c>
      <c r="OK28" s="141">
        <v>650940</v>
      </c>
      <c r="OL28" s="118">
        <v>0</v>
      </c>
      <c r="OM28" s="119">
        <v>3507103</v>
      </c>
      <c r="ON28" s="119">
        <v>3292674</v>
      </c>
      <c r="OO28" s="119">
        <v>3700395</v>
      </c>
      <c r="OP28" s="119">
        <v>5871050</v>
      </c>
      <c r="OQ28" s="119">
        <v>2028366</v>
      </c>
      <c r="OR28" s="120">
        <v>18399588</v>
      </c>
      <c r="OS28" s="143">
        <v>19050528</v>
      </c>
    </row>
    <row r="29" spans="2:409" ht="21" customHeight="1" x14ac:dyDescent="0.2">
      <c r="B29" s="126" t="s">
        <v>24</v>
      </c>
      <c r="C29" s="110">
        <v>410580</v>
      </c>
      <c r="D29" s="114">
        <v>262530</v>
      </c>
      <c r="E29" s="113">
        <v>673110</v>
      </c>
      <c r="F29" s="109">
        <v>0</v>
      </c>
      <c r="G29" s="114">
        <v>1892625</v>
      </c>
      <c r="H29" s="114">
        <v>2293786</v>
      </c>
      <c r="I29" s="114">
        <v>2231002</v>
      </c>
      <c r="J29" s="114">
        <v>769896</v>
      </c>
      <c r="K29" s="114">
        <v>2018002</v>
      </c>
      <c r="L29" s="173">
        <v>9205311</v>
      </c>
      <c r="M29" s="116">
        <v>9878421</v>
      </c>
      <c r="N29" s="110">
        <v>81195</v>
      </c>
      <c r="O29" s="114">
        <v>43678</v>
      </c>
      <c r="P29" s="113">
        <v>124873</v>
      </c>
      <c r="Q29" s="110">
        <v>0</v>
      </c>
      <c r="R29" s="114">
        <v>756067</v>
      </c>
      <c r="S29" s="114">
        <v>639198</v>
      </c>
      <c r="T29" s="114">
        <v>797046</v>
      </c>
      <c r="U29" s="114">
        <v>249247</v>
      </c>
      <c r="V29" s="114">
        <v>1128453</v>
      </c>
      <c r="W29" s="113">
        <v>3570011</v>
      </c>
      <c r="X29" s="116">
        <v>3694884</v>
      </c>
      <c r="Y29" s="110">
        <v>0</v>
      </c>
      <c r="Z29" s="114">
        <v>0</v>
      </c>
      <c r="AA29" s="113">
        <v>0</v>
      </c>
      <c r="AB29" s="110">
        <v>0</v>
      </c>
      <c r="AC29" s="114">
        <v>335853</v>
      </c>
      <c r="AD29" s="114">
        <v>255719</v>
      </c>
      <c r="AE29" s="114">
        <v>271807</v>
      </c>
      <c r="AF29" s="114">
        <v>0</v>
      </c>
      <c r="AG29" s="114">
        <v>565804</v>
      </c>
      <c r="AH29" s="113">
        <v>1429183</v>
      </c>
      <c r="AI29" s="116">
        <v>1429183</v>
      </c>
      <c r="AJ29" s="110">
        <v>0</v>
      </c>
      <c r="AK29" s="114">
        <v>0</v>
      </c>
      <c r="AL29" s="113">
        <v>0</v>
      </c>
      <c r="AM29" s="110">
        <v>0</v>
      </c>
      <c r="AN29" s="114">
        <v>0</v>
      </c>
      <c r="AO29" s="114">
        <v>0</v>
      </c>
      <c r="AP29" s="114">
        <v>13550</v>
      </c>
      <c r="AQ29" s="114">
        <v>153520</v>
      </c>
      <c r="AR29" s="114">
        <v>162520</v>
      </c>
      <c r="AS29" s="113">
        <v>329590</v>
      </c>
      <c r="AT29" s="116">
        <v>329590</v>
      </c>
      <c r="AU29" s="110">
        <v>32515</v>
      </c>
      <c r="AV29" s="114">
        <v>43678</v>
      </c>
      <c r="AW29" s="113">
        <v>76193</v>
      </c>
      <c r="AX29" s="110">
        <v>0</v>
      </c>
      <c r="AY29" s="114">
        <v>216594</v>
      </c>
      <c r="AZ29" s="114">
        <v>191852</v>
      </c>
      <c r="BA29" s="114">
        <v>337489</v>
      </c>
      <c r="BB29" s="114">
        <v>71071</v>
      </c>
      <c r="BC29" s="114">
        <v>212545</v>
      </c>
      <c r="BD29" s="113">
        <v>1029551</v>
      </c>
      <c r="BE29" s="116">
        <v>1105744</v>
      </c>
      <c r="BF29" s="110">
        <v>0</v>
      </c>
      <c r="BG29" s="114">
        <v>0</v>
      </c>
      <c r="BH29" s="112">
        <v>0</v>
      </c>
      <c r="BI29" s="111">
        <v>0</v>
      </c>
      <c r="BJ29" s="114">
        <v>43876</v>
      </c>
      <c r="BK29" s="114">
        <v>72403</v>
      </c>
      <c r="BL29" s="114">
        <v>36984</v>
      </c>
      <c r="BM29" s="114">
        <v>0</v>
      </c>
      <c r="BN29" s="114">
        <v>0</v>
      </c>
      <c r="BO29" s="113">
        <v>153263</v>
      </c>
      <c r="BP29" s="116">
        <v>153263</v>
      </c>
      <c r="BQ29" s="110">
        <v>48680</v>
      </c>
      <c r="BR29" s="114">
        <v>0</v>
      </c>
      <c r="BS29" s="113">
        <v>48680</v>
      </c>
      <c r="BT29" s="110">
        <v>0</v>
      </c>
      <c r="BU29" s="114">
        <v>159744</v>
      </c>
      <c r="BV29" s="114">
        <v>119224</v>
      </c>
      <c r="BW29" s="114">
        <v>137216</v>
      </c>
      <c r="BX29" s="114">
        <v>24656</v>
      </c>
      <c r="BY29" s="114">
        <v>187584</v>
      </c>
      <c r="BZ29" s="113">
        <v>628424</v>
      </c>
      <c r="CA29" s="116">
        <v>677104</v>
      </c>
      <c r="CB29" s="110">
        <v>62172</v>
      </c>
      <c r="CC29" s="114">
        <v>74812</v>
      </c>
      <c r="CD29" s="113">
        <v>136984</v>
      </c>
      <c r="CE29" s="110">
        <v>0</v>
      </c>
      <c r="CF29" s="114">
        <v>715074</v>
      </c>
      <c r="CG29" s="114">
        <v>667170</v>
      </c>
      <c r="CH29" s="114">
        <v>770522</v>
      </c>
      <c r="CI29" s="114">
        <v>0</v>
      </c>
      <c r="CJ29" s="114">
        <v>31631</v>
      </c>
      <c r="CK29" s="113">
        <v>2184397</v>
      </c>
      <c r="CL29" s="116">
        <v>2321381</v>
      </c>
      <c r="CM29" s="110">
        <v>0</v>
      </c>
      <c r="CN29" s="114">
        <v>0</v>
      </c>
      <c r="CO29" s="113">
        <v>0</v>
      </c>
      <c r="CP29" s="111">
        <v>0</v>
      </c>
      <c r="CQ29" s="114">
        <v>715074</v>
      </c>
      <c r="CR29" s="114">
        <v>450739</v>
      </c>
      <c r="CS29" s="114">
        <v>499454</v>
      </c>
      <c r="CT29" s="114">
        <v>0</v>
      </c>
      <c r="CU29" s="114">
        <v>31631</v>
      </c>
      <c r="CV29" s="113">
        <v>1696898</v>
      </c>
      <c r="CW29" s="116">
        <v>1696898</v>
      </c>
      <c r="CX29" s="110">
        <v>62172</v>
      </c>
      <c r="CY29" s="114">
        <v>74812</v>
      </c>
      <c r="CZ29" s="113">
        <v>136984</v>
      </c>
      <c r="DA29" s="110">
        <v>0</v>
      </c>
      <c r="DB29" s="114">
        <v>0</v>
      </c>
      <c r="DC29" s="114">
        <v>216431</v>
      </c>
      <c r="DD29" s="114">
        <v>271068</v>
      </c>
      <c r="DE29" s="114">
        <v>0</v>
      </c>
      <c r="DF29" s="114">
        <v>0</v>
      </c>
      <c r="DG29" s="113">
        <v>487499</v>
      </c>
      <c r="DH29" s="116">
        <v>624483</v>
      </c>
      <c r="DI29" s="110">
        <v>0</v>
      </c>
      <c r="DJ29" s="114">
        <v>0</v>
      </c>
      <c r="DK29" s="112">
        <v>0</v>
      </c>
      <c r="DL29" s="111">
        <v>0</v>
      </c>
      <c r="DM29" s="114">
        <v>63920</v>
      </c>
      <c r="DN29" s="114">
        <v>79888</v>
      </c>
      <c r="DO29" s="114">
        <v>50901</v>
      </c>
      <c r="DP29" s="114">
        <v>0</v>
      </c>
      <c r="DQ29" s="114">
        <v>32291</v>
      </c>
      <c r="DR29" s="113">
        <v>227000</v>
      </c>
      <c r="DS29" s="116">
        <v>227000</v>
      </c>
      <c r="DT29" s="110">
        <v>0</v>
      </c>
      <c r="DU29" s="114">
        <v>0</v>
      </c>
      <c r="DV29" s="113">
        <v>0</v>
      </c>
      <c r="DW29" s="110">
        <v>0</v>
      </c>
      <c r="DX29" s="114">
        <v>63920</v>
      </c>
      <c r="DY29" s="114">
        <v>79888</v>
      </c>
      <c r="DZ29" s="114">
        <v>50901</v>
      </c>
      <c r="EA29" s="114">
        <v>0</v>
      </c>
      <c r="EB29" s="114">
        <v>32291</v>
      </c>
      <c r="EC29" s="113">
        <v>227000</v>
      </c>
      <c r="ED29" s="116">
        <v>227000</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5"/>
      <c r="FE29" s="114">
        <v>0</v>
      </c>
      <c r="FF29" s="114">
        <v>0</v>
      </c>
      <c r="FG29" s="114">
        <v>0</v>
      </c>
      <c r="FH29" s="114">
        <v>0</v>
      </c>
      <c r="FI29" s="114">
        <v>0</v>
      </c>
      <c r="FJ29" s="113">
        <v>0</v>
      </c>
      <c r="FK29" s="116">
        <v>0</v>
      </c>
      <c r="FL29" s="110">
        <v>23200</v>
      </c>
      <c r="FM29" s="114">
        <v>43600</v>
      </c>
      <c r="FN29" s="113">
        <v>66800</v>
      </c>
      <c r="FO29" s="110">
        <v>0</v>
      </c>
      <c r="FP29" s="114">
        <v>52832</v>
      </c>
      <c r="FQ29" s="114">
        <v>187128</v>
      </c>
      <c r="FR29" s="114">
        <v>196832</v>
      </c>
      <c r="FS29" s="114">
        <v>92568</v>
      </c>
      <c r="FT29" s="114">
        <v>117992</v>
      </c>
      <c r="FU29" s="113">
        <v>647352</v>
      </c>
      <c r="FV29" s="116">
        <v>714152</v>
      </c>
      <c r="FW29" s="115">
        <v>23200</v>
      </c>
      <c r="FX29" s="114">
        <v>15600</v>
      </c>
      <c r="FY29" s="112">
        <v>38800</v>
      </c>
      <c r="FZ29" s="111">
        <v>0</v>
      </c>
      <c r="GA29" s="114">
        <v>39632</v>
      </c>
      <c r="GB29" s="114">
        <v>172328</v>
      </c>
      <c r="GC29" s="114">
        <v>164448</v>
      </c>
      <c r="GD29" s="114">
        <v>29776</v>
      </c>
      <c r="GE29" s="114">
        <v>117992</v>
      </c>
      <c r="GF29" s="113">
        <v>524176</v>
      </c>
      <c r="GG29" s="316">
        <v>562976</v>
      </c>
      <c r="GH29" s="115">
        <v>0</v>
      </c>
      <c r="GI29" s="114">
        <v>0</v>
      </c>
      <c r="GJ29" s="112">
        <v>0</v>
      </c>
      <c r="GK29" s="111">
        <v>0</v>
      </c>
      <c r="GL29" s="114">
        <v>13200</v>
      </c>
      <c r="GM29" s="114">
        <v>14800</v>
      </c>
      <c r="GN29" s="114">
        <v>32384</v>
      </c>
      <c r="GO29" s="114">
        <v>62792</v>
      </c>
      <c r="GP29" s="114">
        <v>0</v>
      </c>
      <c r="GQ29" s="113">
        <v>123176</v>
      </c>
      <c r="GR29" s="116">
        <v>123176</v>
      </c>
      <c r="GS29" s="110">
        <v>0</v>
      </c>
      <c r="GT29" s="114">
        <v>28000</v>
      </c>
      <c r="GU29" s="113">
        <v>28000</v>
      </c>
      <c r="GV29" s="110">
        <v>0</v>
      </c>
      <c r="GW29" s="114">
        <v>0</v>
      </c>
      <c r="GX29" s="114">
        <v>0</v>
      </c>
      <c r="GY29" s="114">
        <v>0</v>
      </c>
      <c r="GZ29" s="114">
        <v>0</v>
      </c>
      <c r="HA29" s="114">
        <v>0</v>
      </c>
      <c r="HB29" s="112">
        <v>0</v>
      </c>
      <c r="HC29" s="116">
        <v>28000</v>
      </c>
      <c r="HD29" s="110">
        <v>244013</v>
      </c>
      <c r="HE29" s="114">
        <v>100440</v>
      </c>
      <c r="HF29" s="112">
        <v>344453</v>
      </c>
      <c r="HG29" s="111">
        <v>0</v>
      </c>
      <c r="HH29" s="114">
        <v>304732</v>
      </c>
      <c r="HI29" s="114">
        <v>720402</v>
      </c>
      <c r="HJ29" s="114">
        <v>415701</v>
      </c>
      <c r="HK29" s="114">
        <v>428081</v>
      </c>
      <c r="HL29" s="114">
        <v>707635</v>
      </c>
      <c r="HM29" s="113">
        <v>2576551</v>
      </c>
      <c r="HN29" s="109">
        <v>2921004</v>
      </c>
      <c r="HO29" s="326"/>
      <c r="HP29" s="327"/>
      <c r="HQ29" s="328"/>
      <c r="HR29" s="329"/>
      <c r="HS29" s="327"/>
      <c r="HT29" s="327"/>
      <c r="HU29" s="327"/>
      <c r="HV29" s="327"/>
      <c r="HW29" s="327"/>
      <c r="HX29" s="330"/>
      <c r="HY29" s="331"/>
      <c r="HZ29" s="131">
        <v>0</v>
      </c>
      <c r="IA29" s="132">
        <v>0</v>
      </c>
      <c r="IB29" s="133">
        <v>0</v>
      </c>
      <c r="IC29" s="146">
        <v>0</v>
      </c>
      <c r="ID29" s="132">
        <v>154889</v>
      </c>
      <c r="IE29" s="147">
        <v>94802</v>
      </c>
      <c r="IF29" s="133">
        <v>1045749</v>
      </c>
      <c r="IG29" s="132">
        <v>0</v>
      </c>
      <c r="IH29" s="133">
        <v>251656</v>
      </c>
      <c r="II29" s="148">
        <v>1547096</v>
      </c>
      <c r="IJ29" s="139">
        <v>1547096</v>
      </c>
      <c r="IK29" s="232">
        <v>0</v>
      </c>
      <c r="IL29" s="236">
        <v>0</v>
      </c>
      <c r="IM29" s="237">
        <v>0</v>
      </c>
      <c r="IN29" s="140"/>
      <c r="IO29" s="119">
        <v>0</v>
      </c>
      <c r="IP29" s="119">
        <v>0</v>
      </c>
      <c r="IQ29" s="119">
        <v>157041</v>
      </c>
      <c r="IR29" s="119">
        <v>0</v>
      </c>
      <c r="IS29" s="119">
        <v>0</v>
      </c>
      <c r="IT29" s="141">
        <v>157041</v>
      </c>
      <c r="IU29" s="318">
        <v>157041</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62498</v>
      </c>
      <c r="JL29" s="119">
        <v>94802</v>
      </c>
      <c r="JM29" s="119">
        <v>289760</v>
      </c>
      <c r="JN29" s="119">
        <v>0</v>
      </c>
      <c r="JO29" s="119">
        <v>0</v>
      </c>
      <c r="JP29" s="120">
        <v>447060</v>
      </c>
      <c r="JQ29" s="318">
        <v>447060</v>
      </c>
      <c r="JR29" s="142">
        <v>0</v>
      </c>
      <c r="JS29" s="119">
        <v>0</v>
      </c>
      <c r="JT29" s="141">
        <v>0</v>
      </c>
      <c r="JU29" s="118">
        <v>0</v>
      </c>
      <c r="JV29" s="119">
        <v>92391</v>
      </c>
      <c r="JW29" s="119">
        <v>0</v>
      </c>
      <c r="JX29" s="119">
        <v>115108</v>
      </c>
      <c r="JY29" s="119">
        <v>0</v>
      </c>
      <c r="JZ29" s="119">
        <v>0</v>
      </c>
      <c r="KA29" s="120">
        <v>207499</v>
      </c>
      <c r="KB29" s="318">
        <v>207499</v>
      </c>
      <c r="KC29" s="234">
        <v>0</v>
      </c>
      <c r="KD29" s="230">
        <v>0</v>
      </c>
      <c r="KE29" s="120">
        <v>0</v>
      </c>
      <c r="KF29" s="118">
        <v>0</v>
      </c>
      <c r="KG29" s="119">
        <v>0</v>
      </c>
      <c r="KH29" s="119">
        <v>0</v>
      </c>
      <c r="KI29" s="119">
        <v>0</v>
      </c>
      <c r="KJ29" s="119">
        <v>0</v>
      </c>
      <c r="KK29" s="119">
        <v>0</v>
      </c>
      <c r="KL29" s="120">
        <v>0</v>
      </c>
      <c r="KM29" s="143">
        <v>0</v>
      </c>
      <c r="KN29" s="232">
        <v>0</v>
      </c>
      <c r="KO29" s="236">
        <v>0</v>
      </c>
      <c r="KP29" s="237">
        <v>0</v>
      </c>
      <c r="KQ29" s="140"/>
      <c r="KR29" s="119">
        <v>0</v>
      </c>
      <c r="KS29" s="119">
        <v>0</v>
      </c>
      <c r="KT29" s="119">
        <v>483840</v>
      </c>
      <c r="KU29" s="119">
        <v>0</v>
      </c>
      <c r="KV29" s="119">
        <v>251656</v>
      </c>
      <c r="KW29" s="120">
        <v>735496</v>
      </c>
      <c r="KX29" s="318">
        <v>735496</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18">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132238</v>
      </c>
      <c r="MK29" s="119">
        <v>251234</v>
      </c>
      <c r="ML29" s="119">
        <v>845552</v>
      </c>
      <c r="MM29" s="119">
        <v>1370998</v>
      </c>
      <c r="MN29" s="119">
        <v>547151</v>
      </c>
      <c r="MO29" s="120">
        <v>3147173</v>
      </c>
      <c r="MP29" s="143">
        <v>3147173</v>
      </c>
      <c r="MQ29" s="142">
        <v>0</v>
      </c>
      <c r="MR29" s="119">
        <v>0</v>
      </c>
      <c r="MS29" s="120">
        <v>0</v>
      </c>
      <c r="MT29" s="145"/>
      <c r="MU29" s="119">
        <v>0</v>
      </c>
      <c r="MV29" s="119">
        <v>0</v>
      </c>
      <c r="MW29" s="119">
        <v>0</v>
      </c>
      <c r="MX29" s="119">
        <v>779298</v>
      </c>
      <c r="MY29" s="119">
        <v>547151</v>
      </c>
      <c r="MZ29" s="120">
        <v>1326449</v>
      </c>
      <c r="NA29" s="143">
        <v>1326449</v>
      </c>
      <c r="NB29" s="142">
        <v>0</v>
      </c>
      <c r="NC29" s="119">
        <v>0</v>
      </c>
      <c r="ND29" s="120">
        <v>0</v>
      </c>
      <c r="NE29" s="145"/>
      <c r="NF29" s="119">
        <v>132238</v>
      </c>
      <c r="NG29" s="119">
        <v>251234</v>
      </c>
      <c r="NH29" s="119">
        <v>845552</v>
      </c>
      <c r="NI29" s="119">
        <v>591700</v>
      </c>
      <c r="NJ29" s="119">
        <v>0</v>
      </c>
      <c r="NK29" s="120">
        <v>1820724</v>
      </c>
      <c r="NL29" s="318">
        <v>1820724</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410580</v>
      </c>
      <c r="OJ29" s="119">
        <v>262530</v>
      </c>
      <c r="OK29" s="141">
        <v>673110</v>
      </c>
      <c r="OL29" s="118">
        <v>0</v>
      </c>
      <c r="OM29" s="119">
        <v>2179752</v>
      </c>
      <c r="ON29" s="119">
        <v>2639822</v>
      </c>
      <c r="OO29" s="119">
        <v>4122303</v>
      </c>
      <c r="OP29" s="119">
        <v>2140894</v>
      </c>
      <c r="OQ29" s="119">
        <v>2816809</v>
      </c>
      <c r="OR29" s="120">
        <v>13899580</v>
      </c>
      <c r="OS29" s="143">
        <v>14572690</v>
      </c>
    </row>
    <row r="30" spans="2:409" ht="21" customHeight="1" x14ac:dyDescent="0.2">
      <c r="B30" s="126" t="s">
        <v>25</v>
      </c>
      <c r="C30" s="110">
        <v>115996</v>
      </c>
      <c r="D30" s="114">
        <v>341875</v>
      </c>
      <c r="E30" s="113">
        <v>457871</v>
      </c>
      <c r="F30" s="109">
        <v>0</v>
      </c>
      <c r="G30" s="114">
        <v>1379443</v>
      </c>
      <c r="H30" s="114">
        <v>1105880</v>
      </c>
      <c r="I30" s="114">
        <v>1110670</v>
      </c>
      <c r="J30" s="114">
        <v>1204636</v>
      </c>
      <c r="K30" s="114">
        <v>582081</v>
      </c>
      <c r="L30" s="173">
        <v>5382710</v>
      </c>
      <c r="M30" s="116">
        <v>5840581</v>
      </c>
      <c r="N30" s="110">
        <v>0</v>
      </c>
      <c r="O30" s="114">
        <v>109293</v>
      </c>
      <c r="P30" s="113">
        <v>109293</v>
      </c>
      <c r="Q30" s="110">
        <v>0</v>
      </c>
      <c r="R30" s="114">
        <v>372497</v>
      </c>
      <c r="S30" s="114">
        <v>319445</v>
      </c>
      <c r="T30" s="114">
        <v>634344</v>
      </c>
      <c r="U30" s="114">
        <v>191577</v>
      </c>
      <c r="V30" s="114">
        <v>307402</v>
      </c>
      <c r="W30" s="113">
        <v>1825265</v>
      </c>
      <c r="X30" s="116">
        <v>1934558</v>
      </c>
      <c r="Y30" s="110">
        <v>0</v>
      </c>
      <c r="Z30" s="114">
        <v>0</v>
      </c>
      <c r="AA30" s="113">
        <v>0</v>
      </c>
      <c r="AB30" s="110">
        <v>0</v>
      </c>
      <c r="AC30" s="114">
        <v>200881</v>
      </c>
      <c r="AD30" s="114">
        <v>155122</v>
      </c>
      <c r="AE30" s="114">
        <v>409362</v>
      </c>
      <c r="AF30" s="114">
        <v>86489</v>
      </c>
      <c r="AG30" s="114">
        <v>0</v>
      </c>
      <c r="AH30" s="113">
        <v>851854</v>
      </c>
      <c r="AI30" s="116">
        <v>851854</v>
      </c>
      <c r="AJ30" s="110">
        <v>0</v>
      </c>
      <c r="AK30" s="114">
        <v>0</v>
      </c>
      <c r="AL30" s="113">
        <v>0</v>
      </c>
      <c r="AM30" s="110">
        <v>0</v>
      </c>
      <c r="AN30" s="114">
        <v>0</v>
      </c>
      <c r="AO30" s="114">
        <v>14038</v>
      </c>
      <c r="AP30" s="114">
        <v>47700</v>
      </c>
      <c r="AQ30" s="114">
        <v>0</v>
      </c>
      <c r="AR30" s="114">
        <v>107084</v>
      </c>
      <c r="AS30" s="113">
        <v>168822</v>
      </c>
      <c r="AT30" s="116">
        <v>168822</v>
      </c>
      <c r="AU30" s="110">
        <v>0</v>
      </c>
      <c r="AV30" s="114">
        <v>24103</v>
      </c>
      <c r="AW30" s="113">
        <v>24103</v>
      </c>
      <c r="AX30" s="110">
        <v>0</v>
      </c>
      <c r="AY30" s="114">
        <v>123184</v>
      </c>
      <c r="AZ30" s="114">
        <v>130653</v>
      </c>
      <c r="BA30" s="114">
        <v>120379</v>
      </c>
      <c r="BB30" s="114">
        <v>88056</v>
      </c>
      <c r="BC30" s="114">
        <v>177678</v>
      </c>
      <c r="BD30" s="113">
        <v>639950</v>
      </c>
      <c r="BE30" s="116">
        <v>664053</v>
      </c>
      <c r="BF30" s="110">
        <v>0</v>
      </c>
      <c r="BG30" s="114">
        <v>67502</v>
      </c>
      <c r="BH30" s="112">
        <v>67502</v>
      </c>
      <c r="BI30" s="111">
        <v>0</v>
      </c>
      <c r="BJ30" s="114">
        <v>0</v>
      </c>
      <c r="BK30" s="114">
        <v>0</v>
      </c>
      <c r="BL30" s="114">
        <v>43415</v>
      </c>
      <c r="BM30" s="114">
        <v>0</v>
      </c>
      <c r="BN30" s="114">
        <v>0</v>
      </c>
      <c r="BO30" s="113">
        <v>43415</v>
      </c>
      <c r="BP30" s="116">
        <v>110917</v>
      </c>
      <c r="BQ30" s="110">
        <v>0</v>
      </c>
      <c r="BR30" s="114">
        <v>17688</v>
      </c>
      <c r="BS30" s="113">
        <v>17688</v>
      </c>
      <c r="BT30" s="110">
        <v>0</v>
      </c>
      <c r="BU30" s="114">
        <v>48432</v>
      </c>
      <c r="BV30" s="114">
        <v>19632</v>
      </c>
      <c r="BW30" s="114">
        <v>13488</v>
      </c>
      <c r="BX30" s="114">
        <v>17032</v>
      </c>
      <c r="BY30" s="114">
        <v>22640</v>
      </c>
      <c r="BZ30" s="113">
        <v>121224</v>
      </c>
      <c r="CA30" s="116">
        <v>138912</v>
      </c>
      <c r="CB30" s="110">
        <v>78524</v>
      </c>
      <c r="CC30" s="114">
        <v>54211</v>
      </c>
      <c r="CD30" s="113">
        <v>132735</v>
      </c>
      <c r="CE30" s="110">
        <v>0</v>
      </c>
      <c r="CF30" s="114">
        <v>499743</v>
      </c>
      <c r="CG30" s="114">
        <v>569713</v>
      </c>
      <c r="CH30" s="114">
        <v>366758</v>
      </c>
      <c r="CI30" s="114">
        <v>377336</v>
      </c>
      <c r="CJ30" s="114">
        <v>0</v>
      </c>
      <c r="CK30" s="113">
        <v>1813550</v>
      </c>
      <c r="CL30" s="116">
        <v>1946285</v>
      </c>
      <c r="CM30" s="110">
        <v>0</v>
      </c>
      <c r="CN30" s="114">
        <v>0</v>
      </c>
      <c r="CO30" s="113">
        <v>0</v>
      </c>
      <c r="CP30" s="111">
        <v>0</v>
      </c>
      <c r="CQ30" s="114">
        <v>405992</v>
      </c>
      <c r="CR30" s="114">
        <v>169286</v>
      </c>
      <c r="CS30" s="114">
        <v>89777</v>
      </c>
      <c r="CT30" s="114">
        <v>377336</v>
      </c>
      <c r="CU30" s="114">
        <v>0</v>
      </c>
      <c r="CV30" s="113">
        <v>1042391</v>
      </c>
      <c r="CW30" s="116">
        <v>1042391</v>
      </c>
      <c r="CX30" s="110">
        <v>78524</v>
      </c>
      <c r="CY30" s="114">
        <v>54211</v>
      </c>
      <c r="CZ30" s="113">
        <v>132735</v>
      </c>
      <c r="DA30" s="110">
        <v>0</v>
      </c>
      <c r="DB30" s="114">
        <v>93751</v>
      </c>
      <c r="DC30" s="114">
        <v>400427</v>
      </c>
      <c r="DD30" s="114">
        <v>276981</v>
      </c>
      <c r="DE30" s="114">
        <v>0</v>
      </c>
      <c r="DF30" s="114">
        <v>0</v>
      </c>
      <c r="DG30" s="113">
        <v>771159</v>
      </c>
      <c r="DH30" s="116">
        <v>903894</v>
      </c>
      <c r="DI30" s="110">
        <v>0</v>
      </c>
      <c r="DJ30" s="114">
        <v>0</v>
      </c>
      <c r="DK30" s="112">
        <v>0</v>
      </c>
      <c r="DL30" s="111">
        <v>0</v>
      </c>
      <c r="DM30" s="114">
        <v>24172</v>
      </c>
      <c r="DN30" s="114">
        <v>23057</v>
      </c>
      <c r="DO30" s="114">
        <v>0</v>
      </c>
      <c r="DP30" s="114">
        <v>137984</v>
      </c>
      <c r="DQ30" s="114">
        <v>0</v>
      </c>
      <c r="DR30" s="113">
        <v>185213</v>
      </c>
      <c r="DS30" s="116">
        <v>185213</v>
      </c>
      <c r="DT30" s="110">
        <v>0</v>
      </c>
      <c r="DU30" s="114">
        <v>0</v>
      </c>
      <c r="DV30" s="113">
        <v>0</v>
      </c>
      <c r="DW30" s="110">
        <v>0</v>
      </c>
      <c r="DX30" s="114">
        <v>24172</v>
      </c>
      <c r="DY30" s="114">
        <v>23057</v>
      </c>
      <c r="DZ30" s="114">
        <v>0</v>
      </c>
      <c r="EA30" s="114">
        <v>137984</v>
      </c>
      <c r="EB30" s="114">
        <v>0</v>
      </c>
      <c r="EC30" s="113">
        <v>185213</v>
      </c>
      <c r="ED30" s="116">
        <v>185213</v>
      </c>
      <c r="EE30" s="110">
        <v>0</v>
      </c>
      <c r="EF30" s="112">
        <v>0</v>
      </c>
      <c r="EG30" s="113">
        <v>0</v>
      </c>
      <c r="EH30" s="110">
        <v>0</v>
      </c>
      <c r="EI30" s="114">
        <v>0</v>
      </c>
      <c r="EJ30" s="114">
        <v>0</v>
      </c>
      <c r="EK30" s="114">
        <v>0</v>
      </c>
      <c r="EL30" s="114">
        <v>0</v>
      </c>
      <c r="EM30" s="114">
        <v>0</v>
      </c>
      <c r="EN30" s="112">
        <v>0</v>
      </c>
      <c r="EO30" s="116">
        <v>0</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5"/>
      <c r="FE30" s="114">
        <v>0</v>
      </c>
      <c r="FF30" s="114">
        <v>0</v>
      </c>
      <c r="FG30" s="114">
        <v>0</v>
      </c>
      <c r="FH30" s="114">
        <v>0</v>
      </c>
      <c r="FI30" s="114">
        <v>0</v>
      </c>
      <c r="FJ30" s="113">
        <v>0</v>
      </c>
      <c r="FK30" s="116">
        <v>0</v>
      </c>
      <c r="FL30" s="110">
        <v>37472</v>
      </c>
      <c r="FM30" s="114">
        <v>86520</v>
      </c>
      <c r="FN30" s="113">
        <v>123992</v>
      </c>
      <c r="FO30" s="110">
        <v>0</v>
      </c>
      <c r="FP30" s="114">
        <v>10112</v>
      </c>
      <c r="FQ30" s="114">
        <v>127888</v>
      </c>
      <c r="FR30" s="114">
        <v>109568</v>
      </c>
      <c r="FS30" s="114">
        <v>58624</v>
      </c>
      <c r="FT30" s="114">
        <v>41344</v>
      </c>
      <c r="FU30" s="113">
        <v>347536</v>
      </c>
      <c r="FV30" s="116">
        <v>471528</v>
      </c>
      <c r="FW30" s="115">
        <v>10272</v>
      </c>
      <c r="FX30" s="114">
        <v>52120</v>
      </c>
      <c r="FY30" s="112">
        <v>62392</v>
      </c>
      <c r="FZ30" s="111">
        <v>0</v>
      </c>
      <c r="GA30" s="114">
        <v>10112</v>
      </c>
      <c r="GB30" s="114">
        <v>127888</v>
      </c>
      <c r="GC30" s="114">
        <v>109568</v>
      </c>
      <c r="GD30" s="114">
        <v>58624</v>
      </c>
      <c r="GE30" s="114">
        <v>41344</v>
      </c>
      <c r="GF30" s="113">
        <v>347536</v>
      </c>
      <c r="GG30" s="316">
        <v>409928</v>
      </c>
      <c r="GH30" s="115">
        <v>27200</v>
      </c>
      <c r="GI30" s="114">
        <v>0</v>
      </c>
      <c r="GJ30" s="112">
        <v>27200</v>
      </c>
      <c r="GK30" s="111">
        <v>0</v>
      </c>
      <c r="GL30" s="114">
        <v>0</v>
      </c>
      <c r="GM30" s="114">
        <v>0</v>
      </c>
      <c r="GN30" s="114">
        <v>0</v>
      </c>
      <c r="GO30" s="114">
        <v>0</v>
      </c>
      <c r="GP30" s="114">
        <v>0</v>
      </c>
      <c r="GQ30" s="113">
        <v>0</v>
      </c>
      <c r="GR30" s="116">
        <v>27200</v>
      </c>
      <c r="GS30" s="110">
        <v>0</v>
      </c>
      <c r="GT30" s="114">
        <v>34400</v>
      </c>
      <c r="GU30" s="113">
        <v>34400</v>
      </c>
      <c r="GV30" s="110">
        <v>0</v>
      </c>
      <c r="GW30" s="114">
        <v>0</v>
      </c>
      <c r="GX30" s="114">
        <v>0</v>
      </c>
      <c r="GY30" s="114">
        <v>0</v>
      </c>
      <c r="GZ30" s="114">
        <v>0</v>
      </c>
      <c r="HA30" s="114">
        <v>0</v>
      </c>
      <c r="HB30" s="112">
        <v>0</v>
      </c>
      <c r="HC30" s="116">
        <v>34400</v>
      </c>
      <c r="HD30" s="110">
        <v>0</v>
      </c>
      <c r="HE30" s="114">
        <v>91851</v>
      </c>
      <c r="HF30" s="112">
        <v>91851</v>
      </c>
      <c r="HG30" s="111">
        <v>0</v>
      </c>
      <c r="HH30" s="114">
        <v>472919</v>
      </c>
      <c r="HI30" s="114">
        <v>65777</v>
      </c>
      <c r="HJ30" s="114">
        <v>0</v>
      </c>
      <c r="HK30" s="114">
        <v>439115</v>
      </c>
      <c r="HL30" s="114">
        <v>233335</v>
      </c>
      <c r="HM30" s="113">
        <v>1211146</v>
      </c>
      <c r="HN30" s="109">
        <v>1302997</v>
      </c>
      <c r="HO30" s="326"/>
      <c r="HP30" s="327"/>
      <c r="HQ30" s="328"/>
      <c r="HR30" s="329"/>
      <c r="HS30" s="327"/>
      <c r="HT30" s="327"/>
      <c r="HU30" s="327"/>
      <c r="HV30" s="327"/>
      <c r="HW30" s="327"/>
      <c r="HX30" s="330"/>
      <c r="HY30" s="331"/>
      <c r="HZ30" s="150">
        <v>41280</v>
      </c>
      <c r="IA30" s="135">
        <v>0</v>
      </c>
      <c r="IB30" s="150">
        <v>41280</v>
      </c>
      <c r="IC30" s="134">
        <v>0</v>
      </c>
      <c r="ID30" s="135">
        <v>210234</v>
      </c>
      <c r="IE30" s="136">
        <v>41473</v>
      </c>
      <c r="IF30" s="137">
        <v>0</v>
      </c>
      <c r="IG30" s="135">
        <v>0</v>
      </c>
      <c r="IH30" s="137">
        <v>0</v>
      </c>
      <c r="II30" s="138">
        <v>251707</v>
      </c>
      <c r="IJ30" s="150">
        <v>292987</v>
      </c>
      <c r="IK30" s="232">
        <v>0</v>
      </c>
      <c r="IL30" s="236">
        <v>0</v>
      </c>
      <c r="IM30" s="237">
        <v>0</v>
      </c>
      <c r="IN30" s="140"/>
      <c r="IO30" s="119">
        <v>0</v>
      </c>
      <c r="IP30" s="119">
        <v>0</v>
      </c>
      <c r="IQ30" s="119">
        <v>0</v>
      </c>
      <c r="IR30" s="119">
        <v>0</v>
      </c>
      <c r="IS30" s="119">
        <v>0</v>
      </c>
      <c r="IT30" s="141">
        <v>0</v>
      </c>
      <c r="IU30" s="318">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210234</v>
      </c>
      <c r="JL30" s="119">
        <v>41473</v>
      </c>
      <c r="JM30" s="119">
        <v>0</v>
      </c>
      <c r="JN30" s="119">
        <v>0</v>
      </c>
      <c r="JO30" s="119">
        <v>0</v>
      </c>
      <c r="JP30" s="120">
        <v>251707</v>
      </c>
      <c r="JQ30" s="318">
        <v>251707</v>
      </c>
      <c r="JR30" s="142">
        <v>0</v>
      </c>
      <c r="JS30" s="119">
        <v>0</v>
      </c>
      <c r="JT30" s="141">
        <v>0</v>
      </c>
      <c r="JU30" s="118">
        <v>0</v>
      </c>
      <c r="JV30" s="119">
        <v>0</v>
      </c>
      <c r="JW30" s="119">
        <v>0</v>
      </c>
      <c r="JX30" s="119">
        <v>0</v>
      </c>
      <c r="JY30" s="119">
        <v>0</v>
      </c>
      <c r="JZ30" s="119">
        <v>0</v>
      </c>
      <c r="KA30" s="120">
        <v>0</v>
      </c>
      <c r="KB30" s="318">
        <v>0</v>
      </c>
      <c r="KC30" s="234">
        <v>41280</v>
      </c>
      <c r="KD30" s="230">
        <v>0</v>
      </c>
      <c r="KE30" s="120">
        <v>41280</v>
      </c>
      <c r="KF30" s="118">
        <v>0</v>
      </c>
      <c r="KG30" s="119">
        <v>0</v>
      </c>
      <c r="KH30" s="119">
        <v>0</v>
      </c>
      <c r="KI30" s="119">
        <v>0</v>
      </c>
      <c r="KJ30" s="119">
        <v>0</v>
      </c>
      <c r="KK30" s="119">
        <v>0</v>
      </c>
      <c r="KL30" s="120">
        <v>0</v>
      </c>
      <c r="KM30" s="143">
        <v>41280</v>
      </c>
      <c r="KN30" s="232">
        <v>0</v>
      </c>
      <c r="KO30" s="236">
        <v>0</v>
      </c>
      <c r="KP30" s="237">
        <v>0</v>
      </c>
      <c r="KQ30" s="140"/>
      <c r="KR30" s="119">
        <v>0</v>
      </c>
      <c r="KS30" s="119">
        <v>0</v>
      </c>
      <c r="KT30" s="119">
        <v>0</v>
      </c>
      <c r="KU30" s="119">
        <v>0</v>
      </c>
      <c r="KV30" s="119">
        <v>0</v>
      </c>
      <c r="KW30" s="120">
        <v>0</v>
      </c>
      <c r="KX30" s="318">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18">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269241</v>
      </c>
      <c r="MK30" s="119">
        <v>208531</v>
      </c>
      <c r="ML30" s="119">
        <v>1043499</v>
      </c>
      <c r="MM30" s="119">
        <v>566702</v>
      </c>
      <c r="MN30" s="119">
        <v>1756437</v>
      </c>
      <c r="MO30" s="120">
        <v>3844410</v>
      </c>
      <c r="MP30" s="143">
        <v>3844410</v>
      </c>
      <c r="MQ30" s="142">
        <v>0</v>
      </c>
      <c r="MR30" s="119">
        <v>0</v>
      </c>
      <c r="MS30" s="120">
        <v>0</v>
      </c>
      <c r="MT30" s="145"/>
      <c r="MU30" s="119">
        <v>0</v>
      </c>
      <c r="MV30" s="119">
        <v>208531</v>
      </c>
      <c r="MW30" s="119">
        <v>968787</v>
      </c>
      <c r="MX30" s="119">
        <v>250064</v>
      </c>
      <c r="MY30" s="119">
        <v>539335</v>
      </c>
      <c r="MZ30" s="120">
        <v>1966717</v>
      </c>
      <c r="NA30" s="143">
        <v>1966717</v>
      </c>
      <c r="NB30" s="142">
        <v>0</v>
      </c>
      <c r="NC30" s="119">
        <v>0</v>
      </c>
      <c r="ND30" s="120">
        <v>0</v>
      </c>
      <c r="NE30" s="145"/>
      <c r="NF30" s="119">
        <v>269241</v>
      </c>
      <c r="NG30" s="119">
        <v>0</v>
      </c>
      <c r="NH30" s="119">
        <v>74712</v>
      </c>
      <c r="NI30" s="119">
        <v>316638</v>
      </c>
      <c r="NJ30" s="119">
        <v>1217102</v>
      </c>
      <c r="NK30" s="120">
        <v>1877693</v>
      </c>
      <c r="NL30" s="318">
        <v>1877693</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57276</v>
      </c>
      <c r="OJ30" s="119">
        <v>341875</v>
      </c>
      <c r="OK30" s="141">
        <v>499151</v>
      </c>
      <c r="OL30" s="118">
        <v>0</v>
      </c>
      <c r="OM30" s="119">
        <v>1858918</v>
      </c>
      <c r="ON30" s="119">
        <v>1355884</v>
      </c>
      <c r="OO30" s="119">
        <v>2154169</v>
      </c>
      <c r="OP30" s="119">
        <v>1771338</v>
      </c>
      <c r="OQ30" s="119">
        <v>2338518</v>
      </c>
      <c r="OR30" s="120">
        <v>9478827</v>
      </c>
      <c r="OS30" s="143">
        <v>9977978</v>
      </c>
    </row>
    <row r="31" spans="2:409" ht="21" customHeight="1" x14ac:dyDescent="0.2">
      <c r="B31" s="126" t="s">
        <v>26</v>
      </c>
      <c r="C31" s="110">
        <v>143324</v>
      </c>
      <c r="D31" s="114">
        <v>11424</v>
      </c>
      <c r="E31" s="113">
        <v>154748</v>
      </c>
      <c r="F31" s="109">
        <v>0</v>
      </c>
      <c r="G31" s="114">
        <v>1610193</v>
      </c>
      <c r="H31" s="114">
        <v>1691469</v>
      </c>
      <c r="I31" s="114">
        <v>1527676</v>
      </c>
      <c r="J31" s="114">
        <v>451399</v>
      </c>
      <c r="K31" s="114">
        <v>391842</v>
      </c>
      <c r="L31" s="173">
        <v>5672579</v>
      </c>
      <c r="M31" s="116">
        <v>5827327</v>
      </c>
      <c r="N31" s="110">
        <v>10032</v>
      </c>
      <c r="O31" s="114">
        <v>0</v>
      </c>
      <c r="P31" s="113">
        <v>10032</v>
      </c>
      <c r="Q31" s="110">
        <v>0</v>
      </c>
      <c r="R31" s="114">
        <v>547479</v>
      </c>
      <c r="S31" s="114">
        <v>399375</v>
      </c>
      <c r="T31" s="114">
        <v>837769</v>
      </c>
      <c r="U31" s="114">
        <v>161942</v>
      </c>
      <c r="V31" s="114">
        <v>69880</v>
      </c>
      <c r="W31" s="113">
        <v>2016445</v>
      </c>
      <c r="X31" s="116">
        <v>2026477</v>
      </c>
      <c r="Y31" s="110">
        <v>0</v>
      </c>
      <c r="Z31" s="114">
        <v>0</v>
      </c>
      <c r="AA31" s="113">
        <v>0</v>
      </c>
      <c r="AB31" s="110">
        <v>0</v>
      </c>
      <c r="AC31" s="114">
        <v>387735</v>
      </c>
      <c r="AD31" s="114">
        <v>257012</v>
      </c>
      <c r="AE31" s="114">
        <v>601972</v>
      </c>
      <c r="AF31" s="114">
        <v>39279</v>
      </c>
      <c r="AG31" s="114">
        <v>0</v>
      </c>
      <c r="AH31" s="113">
        <v>1285998</v>
      </c>
      <c r="AI31" s="116">
        <v>1285998</v>
      </c>
      <c r="AJ31" s="110">
        <v>0</v>
      </c>
      <c r="AK31" s="114">
        <v>0</v>
      </c>
      <c r="AL31" s="113">
        <v>0</v>
      </c>
      <c r="AM31" s="110">
        <v>0</v>
      </c>
      <c r="AN31" s="114">
        <v>0</v>
      </c>
      <c r="AO31" s="114">
        <v>0</v>
      </c>
      <c r="AP31" s="114">
        <v>0</v>
      </c>
      <c r="AQ31" s="114">
        <v>93534</v>
      </c>
      <c r="AR31" s="114">
        <v>0</v>
      </c>
      <c r="AS31" s="113">
        <v>93534</v>
      </c>
      <c r="AT31" s="116">
        <v>93534</v>
      </c>
      <c r="AU31" s="110">
        <v>0</v>
      </c>
      <c r="AV31" s="114">
        <v>0</v>
      </c>
      <c r="AW31" s="113">
        <v>0</v>
      </c>
      <c r="AX31" s="110">
        <v>0</v>
      </c>
      <c r="AY31" s="114">
        <v>129888</v>
      </c>
      <c r="AZ31" s="114">
        <v>80275</v>
      </c>
      <c r="BA31" s="114">
        <v>167820</v>
      </c>
      <c r="BB31" s="114">
        <v>13737</v>
      </c>
      <c r="BC31" s="114">
        <v>40920</v>
      </c>
      <c r="BD31" s="113">
        <v>432640</v>
      </c>
      <c r="BE31" s="116">
        <v>432640</v>
      </c>
      <c r="BF31" s="110">
        <v>0</v>
      </c>
      <c r="BG31" s="114">
        <v>0</v>
      </c>
      <c r="BH31" s="112">
        <v>0</v>
      </c>
      <c r="BI31" s="111">
        <v>0</v>
      </c>
      <c r="BJ31" s="114">
        <v>0</v>
      </c>
      <c r="BK31" s="114">
        <v>0</v>
      </c>
      <c r="BL31" s="114">
        <v>8633</v>
      </c>
      <c r="BM31" s="114">
        <v>0</v>
      </c>
      <c r="BN31" s="114">
        <v>0</v>
      </c>
      <c r="BO31" s="113">
        <v>8633</v>
      </c>
      <c r="BP31" s="116">
        <v>8633</v>
      </c>
      <c r="BQ31" s="110">
        <v>10032</v>
      </c>
      <c r="BR31" s="114">
        <v>0</v>
      </c>
      <c r="BS31" s="113">
        <v>10032</v>
      </c>
      <c r="BT31" s="110">
        <v>0</v>
      </c>
      <c r="BU31" s="114">
        <v>29856</v>
      </c>
      <c r="BV31" s="114">
        <v>62088</v>
      </c>
      <c r="BW31" s="114">
        <v>59344</v>
      </c>
      <c r="BX31" s="114">
        <v>15392</v>
      </c>
      <c r="BY31" s="114">
        <v>28960</v>
      </c>
      <c r="BZ31" s="113">
        <v>195640</v>
      </c>
      <c r="CA31" s="116">
        <v>205672</v>
      </c>
      <c r="CB31" s="110">
        <v>20742</v>
      </c>
      <c r="CC31" s="114">
        <v>0</v>
      </c>
      <c r="CD31" s="113">
        <v>20742</v>
      </c>
      <c r="CE31" s="110">
        <v>0</v>
      </c>
      <c r="CF31" s="114">
        <v>493273</v>
      </c>
      <c r="CG31" s="114">
        <v>701783</v>
      </c>
      <c r="CH31" s="114">
        <v>346818</v>
      </c>
      <c r="CI31" s="114">
        <v>8217</v>
      </c>
      <c r="CJ31" s="114">
        <v>288126</v>
      </c>
      <c r="CK31" s="113">
        <v>1838217</v>
      </c>
      <c r="CL31" s="116">
        <v>1858959</v>
      </c>
      <c r="CM31" s="110">
        <v>0</v>
      </c>
      <c r="CN31" s="114">
        <v>0</v>
      </c>
      <c r="CO31" s="113">
        <v>0</v>
      </c>
      <c r="CP31" s="111">
        <v>0</v>
      </c>
      <c r="CQ31" s="114">
        <v>436881</v>
      </c>
      <c r="CR31" s="114">
        <v>418518</v>
      </c>
      <c r="CS31" s="114">
        <v>262229</v>
      </c>
      <c r="CT31" s="114">
        <v>8217</v>
      </c>
      <c r="CU31" s="114">
        <v>288126</v>
      </c>
      <c r="CV31" s="113">
        <v>1413971</v>
      </c>
      <c r="CW31" s="116">
        <v>1413971</v>
      </c>
      <c r="CX31" s="110">
        <v>20742</v>
      </c>
      <c r="CY31" s="114">
        <v>0</v>
      </c>
      <c r="CZ31" s="113">
        <v>20742</v>
      </c>
      <c r="DA31" s="110">
        <v>0</v>
      </c>
      <c r="DB31" s="114">
        <v>56392</v>
      </c>
      <c r="DC31" s="114">
        <v>283265</v>
      </c>
      <c r="DD31" s="114">
        <v>84589</v>
      </c>
      <c r="DE31" s="114">
        <v>0</v>
      </c>
      <c r="DF31" s="114">
        <v>0</v>
      </c>
      <c r="DG31" s="113">
        <v>424246</v>
      </c>
      <c r="DH31" s="116">
        <v>444988</v>
      </c>
      <c r="DI31" s="110">
        <v>0</v>
      </c>
      <c r="DJ31" s="114">
        <v>0</v>
      </c>
      <c r="DK31" s="112">
        <v>0</v>
      </c>
      <c r="DL31" s="111">
        <v>0</v>
      </c>
      <c r="DM31" s="114">
        <v>23884</v>
      </c>
      <c r="DN31" s="114">
        <v>228360</v>
      </c>
      <c r="DO31" s="114">
        <v>190409</v>
      </c>
      <c r="DP31" s="114">
        <v>218920</v>
      </c>
      <c r="DQ31" s="114">
        <v>0</v>
      </c>
      <c r="DR31" s="113">
        <v>661573</v>
      </c>
      <c r="DS31" s="116">
        <v>661573</v>
      </c>
      <c r="DT31" s="110">
        <v>0</v>
      </c>
      <c r="DU31" s="114">
        <v>0</v>
      </c>
      <c r="DV31" s="113">
        <v>0</v>
      </c>
      <c r="DW31" s="110">
        <v>0</v>
      </c>
      <c r="DX31" s="114">
        <v>23884</v>
      </c>
      <c r="DY31" s="114">
        <v>228360</v>
      </c>
      <c r="DZ31" s="114">
        <v>105111</v>
      </c>
      <c r="EA31" s="114">
        <v>218920</v>
      </c>
      <c r="EB31" s="114">
        <v>0</v>
      </c>
      <c r="EC31" s="113">
        <v>576275</v>
      </c>
      <c r="ED31" s="116">
        <v>576275</v>
      </c>
      <c r="EE31" s="110">
        <v>0</v>
      </c>
      <c r="EF31" s="112">
        <v>0</v>
      </c>
      <c r="EG31" s="113">
        <v>0</v>
      </c>
      <c r="EH31" s="110">
        <v>0</v>
      </c>
      <c r="EI31" s="114">
        <v>0</v>
      </c>
      <c r="EJ31" s="114">
        <v>0</v>
      </c>
      <c r="EK31" s="114">
        <v>85298</v>
      </c>
      <c r="EL31" s="114">
        <v>0</v>
      </c>
      <c r="EM31" s="114">
        <v>0</v>
      </c>
      <c r="EN31" s="112">
        <v>85298</v>
      </c>
      <c r="EO31" s="116">
        <v>85298</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5"/>
      <c r="FE31" s="114">
        <v>0</v>
      </c>
      <c r="FF31" s="114">
        <v>0</v>
      </c>
      <c r="FG31" s="114">
        <v>0</v>
      </c>
      <c r="FH31" s="114">
        <v>0</v>
      </c>
      <c r="FI31" s="114">
        <v>0</v>
      </c>
      <c r="FJ31" s="113">
        <v>0</v>
      </c>
      <c r="FK31" s="116">
        <v>0</v>
      </c>
      <c r="FL31" s="110">
        <v>58520</v>
      </c>
      <c r="FM31" s="114">
        <v>11424</v>
      </c>
      <c r="FN31" s="113">
        <v>69944</v>
      </c>
      <c r="FO31" s="110">
        <v>0</v>
      </c>
      <c r="FP31" s="114">
        <v>66560</v>
      </c>
      <c r="FQ31" s="114">
        <v>183952</v>
      </c>
      <c r="FR31" s="114">
        <v>152680</v>
      </c>
      <c r="FS31" s="114">
        <v>62320</v>
      </c>
      <c r="FT31" s="114">
        <v>25184</v>
      </c>
      <c r="FU31" s="113">
        <v>490696</v>
      </c>
      <c r="FV31" s="116">
        <v>560640</v>
      </c>
      <c r="FW31" s="115">
        <v>10120</v>
      </c>
      <c r="FX31" s="114">
        <v>11424</v>
      </c>
      <c r="FY31" s="112">
        <v>21544</v>
      </c>
      <c r="FZ31" s="111">
        <v>0</v>
      </c>
      <c r="GA31" s="114">
        <v>66560</v>
      </c>
      <c r="GB31" s="114">
        <v>183952</v>
      </c>
      <c r="GC31" s="114">
        <v>152680</v>
      </c>
      <c r="GD31" s="114">
        <v>62320</v>
      </c>
      <c r="GE31" s="114">
        <v>25184</v>
      </c>
      <c r="GF31" s="113">
        <v>490696</v>
      </c>
      <c r="GG31" s="316">
        <v>512240</v>
      </c>
      <c r="GH31" s="115">
        <v>0</v>
      </c>
      <c r="GI31" s="114">
        <v>0</v>
      </c>
      <c r="GJ31" s="112">
        <v>0</v>
      </c>
      <c r="GK31" s="111">
        <v>0</v>
      </c>
      <c r="GL31" s="114">
        <v>0</v>
      </c>
      <c r="GM31" s="114">
        <v>0</v>
      </c>
      <c r="GN31" s="114">
        <v>0</v>
      </c>
      <c r="GO31" s="114">
        <v>0</v>
      </c>
      <c r="GP31" s="114">
        <v>0</v>
      </c>
      <c r="GQ31" s="113">
        <v>0</v>
      </c>
      <c r="GR31" s="116">
        <v>0</v>
      </c>
      <c r="GS31" s="110">
        <v>48400</v>
      </c>
      <c r="GT31" s="114">
        <v>0</v>
      </c>
      <c r="GU31" s="113">
        <v>48400</v>
      </c>
      <c r="GV31" s="110">
        <v>0</v>
      </c>
      <c r="GW31" s="114">
        <v>0</v>
      </c>
      <c r="GX31" s="114">
        <v>0</v>
      </c>
      <c r="GY31" s="114">
        <v>0</v>
      </c>
      <c r="GZ31" s="114">
        <v>0</v>
      </c>
      <c r="HA31" s="114">
        <v>0</v>
      </c>
      <c r="HB31" s="112">
        <v>0</v>
      </c>
      <c r="HC31" s="116">
        <v>48400</v>
      </c>
      <c r="HD31" s="110">
        <v>54030</v>
      </c>
      <c r="HE31" s="114">
        <v>0</v>
      </c>
      <c r="HF31" s="112">
        <v>54030</v>
      </c>
      <c r="HG31" s="111">
        <v>0</v>
      </c>
      <c r="HH31" s="114">
        <v>478997</v>
      </c>
      <c r="HI31" s="114">
        <v>177999</v>
      </c>
      <c r="HJ31" s="114">
        <v>0</v>
      </c>
      <c r="HK31" s="114">
        <v>0</v>
      </c>
      <c r="HL31" s="114">
        <v>8652</v>
      </c>
      <c r="HM31" s="113">
        <v>665648</v>
      </c>
      <c r="HN31" s="109">
        <v>719678</v>
      </c>
      <c r="HO31" s="326"/>
      <c r="HP31" s="327"/>
      <c r="HQ31" s="328"/>
      <c r="HR31" s="329"/>
      <c r="HS31" s="327"/>
      <c r="HT31" s="327"/>
      <c r="HU31" s="327"/>
      <c r="HV31" s="327"/>
      <c r="HW31" s="327"/>
      <c r="HX31" s="330"/>
      <c r="HY31" s="331"/>
      <c r="HZ31" s="131">
        <v>0</v>
      </c>
      <c r="IA31" s="132">
        <v>0</v>
      </c>
      <c r="IB31" s="133">
        <v>0</v>
      </c>
      <c r="IC31" s="146">
        <v>0</v>
      </c>
      <c r="ID31" s="132">
        <v>239394</v>
      </c>
      <c r="IE31" s="147">
        <v>918294</v>
      </c>
      <c r="IF31" s="133">
        <v>711502</v>
      </c>
      <c r="IG31" s="132">
        <v>255566</v>
      </c>
      <c r="IH31" s="133">
        <v>0</v>
      </c>
      <c r="II31" s="148">
        <v>2124756</v>
      </c>
      <c r="IJ31" s="139">
        <v>2124756</v>
      </c>
      <c r="IK31" s="232">
        <v>0</v>
      </c>
      <c r="IL31" s="236">
        <v>0</v>
      </c>
      <c r="IM31" s="237">
        <v>0</v>
      </c>
      <c r="IN31" s="140"/>
      <c r="IO31" s="119">
        <v>0</v>
      </c>
      <c r="IP31" s="119">
        <v>0</v>
      </c>
      <c r="IQ31" s="119">
        <v>0</v>
      </c>
      <c r="IR31" s="119">
        <v>0</v>
      </c>
      <c r="IS31" s="119">
        <v>0</v>
      </c>
      <c r="IT31" s="141">
        <v>0</v>
      </c>
      <c r="IU31" s="318">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39394</v>
      </c>
      <c r="JL31" s="119">
        <v>790922</v>
      </c>
      <c r="JM31" s="119">
        <v>46510</v>
      </c>
      <c r="JN31" s="119">
        <v>0</v>
      </c>
      <c r="JO31" s="119">
        <v>0</v>
      </c>
      <c r="JP31" s="120">
        <v>1076826</v>
      </c>
      <c r="JQ31" s="318">
        <v>1076826</v>
      </c>
      <c r="JR31" s="142">
        <v>0</v>
      </c>
      <c r="JS31" s="119">
        <v>0</v>
      </c>
      <c r="JT31" s="141">
        <v>0</v>
      </c>
      <c r="JU31" s="118">
        <v>0</v>
      </c>
      <c r="JV31" s="119">
        <v>0</v>
      </c>
      <c r="JW31" s="119">
        <v>127372</v>
      </c>
      <c r="JX31" s="119">
        <v>0</v>
      </c>
      <c r="JY31" s="119">
        <v>0</v>
      </c>
      <c r="JZ31" s="119">
        <v>0</v>
      </c>
      <c r="KA31" s="120">
        <v>127372</v>
      </c>
      <c r="KB31" s="318">
        <v>127372</v>
      </c>
      <c r="KC31" s="234">
        <v>0</v>
      </c>
      <c r="KD31" s="230">
        <v>0</v>
      </c>
      <c r="KE31" s="120">
        <v>0</v>
      </c>
      <c r="KF31" s="118">
        <v>0</v>
      </c>
      <c r="KG31" s="119">
        <v>0</v>
      </c>
      <c r="KH31" s="119">
        <v>0</v>
      </c>
      <c r="KI31" s="119">
        <v>407438</v>
      </c>
      <c r="KJ31" s="119">
        <v>0</v>
      </c>
      <c r="KK31" s="119">
        <v>0</v>
      </c>
      <c r="KL31" s="120">
        <v>407438</v>
      </c>
      <c r="KM31" s="143">
        <v>407438</v>
      </c>
      <c r="KN31" s="232">
        <v>0</v>
      </c>
      <c r="KO31" s="236">
        <v>0</v>
      </c>
      <c r="KP31" s="237">
        <v>0</v>
      </c>
      <c r="KQ31" s="140"/>
      <c r="KR31" s="119">
        <v>0</v>
      </c>
      <c r="KS31" s="119">
        <v>0</v>
      </c>
      <c r="KT31" s="119">
        <v>257554</v>
      </c>
      <c r="KU31" s="119">
        <v>255566</v>
      </c>
      <c r="KV31" s="119">
        <v>0</v>
      </c>
      <c r="KW31" s="120">
        <v>513120</v>
      </c>
      <c r="KX31" s="318">
        <v>513120</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18">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227139</v>
      </c>
      <c r="ML31" s="119">
        <v>1743326</v>
      </c>
      <c r="MM31" s="119">
        <v>1388453</v>
      </c>
      <c r="MN31" s="119">
        <v>517519</v>
      </c>
      <c r="MO31" s="120">
        <v>3876437</v>
      </c>
      <c r="MP31" s="143">
        <v>3876437</v>
      </c>
      <c r="MQ31" s="142">
        <v>0</v>
      </c>
      <c r="MR31" s="119">
        <v>0</v>
      </c>
      <c r="MS31" s="120">
        <v>0</v>
      </c>
      <c r="MT31" s="145"/>
      <c r="MU31" s="119">
        <v>0</v>
      </c>
      <c r="MV31" s="119">
        <v>0</v>
      </c>
      <c r="MW31" s="119">
        <v>708143</v>
      </c>
      <c r="MX31" s="119">
        <v>812664</v>
      </c>
      <c r="MY31" s="119">
        <v>517519</v>
      </c>
      <c r="MZ31" s="120">
        <v>2038326</v>
      </c>
      <c r="NA31" s="143">
        <v>2038326</v>
      </c>
      <c r="NB31" s="142">
        <v>0</v>
      </c>
      <c r="NC31" s="119">
        <v>0</v>
      </c>
      <c r="ND31" s="120">
        <v>0</v>
      </c>
      <c r="NE31" s="145"/>
      <c r="NF31" s="119">
        <v>0</v>
      </c>
      <c r="NG31" s="119">
        <v>227139</v>
      </c>
      <c r="NH31" s="119">
        <v>1035183</v>
      </c>
      <c r="NI31" s="119">
        <v>575789</v>
      </c>
      <c r="NJ31" s="119">
        <v>0</v>
      </c>
      <c r="NK31" s="120">
        <v>1838111</v>
      </c>
      <c r="NL31" s="318">
        <v>1838111</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43324</v>
      </c>
      <c r="OJ31" s="119">
        <v>11424</v>
      </c>
      <c r="OK31" s="141">
        <v>154748</v>
      </c>
      <c r="OL31" s="118">
        <v>0</v>
      </c>
      <c r="OM31" s="119">
        <v>1849587</v>
      </c>
      <c r="ON31" s="119">
        <v>2836902</v>
      </c>
      <c r="OO31" s="119">
        <v>3982504</v>
      </c>
      <c r="OP31" s="119">
        <v>2095418</v>
      </c>
      <c r="OQ31" s="119">
        <v>909361</v>
      </c>
      <c r="OR31" s="120">
        <v>11673772</v>
      </c>
      <c r="OS31" s="143">
        <v>11828520</v>
      </c>
    </row>
    <row r="32" spans="2:409" ht="21" customHeight="1" x14ac:dyDescent="0.2">
      <c r="B32" s="126" t="s">
        <v>27</v>
      </c>
      <c r="C32" s="110">
        <v>98655</v>
      </c>
      <c r="D32" s="114">
        <v>527118</v>
      </c>
      <c r="E32" s="113">
        <v>625773</v>
      </c>
      <c r="F32" s="109">
        <v>0</v>
      </c>
      <c r="G32" s="114">
        <v>1372056</v>
      </c>
      <c r="H32" s="114">
        <v>1555909</v>
      </c>
      <c r="I32" s="114">
        <v>1426690</v>
      </c>
      <c r="J32" s="114">
        <v>2096038</v>
      </c>
      <c r="K32" s="114">
        <v>965380</v>
      </c>
      <c r="L32" s="173">
        <v>7416073</v>
      </c>
      <c r="M32" s="116">
        <v>8041846</v>
      </c>
      <c r="N32" s="110">
        <v>38646</v>
      </c>
      <c r="O32" s="114">
        <v>87131</v>
      </c>
      <c r="P32" s="113">
        <v>125777</v>
      </c>
      <c r="Q32" s="110">
        <v>0</v>
      </c>
      <c r="R32" s="114">
        <v>243899</v>
      </c>
      <c r="S32" s="114">
        <v>431127</v>
      </c>
      <c r="T32" s="114">
        <v>390711</v>
      </c>
      <c r="U32" s="114">
        <v>1038845</v>
      </c>
      <c r="V32" s="114">
        <v>664744</v>
      </c>
      <c r="W32" s="113">
        <v>2769326</v>
      </c>
      <c r="X32" s="116">
        <v>2895103</v>
      </c>
      <c r="Y32" s="110">
        <v>0</v>
      </c>
      <c r="Z32" s="114">
        <v>0</v>
      </c>
      <c r="AA32" s="113">
        <v>0</v>
      </c>
      <c r="AB32" s="110">
        <v>0</v>
      </c>
      <c r="AC32" s="114">
        <v>81759</v>
      </c>
      <c r="AD32" s="114">
        <v>190368</v>
      </c>
      <c r="AE32" s="114">
        <v>127729</v>
      </c>
      <c r="AF32" s="114">
        <v>767711</v>
      </c>
      <c r="AG32" s="114">
        <v>236435</v>
      </c>
      <c r="AH32" s="113">
        <v>1404002</v>
      </c>
      <c r="AI32" s="116">
        <v>1404002</v>
      </c>
      <c r="AJ32" s="110">
        <v>0</v>
      </c>
      <c r="AK32" s="114">
        <v>0</v>
      </c>
      <c r="AL32" s="113">
        <v>0</v>
      </c>
      <c r="AM32" s="110">
        <v>0</v>
      </c>
      <c r="AN32" s="114">
        <v>0</v>
      </c>
      <c r="AO32" s="114">
        <v>0</v>
      </c>
      <c r="AP32" s="114">
        <v>0</v>
      </c>
      <c r="AQ32" s="114">
        <v>0</v>
      </c>
      <c r="AR32" s="114">
        <v>102465</v>
      </c>
      <c r="AS32" s="113">
        <v>102465</v>
      </c>
      <c r="AT32" s="116">
        <v>102465</v>
      </c>
      <c r="AU32" s="110">
        <v>23590</v>
      </c>
      <c r="AV32" s="114">
        <v>80115</v>
      </c>
      <c r="AW32" s="113">
        <v>103705</v>
      </c>
      <c r="AX32" s="110">
        <v>0</v>
      </c>
      <c r="AY32" s="114">
        <v>117596</v>
      </c>
      <c r="AZ32" s="114">
        <v>161082</v>
      </c>
      <c r="BA32" s="114">
        <v>196590</v>
      </c>
      <c r="BB32" s="114">
        <v>205518</v>
      </c>
      <c r="BC32" s="114">
        <v>285428</v>
      </c>
      <c r="BD32" s="113">
        <v>966214</v>
      </c>
      <c r="BE32" s="116">
        <v>1069919</v>
      </c>
      <c r="BF32" s="110">
        <v>0</v>
      </c>
      <c r="BG32" s="114">
        <v>0</v>
      </c>
      <c r="BH32" s="112">
        <v>0</v>
      </c>
      <c r="BI32" s="111">
        <v>0</v>
      </c>
      <c r="BJ32" s="114">
        <v>0</v>
      </c>
      <c r="BK32" s="114">
        <v>39501</v>
      </c>
      <c r="BL32" s="114">
        <v>0</v>
      </c>
      <c r="BM32" s="114">
        <v>0</v>
      </c>
      <c r="BN32" s="114">
        <v>0</v>
      </c>
      <c r="BO32" s="113">
        <v>39501</v>
      </c>
      <c r="BP32" s="116">
        <v>39501</v>
      </c>
      <c r="BQ32" s="110">
        <v>15056</v>
      </c>
      <c r="BR32" s="114">
        <v>7016</v>
      </c>
      <c r="BS32" s="113">
        <v>22072</v>
      </c>
      <c r="BT32" s="110">
        <v>0</v>
      </c>
      <c r="BU32" s="114">
        <v>44544</v>
      </c>
      <c r="BV32" s="114">
        <v>40176</v>
      </c>
      <c r="BW32" s="114">
        <v>66392</v>
      </c>
      <c r="BX32" s="114">
        <v>65616</v>
      </c>
      <c r="BY32" s="114">
        <v>40416</v>
      </c>
      <c r="BZ32" s="113">
        <v>257144</v>
      </c>
      <c r="CA32" s="116">
        <v>279216</v>
      </c>
      <c r="CB32" s="110">
        <v>0</v>
      </c>
      <c r="CC32" s="114">
        <v>77969</v>
      </c>
      <c r="CD32" s="113">
        <v>77969</v>
      </c>
      <c r="CE32" s="110">
        <v>0</v>
      </c>
      <c r="CF32" s="114">
        <v>645655</v>
      </c>
      <c r="CG32" s="114">
        <v>778374</v>
      </c>
      <c r="CH32" s="114">
        <v>592263</v>
      </c>
      <c r="CI32" s="114">
        <v>380955</v>
      </c>
      <c r="CJ32" s="114">
        <v>0</v>
      </c>
      <c r="CK32" s="113">
        <v>2397247</v>
      </c>
      <c r="CL32" s="116">
        <v>2475216</v>
      </c>
      <c r="CM32" s="110">
        <v>0</v>
      </c>
      <c r="CN32" s="114">
        <v>0</v>
      </c>
      <c r="CO32" s="113">
        <v>0</v>
      </c>
      <c r="CP32" s="111">
        <v>0</v>
      </c>
      <c r="CQ32" s="114">
        <v>583494</v>
      </c>
      <c r="CR32" s="114">
        <v>515664</v>
      </c>
      <c r="CS32" s="114">
        <v>510153</v>
      </c>
      <c r="CT32" s="114">
        <v>380955</v>
      </c>
      <c r="CU32" s="114">
        <v>0</v>
      </c>
      <c r="CV32" s="113">
        <v>1990266</v>
      </c>
      <c r="CW32" s="116">
        <v>1990266</v>
      </c>
      <c r="CX32" s="110">
        <v>0</v>
      </c>
      <c r="CY32" s="114">
        <v>77969</v>
      </c>
      <c r="CZ32" s="113">
        <v>77969</v>
      </c>
      <c r="DA32" s="110">
        <v>0</v>
      </c>
      <c r="DB32" s="114">
        <v>62161</v>
      </c>
      <c r="DC32" s="114">
        <v>262710</v>
      </c>
      <c r="DD32" s="114">
        <v>82110</v>
      </c>
      <c r="DE32" s="114">
        <v>0</v>
      </c>
      <c r="DF32" s="114">
        <v>0</v>
      </c>
      <c r="DG32" s="113">
        <v>406981</v>
      </c>
      <c r="DH32" s="116">
        <v>484950</v>
      </c>
      <c r="DI32" s="110">
        <v>0</v>
      </c>
      <c r="DJ32" s="114">
        <v>0</v>
      </c>
      <c r="DK32" s="112">
        <v>0</v>
      </c>
      <c r="DL32" s="111">
        <v>0</v>
      </c>
      <c r="DM32" s="114">
        <v>24881</v>
      </c>
      <c r="DN32" s="114">
        <v>0</v>
      </c>
      <c r="DO32" s="114">
        <v>86361</v>
      </c>
      <c r="DP32" s="114">
        <v>139032</v>
      </c>
      <c r="DQ32" s="114">
        <v>28254</v>
      </c>
      <c r="DR32" s="113">
        <v>278528</v>
      </c>
      <c r="DS32" s="116">
        <v>278528</v>
      </c>
      <c r="DT32" s="110">
        <v>0</v>
      </c>
      <c r="DU32" s="114">
        <v>0</v>
      </c>
      <c r="DV32" s="113">
        <v>0</v>
      </c>
      <c r="DW32" s="110">
        <v>0</v>
      </c>
      <c r="DX32" s="114">
        <v>7857</v>
      </c>
      <c r="DY32" s="114">
        <v>0</v>
      </c>
      <c r="DZ32" s="114">
        <v>76153</v>
      </c>
      <c r="EA32" s="114">
        <v>139032</v>
      </c>
      <c r="EB32" s="114">
        <v>28254</v>
      </c>
      <c r="EC32" s="113">
        <v>251296</v>
      </c>
      <c r="ED32" s="116">
        <v>251296</v>
      </c>
      <c r="EE32" s="110">
        <v>0</v>
      </c>
      <c r="EF32" s="112">
        <v>0</v>
      </c>
      <c r="EG32" s="113">
        <v>0</v>
      </c>
      <c r="EH32" s="110">
        <v>0</v>
      </c>
      <c r="EI32" s="114">
        <v>17024</v>
      </c>
      <c r="EJ32" s="114">
        <v>0</v>
      </c>
      <c r="EK32" s="114">
        <v>10208</v>
      </c>
      <c r="EL32" s="114">
        <v>0</v>
      </c>
      <c r="EM32" s="114">
        <v>0</v>
      </c>
      <c r="EN32" s="112">
        <v>27232</v>
      </c>
      <c r="EO32" s="116">
        <v>27232</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5"/>
      <c r="FE32" s="114">
        <v>0</v>
      </c>
      <c r="FF32" s="114">
        <v>0</v>
      </c>
      <c r="FG32" s="114">
        <v>0</v>
      </c>
      <c r="FH32" s="114">
        <v>0</v>
      </c>
      <c r="FI32" s="114">
        <v>0</v>
      </c>
      <c r="FJ32" s="113">
        <v>0</v>
      </c>
      <c r="FK32" s="116">
        <v>0</v>
      </c>
      <c r="FL32" s="110">
        <v>7600</v>
      </c>
      <c r="FM32" s="114">
        <v>362018</v>
      </c>
      <c r="FN32" s="113">
        <v>369618</v>
      </c>
      <c r="FO32" s="110">
        <v>0</v>
      </c>
      <c r="FP32" s="114">
        <v>23280</v>
      </c>
      <c r="FQ32" s="114">
        <v>346408</v>
      </c>
      <c r="FR32" s="114">
        <v>159040</v>
      </c>
      <c r="FS32" s="114">
        <v>113680</v>
      </c>
      <c r="FT32" s="114">
        <v>40248</v>
      </c>
      <c r="FU32" s="113">
        <v>682656</v>
      </c>
      <c r="FV32" s="116">
        <v>1052274</v>
      </c>
      <c r="FW32" s="115">
        <v>7600</v>
      </c>
      <c r="FX32" s="114">
        <v>121520</v>
      </c>
      <c r="FY32" s="112">
        <v>129120</v>
      </c>
      <c r="FZ32" s="111">
        <v>0</v>
      </c>
      <c r="GA32" s="114">
        <v>13600</v>
      </c>
      <c r="GB32" s="114">
        <v>199624</v>
      </c>
      <c r="GC32" s="114">
        <v>159040</v>
      </c>
      <c r="GD32" s="114">
        <v>113680</v>
      </c>
      <c r="GE32" s="114">
        <v>40248</v>
      </c>
      <c r="GF32" s="113">
        <v>526192</v>
      </c>
      <c r="GG32" s="316">
        <v>655312</v>
      </c>
      <c r="GH32" s="115">
        <v>0</v>
      </c>
      <c r="GI32" s="114">
        <v>39754</v>
      </c>
      <c r="GJ32" s="112">
        <v>39754</v>
      </c>
      <c r="GK32" s="111">
        <v>0</v>
      </c>
      <c r="GL32" s="114">
        <v>0</v>
      </c>
      <c r="GM32" s="114">
        <v>76384</v>
      </c>
      <c r="GN32" s="114">
        <v>0</v>
      </c>
      <c r="GO32" s="114">
        <v>0</v>
      </c>
      <c r="GP32" s="114">
        <v>0</v>
      </c>
      <c r="GQ32" s="113">
        <v>76384</v>
      </c>
      <c r="GR32" s="116">
        <v>116138</v>
      </c>
      <c r="GS32" s="110">
        <v>0</v>
      </c>
      <c r="GT32" s="114">
        <v>200744</v>
      </c>
      <c r="GU32" s="113">
        <v>200744</v>
      </c>
      <c r="GV32" s="110">
        <v>0</v>
      </c>
      <c r="GW32" s="114">
        <v>9680</v>
      </c>
      <c r="GX32" s="114">
        <v>70400</v>
      </c>
      <c r="GY32" s="114">
        <v>0</v>
      </c>
      <c r="GZ32" s="114">
        <v>0</v>
      </c>
      <c r="HA32" s="114">
        <v>0</v>
      </c>
      <c r="HB32" s="112">
        <v>80080</v>
      </c>
      <c r="HC32" s="116">
        <v>280824</v>
      </c>
      <c r="HD32" s="110">
        <v>52409</v>
      </c>
      <c r="HE32" s="114">
        <v>0</v>
      </c>
      <c r="HF32" s="112">
        <v>52409</v>
      </c>
      <c r="HG32" s="111">
        <v>0</v>
      </c>
      <c r="HH32" s="114">
        <v>434341</v>
      </c>
      <c r="HI32" s="114">
        <v>0</v>
      </c>
      <c r="HJ32" s="114">
        <v>198315</v>
      </c>
      <c r="HK32" s="114">
        <v>423526</v>
      </c>
      <c r="HL32" s="114">
        <v>232134</v>
      </c>
      <c r="HM32" s="113">
        <v>1288316</v>
      </c>
      <c r="HN32" s="109">
        <v>1340725</v>
      </c>
      <c r="HO32" s="326"/>
      <c r="HP32" s="327"/>
      <c r="HQ32" s="328"/>
      <c r="HR32" s="329"/>
      <c r="HS32" s="327"/>
      <c r="HT32" s="327"/>
      <c r="HU32" s="327"/>
      <c r="HV32" s="327"/>
      <c r="HW32" s="327"/>
      <c r="HX32" s="330"/>
      <c r="HY32" s="331"/>
      <c r="HZ32" s="150">
        <v>0</v>
      </c>
      <c r="IA32" s="135">
        <v>0</v>
      </c>
      <c r="IB32" s="150">
        <v>0</v>
      </c>
      <c r="IC32" s="134">
        <v>0</v>
      </c>
      <c r="ID32" s="135">
        <v>117168</v>
      </c>
      <c r="IE32" s="136">
        <v>26405</v>
      </c>
      <c r="IF32" s="137">
        <v>703375</v>
      </c>
      <c r="IG32" s="135">
        <v>331076</v>
      </c>
      <c r="IH32" s="137">
        <v>269681</v>
      </c>
      <c r="II32" s="138">
        <v>1447705</v>
      </c>
      <c r="IJ32" s="150">
        <v>1447705</v>
      </c>
      <c r="IK32" s="232">
        <v>0</v>
      </c>
      <c r="IL32" s="236">
        <v>0</v>
      </c>
      <c r="IM32" s="237">
        <v>0</v>
      </c>
      <c r="IN32" s="140"/>
      <c r="IO32" s="119">
        <v>0</v>
      </c>
      <c r="IP32" s="119">
        <v>0</v>
      </c>
      <c r="IQ32" s="119">
        <v>175496</v>
      </c>
      <c r="IR32" s="119">
        <v>0</v>
      </c>
      <c r="IS32" s="119">
        <v>0</v>
      </c>
      <c r="IT32" s="141">
        <v>175496</v>
      </c>
      <c r="IU32" s="318">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0</v>
      </c>
      <c r="JL32" s="119">
        <v>26405</v>
      </c>
      <c r="JM32" s="119">
        <v>0</v>
      </c>
      <c r="JN32" s="119">
        <v>0</v>
      </c>
      <c r="JO32" s="119">
        <v>0</v>
      </c>
      <c r="JP32" s="120">
        <v>26405</v>
      </c>
      <c r="JQ32" s="318">
        <v>26405</v>
      </c>
      <c r="JR32" s="142">
        <v>0</v>
      </c>
      <c r="JS32" s="119">
        <v>0</v>
      </c>
      <c r="JT32" s="141">
        <v>0</v>
      </c>
      <c r="JU32" s="118">
        <v>0</v>
      </c>
      <c r="JV32" s="119">
        <v>117168</v>
      </c>
      <c r="JW32" s="119">
        <v>0</v>
      </c>
      <c r="JX32" s="119">
        <v>47056</v>
      </c>
      <c r="JY32" s="119">
        <v>239888</v>
      </c>
      <c r="JZ32" s="119">
        <v>0</v>
      </c>
      <c r="KA32" s="120">
        <v>404112</v>
      </c>
      <c r="KB32" s="318">
        <v>404112</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250858</v>
      </c>
      <c r="KU32" s="119">
        <v>91188</v>
      </c>
      <c r="KV32" s="119">
        <v>0</v>
      </c>
      <c r="KW32" s="120">
        <v>342046</v>
      </c>
      <c r="KX32" s="318">
        <v>342046</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29965</v>
      </c>
      <c r="LQ32" s="119">
        <v>0</v>
      </c>
      <c r="LR32" s="119">
        <v>269681</v>
      </c>
      <c r="LS32" s="120">
        <v>499646</v>
      </c>
      <c r="LT32" s="318">
        <v>499646</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731530</v>
      </c>
      <c r="ML32" s="119">
        <v>1338354</v>
      </c>
      <c r="MM32" s="119">
        <v>1340358</v>
      </c>
      <c r="MN32" s="119">
        <v>0</v>
      </c>
      <c r="MO32" s="120">
        <v>3410242</v>
      </c>
      <c r="MP32" s="143">
        <v>3410242</v>
      </c>
      <c r="MQ32" s="142">
        <v>0</v>
      </c>
      <c r="MR32" s="119">
        <v>0</v>
      </c>
      <c r="MS32" s="120">
        <v>0</v>
      </c>
      <c r="MT32" s="145"/>
      <c r="MU32" s="119">
        <v>0</v>
      </c>
      <c r="MV32" s="119">
        <v>234623</v>
      </c>
      <c r="MW32" s="119">
        <v>187357</v>
      </c>
      <c r="MX32" s="119">
        <v>425524</v>
      </c>
      <c r="MY32" s="119">
        <v>0</v>
      </c>
      <c r="MZ32" s="120">
        <v>847504</v>
      </c>
      <c r="NA32" s="143">
        <v>847504</v>
      </c>
      <c r="NB32" s="142">
        <v>0</v>
      </c>
      <c r="NC32" s="119">
        <v>0</v>
      </c>
      <c r="ND32" s="120">
        <v>0</v>
      </c>
      <c r="NE32" s="145"/>
      <c r="NF32" s="119">
        <v>0</v>
      </c>
      <c r="NG32" s="119">
        <v>496907</v>
      </c>
      <c r="NH32" s="119">
        <v>1150997</v>
      </c>
      <c r="NI32" s="119">
        <v>537427</v>
      </c>
      <c r="NJ32" s="119">
        <v>0</v>
      </c>
      <c r="NK32" s="120">
        <v>2185331</v>
      </c>
      <c r="NL32" s="318">
        <v>2185331</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77407</v>
      </c>
      <c r="OF32" s="119">
        <v>0</v>
      </c>
      <c r="OG32" s="120">
        <v>377407</v>
      </c>
      <c r="OH32" s="121">
        <v>377407</v>
      </c>
      <c r="OI32" s="142">
        <v>98655</v>
      </c>
      <c r="OJ32" s="119">
        <v>527118</v>
      </c>
      <c r="OK32" s="141">
        <v>625773</v>
      </c>
      <c r="OL32" s="118">
        <v>0</v>
      </c>
      <c r="OM32" s="119">
        <v>1489224</v>
      </c>
      <c r="ON32" s="119">
        <v>2313844</v>
      </c>
      <c r="OO32" s="119">
        <v>3468419</v>
      </c>
      <c r="OP32" s="119">
        <v>3767472</v>
      </c>
      <c r="OQ32" s="119">
        <v>1235061</v>
      </c>
      <c r="OR32" s="120">
        <v>12274020</v>
      </c>
      <c r="OS32" s="143">
        <v>12899793</v>
      </c>
    </row>
    <row r="33" spans="2:409" ht="21" customHeight="1" x14ac:dyDescent="0.2">
      <c r="B33" s="126" t="s">
        <v>28</v>
      </c>
      <c r="C33" s="110">
        <v>0</v>
      </c>
      <c r="D33" s="114">
        <v>45207</v>
      </c>
      <c r="E33" s="113">
        <v>45207</v>
      </c>
      <c r="F33" s="109">
        <v>0</v>
      </c>
      <c r="G33" s="114">
        <v>530752</v>
      </c>
      <c r="H33" s="114">
        <v>161770</v>
      </c>
      <c r="I33" s="114">
        <v>240780</v>
      </c>
      <c r="J33" s="114">
        <v>454171</v>
      </c>
      <c r="K33" s="114">
        <v>44969</v>
      </c>
      <c r="L33" s="173">
        <v>1432442</v>
      </c>
      <c r="M33" s="116">
        <v>1477649</v>
      </c>
      <c r="N33" s="110">
        <v>0</v>
      </c>
      <c r="O33" s="114">
        <v>0</v>
      </c>
      <c r="P33" s="113">
        <v>0</v>
      </c>
      <c r="Q33" s="110">
        <v>0</v>
      </c>
      <c r="R33" s="114">
        <v>8912</v>
      </c>
      <c r="S33" s="114">
        <v>23302</v>
      </c>
      <c r="T33" s="114">
        <v>0</v>
      </c>
      <c r="U33" s="114">
        <v>237755</v>
      </c>
      <c r="V33" s="114">
        <v>11856</v>
      </c>
      <c r="W33" s="113">
        <v>281825</v>
      </c>
      <c r="X33" s="116">
        <v>281825</v>
      </c>
      <c r="Y33" s="110">
        <v>0</v>
      </c>
      <c r="Z33" s="114">
        <v>0</v>
      </c>
      <c r="AA33" s="113">
        <v>0</v>
      </c>
      <c r="AB33" s="110">
        <v>0</v>
      </c>
      <c r="AC33" s="114">
        <v>0</v>
      </c>
      <c r="AD33" s="114">
        <v>0</v>
      </c>
      <c r="AE33" s="114">
        <v>0</v>
      </c>
      <c r="AF33" s="114">
        <v>131264</v>
      </c>
      <c r="AG33" s="114">
        <v>0</v>
      </c>
      <c r="AH33" s="113">
        <v>131264</v>
      </c>
      <c r="AI33" s="116">
        <v>131264</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8510</v>
      </c>
      <c r="BA33" s="114">
        <v>0</v>
      </c>
      <c r="BB33" s="114">
        <v>97579</v>
      </c>
      <c r="BC33" s="114">
        <v>0</v>
      </c>
      <c r="BD33" s="113">
        <v>106089</v>
      </c>
      <c r="BE33" s="116">
        <v>106089</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8912</v>
      </c>
      <c r="BV33" s="114">
        <v>14792</v>
      </c>
      <c r="BW33" s="114">
        <v>0</v>
      </c>
      <c r="BX33" s="114">
        <v>8912</v>
      </c>
      <c r="BY33" s="114">
        <v>11856</v>
      </c>
      <c r="BZ33" s="113">
        <v>44472</v>
      </c>
      <c r="CA33" s="116">
        <v>44472</v>
      </c>
      <c r="CB33" s="110">
        <v>0</v>
      </c>
      <c r="CC33" s="114">
        <v>38807</v>
      </c>
      <c r="CD33" s="113">
        <v>38807</v>
      </c>
      <c r="CE33" s="110">
        <v>0</v>
      </c>
      <c r="CF33" s="114">
        <v>205855</v>
      </c>
      <c r="CG33" s="114">
        <v>23316</v>
      </c>
      <c r="CH33" s="114">
        <v>0</v>
      </c>
      <c r="CI33" s="114">
        <v>0</v>
      </c>
      <c r="CJ33" s="114">
        <v>0</v>
      </c>
      <c r="CK33" s="113">
        <v>229171</v>
      </c>
      <c r="CL33" s="116">
        <v>267978</v>
      </c>
      <c r="CM33" s="110">
        <v>0</v>
      </c>
      <c r="CN33" s="114">
        <v>0</v>
      </c>
      <c r="CO33" s="113">
        <v>0</v>
      </c>
      <c r="CP33" s="111">
        <v>0</v>
      </c>
      <c r="CQ33" s="114">
        <v>205855</v>
      </c>
      <c r="CR33" s="114">
        <v>23316</v>
      </c>
      <c r="CS33" s="114">
        <v>0</v>
      </c>
      <c r="CT33" s="114">
        <v>0</v>
      </c>
      <c r="CU33" s="114">
        <v>0</v>
      </c>
      <c r="CV33" s="113">
        <v>229171</v>
      </c>
      <c r="CW33" s="116">
        <v>229171</v>
      </c>
      <c r="CX33" s="110">
        <v>0</v>
      </c>
      <c r="CY33" s="114">
        <v>38807</v>
      </c>
      <c r="CZ33" s="113">
        <v>38807</v>
      </c>
      <c r="DA33" s="110">
        <v>0</v>
      </c>
      <c r="DB33" s="114">
        <v>0</v>
      </c>
      <c r="DC33" s="114">
        <v>0</v>
      </c>
      <c r="DD33" s="114">
        <v>0</v>
      </c>
      <c r="DE33" s="114">
        <v>0</v>
      </c>
      <c r="DF33" s="114">
        <v>0</v>
      </c>
      <c r="DG33" s="113">
        <v>0</v>
      </c>
      <c r="DH33" s="116">
        <v>38807</v>
      </c>
      <c r="DI33" s="110">
        <v>0</v>
      </c>
      <c r="DJ33" s="114">
        <v>0</v>
      </c>
      <c r="DK33" s="112">
        <v>0</v>
      </c>
      <c r="DL33" s="111">
        <v>0</v>
      </c>
      <c r="DM33" s="114">
        <v>0</v>
      </c>
      <c r="DN33" s="114">
        <v>0</v>
      </c>
      <c r="DO33" s="114">
        <v>218780</v>
      </c>
      <c r="DP33" s="114">
        <v>0</v>
      </c>
      <c r="DQ33" s="114">
        <v>33113</v>
      </c>
      <c r="DR33" s="113">
        <v>251893</v>
      </c>
      <c r="DS33" s="116">
        <v>251893</v>
      </c>
      <c r="DT33" s="110">
        <v>0</v>
      </c>
      <c r="DU33" s="114">
        <v>0</v>
      </c>
      <c r="DV33" s="113">
        <v>0</v>
      </c>
      <c r="DW33" s="110">
        <v>0</v>
      </c>
      <c r="DX33" s="114">
        <v>0</v>
      </c>
      <c r="DY33" s="114">
        <v>0</v>
      </c>
      <c r="DZ33" s="114">
        <v>175080</v>
      </c>
      <c r="EA33" s="114">
        <v>0</v>
      </c>
      <c r="EB33" s="114">
        <v>33113</v>
      </c>
      <c r="EC33" s="113">
        <v>208193</v>
      </c>
      <c r="ED33" s="116">
        <v>208193</v>
      </c>
      <c r="EE33" s="110">
        <v>0</v>
      </c>
      <c r="EF33" s="112">
        <v>0</v>
      </c>
      <c r="EG33" s="113">
        <v>0</v>
      </c>
      <c r="EH33" s="110">
        <v>0</v>
      </c>
      <c r="EI33" s="114">
        <v>0</v>
      </c>
      <c r="EJ33" s="114">
        <v>0</v>
      </c>
      <c r="EK33" s="114">
        <v>43700</v>
      </c>
      <c r="EL33" s="114">
        <v>0</v>
      </c>
      <c r="EM33" s="114">
        <v>0</v>
      </c>
      <c r="EN33" s="112">
        <v>43700</v>
      </c>
      <c r="EO33" s="116">
        <v>4370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5"/>
      <c r="FE33" s="114">
        <v>0</v>
      </c>
      <c r="FF33" s="114">
        <v>0</v>
      </c>
      <c r="FG33" s="114">
        <v>0</v>
      </c>
      <c r="FH33" s="114">
        <v>0</v>
      </c>
      <c r="FI33" s="114">
        <v>0</v>
      </c>
      <c r="FJ33" s="113">
        <v>0</v>
      </c>
      <c r="FK33" s="116">
        <v>0</v>
      </c>
      <c r="FL33" s="110">
        <v>0</v>
      </c>
      <c r="FM33" s="114">
        <v>6400</v>
      </c>
      <c r="FN33" s="113">
        <v>6400</v>
      </c>
      <c r="FO33" s="110">
        <v>0</v>
      </c>
      <c r="FP33" s="114">
        <v>19200</v>
      </c>
      <c r="FQ33" s="114">
        <v>115152</v>
      </c>
      <c r="FR33" s="114">
        <v>22000</v>
      </c>
      <c r="FS33" s="114">
        <v>2800</v>
      </c>
      <c r="FT33" s="114">
        <v>0</v>
      </c>
      <c r="FU33" s="113">
        <v>159152</v>
      </c>
      <c r="FV33" s="116">
        <v>165552</v>
      </c>
      <c r="FW33" s="115">
        <v>0</v>
      </c>
      <c r="FX33" s="114">
        <v>6400</v>
      </c>
      <c r="FY33" s="112">
        <v>6400</v>
      </c>
      <c r="FZ33" s="111">
        <v>0</v>
      </c>
      <c r="GA33" s="114">
        <v>19200</v>
      </c>
      <c r="GB33" s="114">
        <v>40176</v>
      </c>
      <c r="GC33" s="114">
        <v>22000</v>
      </c>
      <c r="GD33" s="114">
        <v>2800</v>
      </c>
      <c r="GE33" s="114">
        <v>0</v>
      </c>
      <c r="GF33" s="113">
        <v>84176</v>
      </c>
      <c r="GG33" s="316">
        <v>90576</v>
      </c>
      <c r="GH33" s="115">
        <v>0</v>
      </c>
      <c r="GI33" s="114">
        <v>0</v>
      </c>
      <c r="GJ33" s="112">
        <v>0</v>
      </c>
      <c r="GK33" s="111">
        <v>0</v>
      </c>
      <c r="GL33" s="114">
        <v>0</v>
      </c>
      <c r="GM33" s="114">
        <v>16896</v>
      </c>
      <c r="GN33" s="114">
        <v>0</v>
      </c>
      <c r="GO33" s="114">
        <v>0</v>
      </c>
      <c r="GP33" s="114">
        <v>0</v>
      </c>
      <c r="GQ33" s="113">
        <v>16896</v>
      </c>
      <c r="GR33" s="116">
        <v>16896</v>
      </c>
      <c r="GS33" s="110">
        <v>0</v>
      </c>
      <c r="GT33" s="114">
        <v>0</v>
      </c>
      <c r="GU33" s="113">
        <v>0</v>
      </c>
      <c r="GV33" s="110">
        <v>0</v>
      </c>
      <c r="GW33" s="114">
        <v>0</v>
      </c>
      <c r="GX33" s="114">
        <v>58080</v>
      </c>
      <c r="GY33" s="114">
        <v>0</v>
      </c>
      <c r="GZ33" s="114">
        <v>0</v>
      </c>
      <c r="HA33" s="114">
        <v>0</v>
      </c>
      <c r="HB33" s="112">
        <v>58080</v>
      </c>
      <c r="HC33" s="116">
        <v>58080</v>
      </c>
      <c r="HD33" s="110">
        <v>0</v>
      </c>
      <c r="HE33" s="114">
        <v>0</v>
      </c>
      <c r="HF33" s="112">
        <v>0</v>
      </c>
      <c r="HG33" s="111">
        <v>0</v>
      </c>
      <c r="HH33" s="114">
        <v>296785</v>
      </c>
      <c r="HI33" s="114">
        <v>0</v>
      </c>
      <c r="HJ33" s="114">
        <v>0</v>
      </c>
      <c r="HK33" s="114">
        <v>213616</v>
      </c>
      <c r="HL33" s="114">
        <v>0</v>
      </c>
      <c r="HM33" s="113">
        <v>510401</v>
      </c>
      <c r="HN33" s="109">
        <v>510401</v>
      </c>
      <c r="HO33" s="326"/>
      <c r="HP33" s="327"/>
      <c r="HQ33" s="328"/>
      <c r="HR33" s="329"/>
      <c r="HS33" s="327"/>
      <c r="HT33" s="327"/>
      <c r="HU33" s="327"/>
      <c r="HV33" s="327"/>
      <c r="HW33" s="327"/>
      <c r="HX33" s="330"/>
      <c r="HY33" s="331"/>
      <c r="HZ33" s="131">
        <v>0</v>
      </c>
      <c r="IA33" s="132">
        <v>0</v>
      </c>
      <c r="IB33" s="133">
        <v>0</v>
      </c>
      <c r="IC33" s="146">
        <v>0</v>
      </c>
      <c r="ID33" s="132">
        <v>130456</v>
      </c>
      <c r="IE33" s="147">
        <v>41632</v>
      </c>
      <c r="IF33" s="133">
        <v>0</v>
      </c>
      <c r="IG33" s="132">
        <v>0</v>
      </c>
      <c r="IH33" s="133">
        <v>528672</v>
      </c>
      <c r="II33" s="148">
        <v>700760</v>
      </c>
      <c r="IJ33" s="139">
        <v>700760</v>
      </c>
      <c r="IK33" s="232">
        <v>0</v>
      </c>
      <c r="IL33" s="236">
        <v>0</v>
      </c>
      <c r="IM33" s="237">
        <v>0</v>
      </c>
      <c r="IN33" s="140"/>
      <c r="IO33" s="119">
        <v>0</v>
      </c>
      <c r="IP33" s="119">
        <v>0</v>
      </c>
      <c r="IQ33" s="119">
        <v>0</v>
      </c>
      <c r="IR33" s="119">
        <v>0</v>
      </c>
      <c r="IS33" s="119">
        <v>0</v>
      </c>
      <c r="IT33" s="141">
        <v>0</v>
      </c>
      <c r="IU33" s="318">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30456</v>
      </c>
      <c r="JL33" s="119">
        <v>41632</v>
      </c>
      <c r="JM33" s="119">
        <v>0</v>
      </c>
      <c r="JN33" s="119">
        <v>0</v>
      </c>
      <c r="JO33" s="119">
        <v>0</v>
      </c>
      <c r="JP33" s="120">
        <v>172088</v>
      </c>
      <c r="JQ33" s="318">
        <v>172088</v>
      </c>
      <c r="JR33" s="142">
        <v>0</v>
      </c>
      <c r="JS33" s="119">
        <v>0</v>
      </c>
      <c r="JT33" s="141">
        <v>0</v>
      </c>
      <c r="JU33" s="118">
        <v>0</v>
      </c>
      <c r="JV33" s="119">
        <v>0</v>
      </c>
      <c r="JW33" s="119">
        <v>0</v>
      </c>
      <c r="JX33" s="119">
        <v>0</v>
      </c>
      <c r="JY33" s="119">
        <v>0</v>
      </c>
      <c r="JZ33" s="119">
        <v>40864</v>
      </c>
      <c r="KA33" s="120">
        <v>40864</v>
      </c>
      <c r="KB33" s="318">
        <v>40864</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487808</v>
      </c>
      <c r="KW33" s="120">
        <v>487808</v>
      </c>
      <c r="KX33" s="318">
        <v>487808</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18">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17504</v>
      </c>
      <c r="ML33" s="119">
        <v>0</v>
      </c>
      <c r="MM33" s="119">
        <v>787505</v>
      </c>
      <c r="MN33" s="119">
        <v>0</v>
      </c>
      <c r="MO33" s="120">
        <v>1005009</v>
      </c>
      <c r="MP33" s="143">
        <v>1005009</v>
      </c>
      <c r="MQ33" s="142">
        <v>0</v>
      </c>
      <c r="MR33" s="119">
        <v>0</v>
      </c>
      <c r="MS33" s="120">
        <v>0</v>
      </c>
      <c r="MT33" s="145"/>
      <c r="MU33" s="119">
        <v>0</v>
      </c>
      <c r="MV33" s="119">
        <v>0</v>
      </c>
      <c r="MW33" s="119">
        <v>0</v>
      </c>
      <c r="MX33" s="119">
        <v>229080</v>
      </c>
      <c r="MY33" s="119">
        <v>0</v>
      </c>
      <c r="MZ33" s="120">
        <v>229080</v>
      </c>
      <c r="NA33" s="143">
        <v>229080</v>
      </c>
      <c r="NB33" s="142">
        <v>0</v>
      </c>
      <c r="NC33" s="119">
        <v>0</v>
      </c>
      <c r="ND33" s="120">
        <v>0</v>
      </c>
      <c r="NE33" s="145"/>
      <c r="NF33" s="119">
        <v>0</v>
      </c>
      <c r="NG33" s="119">
        <v>217504</v>
      </c>
      <c r="NH33" s="119">
        <v>0</v>
      </c>
      <c r="NI33" s="119">
        <v>558425</v>
      </c>
      <c r="NJ33" s="119">
        <v>0</v>
      </c>
      <c r="NK33" s="120">
        <v>775929</v>
      </c>
      <c r="NL33" s="318">
        <v>775929</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45207</v>
      </c>
      <c r="OK33" s="141">
        <v>45207</v>
      </c>
      <c r="OL33" s="118">
        <v>0</v>
      </c>
      <c r="OM33" s="119">
        <v>661208</v>
      </c>
      <c r="ON33" s="119">
        <v>420906</v>
      </c>
      <c r="OO33" s="119">
        <v>240780</v>
      </c>
      <c r="OP33" s="119">
        <v>1241676</v>
      </c>
      <c r="OQ33" s="119">
        <v>573641</v>
      </c>
      <c r="OR33" s="120">
        <v>3138211</v>
      </c>
      <c r="OS33" s="143">
        <v>3183418</v>
      </c>
    </row>
    <row r="34" spans="2:409" ht="21" customHeight="1" x14ac:dyDescent="0.2">
      <c r="B34" s="126" t="s">
        <v>29</v>
      </c>
      <c r="C34" s="110">
        <v>84280</v>
      </c>
      <c r="D34" s="114">
        <v>13888</v>
      </c>
      <c r="E34" s="113">
        <v>98168</v>
      </c>
      <c r="F34" s="109">
        <v>0</v>
      </c>
      <c r="G34" s="114">
        <v>365574</v>
      </c>
      <c r="H34" s="114">
        <v>763733</v>
      </c>
      <c r="I34" s="114">
        <v>123572</v>
      </c>
      <c r="J34" s="114">
        <v>397792</v>
      </c>
      <c r="K34" s="114">
        <v>151888</v>
      </c>
      <c r="L34" s="173">
        <v>1802559</v>
      </c>
      <c r="M34" s="116">
        <v>1900727</v>
      </c>
      <c r="N34" s="110">
        <v>0</v>
      </c>
      <c r="O34" s="114">
        <v>13888</v>
      </c>
      <c r="P34" s="113">
        <v>13888</v>
      </c>
      <c r="Q34" s="110">
        <v>0</v>
      </c>
      <c r="R34" s="114">
        <v>0</v>
      </c>
      <c r="S34" s="114">
        <v>249203</v>
      </c>
      <c r="T34" s="114">
        <v>14032</v>
      </c>
      <c r="U34" s="114">
        <v>36552</v>
      </c>
      <c r="V34" s="114">
        <v>43704</v>
      </c>
      <c r="W34" s="113">
        <v>343491</v>
      </c>
      <c r="X34" s="116">
        <v>357379</v>
      </c>
      <c r="Y34" s="110">
        <v>0</v>
      </c>
      <c r="Z34" s="114">
        <v>0</v>
      </c>
      <c r="AA34" s="113">
        <v>0</v>
      </c>
      <c r="AB34" s="110">
        <v>0</v>
      </c>
      <c r="AC34" s="114">
        <v>0</v>
      </c>
      <c r="AD34" s="114">
        <v>134091</v>
      </c>
      <c r="AE34" s="114">
        <v>0</v>
      </c>
      <c r="AF34" s="114">
        <v>32408</v>
      </c>
      <c r="AG34" s="114">
        <v>0</v>
      </c>
      <c r="AH34" s="113">
        <v>166499</v>
      </c>
      <c r="AI34" s="116">
        <v>166499</v>
      </c>
      <c r="AJ34" s="110">
        <v>0</v>
      </c>
      <c r="AK34" s="114">
        <v>0</v>
      </c>
      <c r="AL34" s="113">
        <v>0</v>
      </c>
      <c r="AM34" s="110">
        <v>0</v>
      </c>
      <c r="AN34" s="114">
        <v>0</v>
      </c>
      <c r="AO34" s="114">
        <v>0</v>
      </c>
      <c r="AP34" s="114">
        <v>0</v>
      </c>
      <c r="AQ34" s="114">
        <v>0</v>
      </c>
      <c r="AR34" s="114">
        <v>43704</v>
      </c>
      <c r="AS34" s="113">
        <v>43704</v>
      </c>
      <c r="AT34" s="116">
        <v>43704</v>
      </c>
      <c r="AU34" s="110">
        <v>0</v>
      </c>
      <c r="AV34" s="114">
        <v>13888</v>
      </c>
      <c r="AW34" s="113">
        <v>13888</v>
      </c>
      <c r="AX34" s="110">
        <v>0</v>
      </c>
      <c r="AY34" s="114">
        <v>0</v>
      </c>
      <c r="AZ34" s="114">
        <v>36840</v>
      </c>
      <c r="BA34" s="114">
        <v>0</v>
      </c>
      <c r="BB34" s="114">
        <v>0</v>
      </c>
      <c r="BC34" s="114">
        <v>0</v>
      </c>
      <c r="BD34" s="113">
        <v>36840</v>
      </c>
      <c r="BE34" s="116">
        <v>50728</v>
      </c>
      <c r="BF34" s="110">
        <v>0</v>
      </c>
      <c r="BG34" s="114">
        <v>0</v>
      </c>
      <c r="BH34" s="112">
        <v>0</v>
      </c>
      <c r="BI34" s="111">
        <v>0</v>
      </c>
      <c r="BJ34" s="114">
        <v>0</v>
      </c>
      <c r="BK34" s="114">
        <v>22944</v>
      </c>
      <c r="BL34" s="114">
        <v>0</v>
      </c>
      <c r="BM34" s="114">
        <v>0</v>
      </c>
      <c r="BN34" s="114">
        <v>0</v>
      </c>
      <c r="BO34" s="113">
        <v>22944</v>
      </c>
      <c r="BP34" s="116">
        <v>22944</v>
      </c>
      <c r="BQ34" s="110">
        <v>0</v>
      </c>
      <c r="BR34" s="114">
        <v>0</v>
      </c>
      <c r="BS34" s="113">
        <v>0</v>
      </c>
      <c r="BT34" s="110">
        <v>0</v>
      </c>
      <c r="BU34" s="114">
        <v>0</v>
      </c>
      <c r="BV34" s="114">
        <v>55328</v>
      </c>
      <c r="BW34" s="114">
        <v>14032</v>
      </c>
      <c r="BX34" s="114">
        <v>4144</v>
      </c>
      <c r="BY34" s="114">
        <v>0</v>
      </c>
      <c r="BZ34" s="113">
        <v>73504</v>
      </c>
      <c r="CA34" s="116">
        <v>73504</v>
      </c>
      <c r="CB34" s="110">
        <v>18544</v>
      </c>
      <c r="CC34" s="114">
        <v>0</v>
      </c>
      <c r="CD34" s="113">
        <v>18544</v>
      </c>
      <c r="CE34" s="110">
        <v>0</v>
      </c>
      <c r="CF34" s="114">
        <v>357974</v>
      </c>
      <c r="CG34" s="114">
        <v>426306</v>
      </c>
      <c r="CH34" s="114">
        <v>37672</v>
      </c>
      <c r="CI34" s="114">
        <v>74573</v>
      </c>
      <c r="CJ34" s="114">
        <v>0</v>
      </c>
      <c r="CK34" s="113">
        <v>896525</v>
      </c>
      <c r="CL34" s="116">
        <v>915069</v>
      </c>
      <c r="CM34" s="110">
        <v>0</v>
      </c>
      <c r="CN34" s="114">
        <v>0</v>
      </c>
      <c r="CO34" s="113">
        <v>0</v>
      </c>
      <c r="CP34" s="111">
        <v>0</v>
      </c>
      <c r="CQ34" s="114">
        <v>304744</v>
      </c>
      <c r="CR34" s="114">
        <v>426306</v>
      </c>
      <c r="CS34" s="114">
        <v>37672</v>
      </c>
      <c r="CT34" s="114">
        <v>74573</v>
      </c>
      <c r="CU34" s="114">
        <v>0</v>
      </c>
      <c r="CV34" s="113">
        <v>843295</v>
      </c>
      <c r="CW34" s="116">
        <v>843295</v>
      </c>
      <c r="CX34" s="110">
        <v>18544</v>
      </c>
      <c r="CY34" s="114">
        <v>0</v>
      </c>
      <c r="CZ34" s="113">
        <v>18544</v>
      </c>
      <c r="DA34" s="110">
        <v>0</v>
      </c>
      <c r="DB34" s="114">
        <v>53230</v>
      </c>
      <c r="DC34" s="114">
        <v>0</v>
      </c>
      <c r="DD34" s="114">
        <v>0</v>
      </c>
      <c r="DE34" s="114">
        <v>0</v>
      </c>
      <c r="DF34" s="114">
        <v>0</v>
      </c>
      <c r="DG34" s="113">
        <v>53230</v>
      </c>
      <c r="DH34" s="116">
        <v>71774</v>
      </c>
      <c r="DI34" s="110">
        <v>0</v>
      </c>
      <c r="DJ34" s="114">
        <v>0</v>
      </c>
      <c r="DK34" s="112">
        <v>0</v>
      </c>
      <c r="DL34" s="111">
        <v>0</v>
      </c>
      <c r="DM34" s="114">
        <v>0</v>
      </c>
      <c r="DN34" s="114">
        <v>0</v>
      </c>
      <c r="DO34" s="114">
        <v>65308</v>
      </c>
      <c r="DP34" s="114">
        <v>0</v>
      </c>
      <c r="DQ34" s="114">
        <v>55544</v>
      </c>
      <c r="DR34" s="113">
        <v>120852</v>
      </c>
      <c r="DS34" s="116">
        <v>120852</v>
      </c>
      <c r="DT34" s="110">
        <v>0</v>
      </c>
      <c r="DU34" s="114">
        <v>0</v>
      </c>
      <c r="DV34" s="113">
        <v>0</v>
      </c>
      <c r="DW34" s="110">
        <v>0</v>
      </c>
      <c r="DX34" s="114">
        <v>0</v>
      </c>
      <c r="DY34" s="114">
        <v>0</v>
      </c>
      <c r="DZ34" s="114">
        <v>65308</v>
      </c>
      <c r="EA34" s="114">
        <v>0</v>
      </c>
      <c r="EB34" s="114">
        <v>55544</v>
      </c>
      <c r="EC34" s="113">
        <v>120852</v>
      </c>
      <c r="ED34" s="116">
        <v>120852</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5"/>
      <c r="FE34" s="114">
        <v>0</v>
      </c>
      <c r="FF34" s="114">
        <v>0</v>
      </c>
      <c r="FG34" s="114">
        <v>0</v>
      </c>
      <c r="FH34" s="114">
        <v>0</v>
      </c>
      <c r="FI34" s="114">
        <v>0</v>
      </c>
      <c r="FJ34" s="113">
        <v>0</v>
      </c>
      <c r="FK34" s="116">
        <v>0</v>
      </c>
      <c r="FL34" s="110">
        <v>13680</v>
      </c>
      <c r="FM34" s="114">
        <v>0</v>
      </c>
      <c r="FN34" s="113">
        <v>13680</v>
      </c>
      <c r="FO34" s="110">
        <v>0</v>
      </c>
      <c r="FP34" s="114">
        <v>7600</v>
      </c>
      <c r="FQ34" s="114">
        <v>87672</v>
      </c>
      <c r="FR34" s="114">
        <v>6560</v>
      </c>
      <c r="FS34" s="114">
        <v>69960</v>
      </c>
      <c r="FT34" s="114">
        <v>52640</v>
      </c>
      <c r="FU34" s="113">
        <v>224432</v>
      </c>
      <c r="FV34" s="116">
        <v>238112</v>
      </c>
      <c r="FW34" s="115">
        <v>13680</v>
      </c>
      <c r="FX34" s="114">
        <v>0</v>
      </c>
      <c r="FY34" s="112">
        <v>13680</v>
      </c>
      <c r="FZ34" s="111">
        <v>0</v>
      </c>
      <c r="GA34" s="114">
        <v>7600</v>
      </c>
      <c r="GB34" s="114">
        <v>87672</v>
      </c>
      <c r="GC34" s="114">
        <v>6560</v>
      </c>
      <c r="GD34" s="114">
        <v>35200</v>
      </c>
      <c r="GE34" s="114">
        <v>52640</v>
      </c>
      <c r="GF34" s="113">
        <v>189672</v>
      </c>
      <c r="GG34" s="316">
        <v>203352</v>
      </c>
      <c r="GH34" s="115">
        <v>0</v>
      </c>
      <c r="GI34" s="114">
        <v>0</v>
      </c>
      <c r="GJ34" s="112">
        <v>0</v>
      </c>
      <c r="GK34" s="111">
        <v>0</v>
      </c>
      <c r="GL34" s="114">
        <v>0</v>
      </c>
      <c r="GM34" s="114">
        <v>0</v>
      </c>
      <c r="GN34" s="114">
        <v>0</v>
      </c>
      <c r="GO34" s="114">
        <v>22440</v>
      </c>
      <c r="GP34" s="114">
        <v>0</v>
      </c>
      <c r="GQ34" s="113">
        <v>22440</v>
      </c>
      <c r="GR34" s="116">
        <v>22440</v>
      </c>
      <c r="GS34" s="110">
        <v>0</v>
      </c>
      <c r="GT34" s="114">
        <v>0</v>
      </c>
      <c r="GU34" s="113">
        <v>0</v>
      </c>
      <c r="GV34" s="110">
        <v>0</v>
      </c>
      <c r="GW34" s="114">
        <v>0</v>
      </c>
      <c r="GX34" s="114">
        <v>0</v>
      </c>
      <c r="GY34" s="114">
        <v>0</v>
      </c>
      <c r="GZ34" s="114">
        <v>12320</v>
      </c>
      <c r="HA34" s="114">
        <v>0</v>
      </c>
      <c r="HB34" s="112">
        <v>12320</v>
      </c>
      <c r="HC34" s="116">
        <v>12320</v>
      </c>
      <c r="HD34" s="110">
        <v>52056</v>
      </c>
      <c r="HE34" s="114">
        <v>0</v>
      </c>
      <c r="HF34" s="112">
        <v>52056</v>
      </c>
      <c r="HG34" s="111">
        <v>0</v>
      </c>
      <c r="HH34" s="114">
        <v>0</v>
      </c>
      <c r="HI34" s="114">
        <v>552</v>
      </c>
      <c r="HJ34" s="114">
        <v>0</v>
      </c>
      <c r="HK34" s="114">
        <v>216707</v>
      </c>
      <c r="HL34" s="114">
        <v>0</v>
      </c>
      <c r="HM34" s="113">
        <v>217259</v>
      </c>
      <c r="HN34" s="109">
        <v>269315</v>
      </c>
      <c r="HO34" s="326"/>
      <c r="HP34" s="327"/>
      <c r="HQ34" s="328"/>
      <c r="HR34" s="329"/>
      <c r="HS34" s="327"/>
      <c r="HT34" s="327"/>
      <c r="HU34" s="327"/>
      <c r="HV34" s="327"/>
      <c r="HW34" s="327"/>
      <c r="HX34" s="330"/>
      <c r="HY34" s="331"/>
      <c r="HZ34" s="150">
        <v>0</v>
      </c>
      <c r="IA34" s="135">
        <v>0</v>
      </c>
      <c r="IB34" s="150">
        <v>0</v>
      </c>
      <c r="IC34" s="134">
        <v>0</v>
      </c>
      <c r="ID34" s="135">
        <v>119576</v>
      </c>
      <c r="IE34" s="136">
        <v>76432</v>
      </c>
      <c r="IF34" s="137">
        <v>0</v>
      </c>
      <c r="IG34" s="135">
        <v>260320</v>
      </c>
      <c r="IH34" s="137">
        <v>0</v>
      </c>
      <c r="II34" s="138">
        <v>456328</v>
      </c>
      <c r="IJ34" s="150">
        <v>456328</v>
      </c>
      <c r="IK34" s="232">
        <v>0</v>
      </c>
      <c r="IL34" s="236">
        <v>0</v>
      </c>
      <c r="IM34" s="237">
        <v>0</v>
      </c>
      <c r="IN34" s="140"/>
      <c r="IO34" s="119">
        <v>0</v>
      </c>
      <c r="IP34" s="119">
        <v>0</v>
      </c>
      <c r="IQ34" s="119">
        <v>0</v>
      </c>
      <c r="IR34" s="119">
        <v>0</v>
      </c>
      <c r="IS34" s="119">
        <v>0</v>
      </c>
      <c r="IT34" s="141">
        <v>0</v>
      </c>
      <c r="IU34" s="318">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19576</v>
      </c>
      <c r="JL34" s="119">
        <v>76432</v>
      </c>
      <c r="JM34" s="119">
        <v>0</v>
      </c>
      <c r="JN34" s="119">
        <v>0</v>
      </c>
      <c r="JO34" s="119">
        <v>0</v>
      </c>
      <c r="JP34" s="120">
        <v>196008</v>
      </c>
      <c r="JQ34" s="318">
        <v>196008</v>
      </c>
      <c r="JR34" s="142">
        <v>0</v>
      </c>
      <c r="JS34" s="119">
        <v>0</v>
      </c>
      <c r="JT34" s="141">
        <v>0</v>
      </c>
      <c r="JU34" s="118">
        <v>0</v>
      </c>
      <c r="JV34" s="119">
        <v>0</v>
      </c>
      <c r="JW34" s="119">
        <v>0</v>
      </c>
      <c r="JX34" s="119">
        <v>0</v>
      </c>
      <c r="JY34" s="119">
        <v>0</v>
      </c>
      <c r="JZ34" s="119">
        <v>0</v>
      </c>
      <c r="KA34" s="120">
        <v>0</v>
      </c>
      <c r="KB34" s="318">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18">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60320</v>
      </c>
      <c r="LR34" s="119">
        <v>0</v>
      </c>
      <c r="LS34" s="120">
        <v>260320</v>
      </c>
      <c r="LT34" s="318">
        <v>260320</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0</v>
      </c>
      <c r="MN34" s="119">
        <v>0</v>
      </c>
      <c r="MO34" s="120">
        <v>0</v>
      </c>
      <c r="MP34" s="143">
        <v>0</v>
      </c>
      <c r="MQ34" s="142">
        <v>0</v>
      </c>
      <c r="MR34" s="119">
        <v>0</v>
      </c>
      <c r="MS34" s="120">
        <v>0</v>
      </c>
      <c r="MT34" s="145"/>
      <c r="MU34" s="119">
        <v>0</v>
      </c>
      <c r="MV34" s="119">
        <v>0</v>
      </c>
      <c r="MW34" s="119">
        <v>0</v>
      </c>
      <c r="MX34" s="119">
        <v>0</v>
      </c>
      <c r="MY34" s="119">
        <v>0</v>
      </c>
      <c r="MZ34" s="120">
        <v>0</v>
      </c>
      <c r="NA34" s="143">
        <v>0</v>
      </c>
      <c r="NB34" s="142">
        <v>0</v>
      </c>
      <c r="NC34" s="119">
        <v>0</v>
      </c>
      <c r="ND34" s="120">
        <v>0</v>
      </c>
      <c r="NE34" s="145"/>
      <c r="NF34" s="119">
        <v>0</v>
      </c>
      <c r="NG34" s="119">
        <v>0</v>
      </c>
      <c r="NH34" s="119">
        <v>0</v>
      </c>
      <c r="NI34" s="119">
        <v>0</v>
      </c>
      <c r="NJ34" s="119">
        <v>0</v>
      </c>
      <c r="NK34" s="120">
        <v>0</v>
      </c>
      <c r="NL34" s="318">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84280</v>
      </c>
      <c r="OJ34" s="119">
        <v>13888</v>
      </c>
      <c r="OK34" s="141">
        <v>98168</v>
      </c>
      <c r="OL34" s="118">
        <v>0</v>
      </c>
      <c r="OM34" s="119">
        <v>485150</v>
      </c>
      <c r="ON34" s="119">
        <v>840165</v>
      </c>
      <c r="OO34" s="119">
        <v>123572</v>
      </c>
      <c r="OP34" s="119">
        <v>658112</v>
      </c>
      <c r="OQ34" s="119">
        <v>151888</v>
      </c>
      <c r="OR34" s="120">
        <v>2258887</v>
      </c>
      <c r="OS34" s="143">
        <v>2357055</v>
      </c>
    </row>
    <row r="35" spans="2:409" ht="21" customHeight="1" x14ac:dyDescent="0.2">
      <c r="B35" s="126" t="s">
        <v>30</v>
      </c>
      <c r="C35" s="110">
        <v>39600</v>
      </c>
      <c r="D35" s="114">
        <v>72184</v>
      </c>
      <c r="E35" s="174">
        <v>111784</v>
      </c>
      <c r="F35" s="175">
        <v>0</v>
      </c>
      <c r="G35" s="176">
        <v>284107</v>
      </c>
      <c r="H35" s="176">
        <v>37856</v>
      </c>
      <c r="I35" s="176">
        <v>265419</v>
      </c>
      <c r="J35" s="176">
        <v>298128</v>
      </c>
      <c r="K35" s="176">
        <v>41416</v>
      </c>
      <c r="L35" s="177">
        <v>926926</v>
      </c>
      <c r="M35" s="116">
        <v>1038710</v>
      </c>
      <c r="N35" s="110">
        <v>0</v>
      </c>
      <c r="O35" s="114">
        <v>71344</v>
      </c>
      <c r="P35" s="113">
        <v>71344</v>
      </c>
      <c r="Q35" s="110">
        <v>0</v>
      </c>
      <c r="R35" s="114">
        <v>83893</v>
      </c>
      <c r="S35" s="114">
        <v>27456</v>
      </c>
      <c r="T35" s="114">
        <v>85984</v>
      </c>
      <c r="U35" s="114">
        <v>87880</v>
      </c>
      <c r="V35" s="114">
        <v>26536</v>
      </c>
      <c r="W35" s="113">
        <v>311749</v>
      </c>
      <c r="X35" s="116">
        <v>383093</v>
      </c>
      <c r="Y35" s="110">
        <v>0</v>
      </c>
      <c r="Z35" s="114">
        <v>0</v>
      </c>
      <c r="AA35" s="113">
        <v>0</v>
      </c>
      <c r="AB35" s="110">
        <v>0</v>
      </c>
      <c r="AC35" s="114">
        <v>38749</v>
      </c>
      <c r="AD35" s="114">
        <v>27456</v>
      </c>
      <c r="AE35" s="114">
        <v>57144</v>
      </c>
      <c r="AF35" s="114">
        <v>36096</v>
      </c>
      <c r="AG35" s="114">
        <v>0</v>
      </c>
      <c r="AH35" s="113">
        <v>159445</v>
      </c>
      <c r="AI35" s="116">
        <v>159445</v>
      </c>
      <c r="AJ35" s="110">
        <v>0</v>
      </c>
      <c r="AK35" s="114">
        <v>0</v>
      </c>
      <c r="AL35" s="113">
        <v>0</v>
      </c>
      <c r="AM35" s="110">
        <v>0</v>
      </c>
      <c r="AN35" s="114">
        <v>0</v>
      </c>
      <c r="AO35" s="114">
        <v>0</v>
      </c>
      <c r="AP35" s="114">
        <v>0</v>
      </c>
      <c r="AQ35" s="114">
        <v>0</v>
      </c>
      <c r="AR35" s="114">
        <v>0</v>
      </c>
      <c r="AS35" s="113">
        <v>0</v>
      </c>
      <c r="AT35" s="116">
        <v>0</v>
      </c>
      <c r="AU35" s="110">
        <v>0</v>
      </c>
      <c r="AV35" s="114">
        <v>71344</v>
      </c>
      <c r="AW35" s="113">
        <v>71344</v>
      </c>
      <c r="AX35" s="110">
        <v>0</v>
      </c>
      <c r="AY35" s="114">
        <v>26840</v>
      </c>
      <c r="AZ35" s="114">
        <v>0</v>
      </c>
      <c r="BA35" s="114">
        <v>28840</v>
      </c>
      <c r="BB35" s="114">
        <v>28840</v>
      </c>
      <c r="BC35" s="114">
        <v>24248</v>
      </c>
      <c r="BD35" s="113">
        <v>108768</v>
      </c>
      <c r="BE35" s="116">
        <v>180112</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8304</v>
      </c>
      <c r="BV35" s="114">
        <v>0</v>
      </c>
      <c r="BW35" s="114">
        <v>0</v>
      </c>
      <c r="BX35" s="114">
        <v>22944</v>
      </c>
      <c r="BY35" s="114">
        <v>2288</v>
      </c>
      <c r="BZ35" s="113">
        <v>43536</v>
      </c>
      <c r="CA35" s="116">
        <v>43536</v>
      </c>
      <c r="CB35" s="110">
        <v>39600</v>
      </c>
      <c r="CC35" s="114">
        <v>0</v>
      </c>
      <c r="CD35" s="113">
        <v>39600</v>
      </c>
      <c r="CE35" s="110">
        <v>0</v>
      </c>
      <c r="CF35" s="114">
        <v>37354</v>
      </c>
      <c r="CG35" s="114">
        <v>0</v>
      </c>
      <c r="CH35" s="114">
        <v>111373</v>
      </c>
      <c r="CI35" s="114">
        <v>121088</v>
      </c>
      <c r="CJ35" s="114">
        <v>0</v>
      </c>
      <c r="CK35" s="113">
        <v>269815</v>
      </c>
      <c r="CL35" s="116">
        <v>309415</v>
      </c>
      <c r="CM35" s="110">
        <v>0</v>
      </c>
      <c r="CN35" s="114">
        <v>0</v>
      </c>
      <c r="CO35" s="113">
        <v>0</v>
      </c>
      <c r="CP35" s="111">
        <v>0</v>
      </c>
      <c r="CQ35" s="114">
        <v>37354</v>
      </c>
      <c r="CR35" s="114">
        <v>0</v>
      </c>
      <c r="CS35" s="114">
        <v>0</v>
      </c>
      <c r="CT35" s="114">
        <v>121088</v>
      </c>
      <c r="CU35" s="114">
        <v>0</v>
      </c>
      <c r="CV35" s="113">
        <v>158442</v>
      </c>
      <c r="CW35" s="116">
        <v>158442</v>
      </c>
      <c r="CX35" s="110">
        <v>39600</v>
      </c>
      <c r="CY35" s="114">
        <v>0</v>
      </c>
      <c r="CZ35" s="113">
        <v>39600</v>
      </c>
      <c r="DA35" s="110">
        <v>0</v>
      </c>
      <c r="DB35" s="114">
        <v>0</v>
      </c>
      <c r="DC35" s="114">
        <v>0</v>
      </c>
      <c r="DD35" s="114">
        <v>111373</v>
      </c>
      <c r="DE35" s="114">
        <v>0</v>
      </c>
      <c r="DF35" s="114">
        <v>0</v>
      </c>
      <c r="DG35" s="113">
        <v>111373</v>
      </c>
      <c r="DH35" s="116">
        <v>150973</v>
      </c>
      <c r="DI35" s="110">
        <v>0</v>
      </c>
      <c r="DJ35" s="114">
        <v>0</v>
      </c>
      <c r="DK35" s="112">
        <v>0</v>
      </c>
      <c r="DL35" s="111">
        <v>0</v>
      </c>
      <c r="DM35" s="114">
        <v>0</v>
      </c>
      <c r="DN35" s="114">
        <v>0</v>
      </c>
      <c r="DO35" s="114">
        <v>35342</v>
      </c>
      <c r="DP35" s="114">
        <v>66952</v>
      </c>
      <c r="DQ35" s="114">
        <v>0</v>
      </c>
      <c r="DR35" s="113">
        <v>102294</v>
      </c>
      <c r="DS35" s="116">
        <v>102294</v>
      </c>
      <c r="DT35" s="110">
        <v>0</v>
      </c>
      <c r="DU35" s="114">
        <v>0</v>
      </c>
      <c r="DV35" s="113">
        <v>0</v>
      </c>
      <c r="DW35" s="110">
        <v>0</v>
      </c>
      <c r="DX35" s="114">
        <v>0</v>
      </c>
      <c r="DY35" s="114">
        <v>0</v>
      </c>
      <c r="DZ35" s="114">
        <v>35342</v>
      </c>
      <c r="EA35" s="114">
        <v>66952</v>
      </c>
      <c r="EB35" s="114">
        <v>0</v>
      </c>
      <c r="EC35" s="113">
        <v>102294</v>
      </c>
      <c r="ED35" s="116">
        <v>102294</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5"/>
      <c r="FE35" s="114">
        <v>0</v>
      </c>
      <c r="FF35" s="114">
        <v>0</v>
      </c>
      <c r="FG35" s="114">
        <v>0</v>
      </c>
      <c r="FH35" s="114">
        <v>0</v>
      </c>
      <c r="FI35" s="114">
        <v>0</v>
      </c>
      <c r="FJ35" s="113">
        <v>0</v>
      </c>
      <c r="FK35" s="116">
        <v>0</v>
      </c>
      <c r="FL35" s="110">
        <v>0</v>
      </c>
      <c r="FM35" s="114">
        <v>840</v>
      </c>
      <c r="FN35" s="113">
        <v>840</v>
      </c>
      <c r="FO35" s="110">
        <v>0</v>
      </c>
      <c r="FP35" s="114">
        <v>2240</v>
      </c>
      <c r="FQ35" s="114">
        <v>10400</v>
      </c>
      <c r="FR35" s="114">
        <v>32720</v>
      </c>
      <c r="FS35" s="114">
        <v>22208</v>
      </c>
      <c r="FT35" s="114">
        <v>14880</v>
      </c>
      <c r="FU35" s="113">
        <v>82448</v>
      </c>
      <c r="FV35" s="116">
        <v>83288</v>
      </c>
      <c r="FW35" s="115">
        <v>0</v>
      </c>
      <c r="FX35" s="114">
        <v>840</v>
      </c>
      <c r="FY35" s="112">
        <v>840</v>
      </c>
      <c r="FZ35" s="111">
        <v>0</v>
      </c>
      <c r="GA35" s="114">
        <v>2240</v>
      </c>
      <c r="GB35" s="114">
        <v>10400</v>
      </c>
      <c r="GC35" s="114">
        <v>32720</v>
      </c>
      <c r="GD35" s="114">
        <v>22208</v>
      </c>
      <c r="GE35" s="114">
        <v>14880</v>
      </c>
      <c r="GF35" s="113">
        <v>82448</v>
      </c>
      <c r="GG35" s="316">
        <v>83288</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160620</v>
      </c>
      <c r="HI35" s="114">
        <v>0</v>
      </c>
      <c r="HJ35" s="114">
        <v>0</v>
      </c>
      <c r="HK35" s="114">
        <v>0</v>
      </c>
      <c r="HL35" s="114">
        <v>0</v>
      </c>
      <c r="HM35" s="113">
        <v>160620</v>
      </c>
      <c r="HN35" s="109">
        <v>160620</v>
      </c>
      <c r="HO35" s="326"/>
      <c r="HP35" s="327"/>
      <c r="HQ35" s="328"/>
      <c r="HR35" s="329"/>
      <c r="HS35" s="327"/>
      <c r="HT35" s="327"/>
      <c r="HU35" s="327"/>
      <c r="HV35" s="327"/>
      <c r="HW35" s="327"/>
      <c r="HX35" s="330"/>
      <c r="HY35" s="331"/>
      <c r="HZ35" s="131">
        <v>26940</v>
      </c>
      <c r="IA35" s="132">
        <v>0</v>
      </c>
      <c r="IB35" s="133">
        <v>26940</v>
      </c>
      <c r="IC35" s="146">
        <v>0</v>
      </c>
      <c r="ID35" s="132">
        <v>58543</v>
      </c>
      <c r="IE35" s="147">
        <v>0</v>
      </c>
      <c r="IF35" s="133">
        <v>144704</v>
      </c>
      <c r="IG35" s="132">
        <v>243328</v>
      </c>
      <c r="IH35" s="133">
        <v>0</v>
      </c>
      <c r="II35" s="148">
        <v>446575</v>
      </c>
      <c r="IJ35" s="139">
        <v>473515</v>
      </c>
      <c r="IK35" s="232">
        <v>0</v>
      </c>
      <c r="IL35" s="236">
        <v>0</v>
      </c>
      <c r="IM35" s="237">
        <v>0</v>
      </c>
      <c r="IN35" s="140"/>
      <c r="IO35" s="119">
        <v>0</v>
      </c>
      <c r="IP35" s="119">
        <v>0</v>
      </c>
      <c r="IQ35" s="119">
        <v>0</v>
      </c>
      <c r="IR35" s="119">
        <v>0</v>
      </c>
      <c r="IS35" s="119">
        <v>0</v>
      </c>
      <c r="IT35" s="141">
        <v>0</v>
      </c>
      <c r="IU35" s="318">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58543</v>
      </c>
      <c r="JL35" s="119">
        <v>0</v>
      </c>
      <c r="JM35" s="119">
        <v>144704</v>
      </c>
      <c r="JN35" s="119">
        <v>0</v>
      </c>
      <c r="JO35" s="119">
        <v>0</v>
      </c>
      <c r="JP35" s="120">
        <v>203247</v>
      </c>
      <c r="JQ35" s="318">
        <v>203247</v>
      </c>
      <c r="JR35" s="142">
        <v>26940</v>
      </c>
      <c r="JS35" s="119">
        <v>0</v>
      </c>
      <c r="JT35" s="141">
        <v>26940</v>
      </c>
      <c r="JU35" s="118">
        <v>0</v>
      </c>
      <c r="JV35" s="119">
        <v>0</v>
      </c>
      <c r="JW35" s="119">
        <v>0</v>
      </c>
      <c r="JX35" s="119">
        <v>0</v>
      </c>
      <c r="JY35" s="119">
        <v>0</v>
      </c>
      <c r="JZ35" s="119">
        <v>0</v>
      </c>
      <c r="KA35" s="120">
        <v>0</v>
      </c>
      <c r="KB35" s="318">
        <v>26940</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243328</v>
      </c>
      <c r="KV35" s="119">
        <v>0</v>
      </c>
      <c r="KW35" s="120">
        <v>243328</v>
      </c>
      <c r="KX35" s="318">
        <v>24332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18">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452224</v>
      </c>
      <c r="MK35" s="119">
        <v>0</v>
      </c>
      <c r="ML35" s="119">
        <v>263740</v>
      </c>
      <c r="MM35" s="119">
        <v>1267315</v>
      </c>
      <c r="MN35" s="119">
        <v>682019</v>
      </c>
      <c r="MO35" s="120">
        <v>2665298</v>
      </c>
      <c r="MP35" s="143">
        <v>2665298</v>
      </c>
      <c r="MQ35" s="142">
        <v>0</v>
      </c>
      <c r="MR35" s="119">
        <v>0</v>
      </c>
      <c r="MS35" s="120">
        <v>0</v>
      </c>
      <c r="MT35" s="145"/>
      <c r="MU35" s="119">
        <v>0</v>
      </c>
      <c r="MV35" s="119">
        <v>0</v>
      </c>
      <c r="MW35" s="119">
        <v>0</v>
      </c>
      <c r="MX35" s="119">
        <v>696888</v>
      </c>
      <c r="MY35" s="119">
        <v>0</v>
      </c>
      <c r="MZ35" s="120">
        <v>696888</v>
      </c>
      <c r="NA35" s="143">
        <v>696888</v>
      </c>
      <c r="NB35" s="142">
        <v>0</v>
      </c>
      <c r="NC35" s="119">
        <v>0</v>
      </c>
      <c r="ND35" s="120">
        <v>0</v>
      </c>
      <c r="NE35" s="145"/>
      <c r="NF35" s="119">
        <v>452224</v>
      </c>
      <c r="NG35" s="119">
        <v>0</v>
      </c>
      <c r="NH35" s="119">
        <v>263740</v>
      </c>
      <c r="NI35" s="119">
        <v>570427</v>
      </c>
      <c r="NJ35" s="119">
        <v>261312</v>
      </c>
      <c r="NK35" s="120">
        <v>1547703</v>
      </c>
      <c r="NL35" s="318">
        <v>1547703</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420707</v>
      </c>
      <c r="OG35" s="120">
        <v>420707</v>
      </c>
      <c r="OH35" s="121">
        <v>420707</v>
      </c>
      <c r="OI35" s="142">
        <v>66540</v>
      </c>
      <c r="OJ35" s="119">
        <v>72184</v>
      </c>
      <c r="OK35" s="141">
        <v>138724</v>
      </c>
      <c r="OL35" s="118">
        <v>0</v>
      </c>
      <c r="OM35" s="119">
        <v>794874</v>
      </c>
      <c r="ON35" s="119">
        <v>37856</v>
      </c>
      <c r="OO35" s="119">
        <v>673863</v>
      </c>
      <c r="OP35" s="119">
        <v>1808771</v>
      </c>
      <c r="OQ35" s="119">
        <v>723435</v>
      </c>
      <c r="OR35" s="120">
        <v>4038799</v>
      </c>
      <c r="OS35" s="143">
        <v>4177523</v>
      </c>
    </row>
    <row r="36" spans="2:409" ht="21" customHeight="1" x14ac:dyDescent="0.2">
      <c r="B36" s="126" t="s">
        <v>31</v>
      </c>
      <c r="C36" s="110">
        <v>12496</v>
      </c>
      <c r="D36" s="114">
        <v>17200</v>
      </c>
      <c r="E36" s="113">
        <v>29696</v>
      </c>
      <c r="F36" s="109">
        <v>0</v>
      </c>
      <c r="G36" s="114">
        <v>257454</v>
      </c>
      <c r="H36" s="114">
        <v>505665</v>
      </c>
      <c r="I36" s="114">
        <v>687112</v>
      </c>
      <c r="J36" s="114">
        <v>340786</v>
      </c>
      <c r="K36" s="114">
        <v>16464</v>
      </c>
      <c r="L36" s="173">
        <v>1807481</v>
      </c>
      <c r="M36" s="116">
        <v>1837177</v>
      </c>
      <c r="N36" s="110">
        <v>7296</v>
      </c>
      <c r="O36" s="114">
        <v>0</v>
      </c>
      <c r="P36" s="113">
        <v>7296</v>
      </c>
      <c r="Q36" s="110">
        <v>0</v>
      </c>
      <c r="R36" s="114">
        <v>15872</v>
      </c>
      <c r="S36" s="114">
        <v>132507</v>
      </c>
      <c r="T36" s="114">
        <v>270744</v>
      </c>
      <c r="U36" s="114">
        <v>88836</v>
      </c>
      <c r="V36" s="114">
        <v>6864</v>
      </c>
      <c r="W36" s="113">
        <v>514823</v>
      </c>
      <c r="X36" s="116">
        <v>522119</v>
      </c>
      <c r="Y36" s="110">
        <v>0</v>
      </c>
      <c r="Z36" s="114">
        <v>0</v>
      </c>
      <c r="AA36" s="113">
        <v>0</v>
      </c>
      <c r="AB36" s="110">
        <v>0</v>
      </c>
      <c r="AC36" s="114">
        <v>15872</v>
      </c>
      <c r="AD36" s="114">
        <v>0</v>
      </c>
      <c r="AE36" s="114">
        <v>45024</v>
      </c>
      <c r="AF36" s="114">
        <v>15116</v>
      </c>
      <c r="AG36" s="114">
        <v>0</v>
      </c>
      <c r="AH36" s="113">
        <v>76012</v>
      </c>
      <c r="AI36" s="116">
        <v>76012</v>
      </c>
      <c r="AJ36" s="110">
        <v>0</v>
      </c>
      <c r="AK36" s="114">
        <v>0</v>
      </c>
      <c r="AL36" s="113">
        <v>0</v>
      </c>
      <c r="AM36" s="110">
        <v>0</v>
      </c>
      <c r="AN36" s="114">
        <v>0</v>
      </c>
      <c r="AO36" s="114">
        <v>54632</v>
      </c>
      <c r="AP36" s="114">
        <v>98344</v>
      </c>
      <c r="AQ36" s="114">
        <v>0</v>
      </c>
      <c r="AR36" s="114">
        <v>0</v>
      </c>
      <c r="AS36" s="113">
        <v>152976</v>
      </c>
      <c r="AT36" s="116">
        <v>152976</v>
      </c>
      <c r="AU36" s="110">
        <v>7296</v>
      </c>
      <c r="AV36" s="114">
        <v>0</v>
      </c>
      <c r="AW36" s="113">
        <v>7296</v>
      </c>
      <c r="AX36" s="110">
        <v>0</v>
      </c>
      <c r="AY36" s="114">
        <v>0</v>
      </c>
      <c r="AZ36" s="114">
        <v>70859</v>
      </c>
      <c r="BA36" s="114">
        <v>97944</v>
      </c>
      <c r="BB36" s="114">
        <v>64136</v>
      </c>
      <c r="BC36" s="114">
        <v>0</v>
      </c>
      <c r="BD36" s="113">
        <v>232939</v>
      </c>
      <c r="BE36" s="116">
        <v>240235</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0</v>
      </c>
      <c r="BV36" s="114">
        <v>7016</v>
      </c>
      <c r="BW36" s="114">
        <v>29432</v>
      </c>
      <c r="BX36" s="114">
        <v>9584</v>
      </c>
      <c r="BY36" s="114">
        <v>6864</v>
      </c>
      <c r="BZ36" s="113">
        <v>52896</v>
      </c>
      <c r="CA36" s="116">
        <v>52896</v>
      </c>
      <c r="CB36" s="110">
        <v>0</v>
      </c>
      <c r="CC36" s="114">
        <v>0</v>
      </c>
      <c r="CD36" s="113">
        <v>0</v>
      </c>
      <c r="CE36" s="110">
        <v>0</v>
      </c>
      <c r="CF36" s="114">
        <v>206580</v>
      </c>
      <c r="CG36" s="114">
        <v>225233</v>
      </c>
      <c r="CH36" s="114">
        <v>137121</v>
      </c>
      <c r="CI36" s="114">
        <v>20696</v>
      </c>
      <c r="CJ36" s="114">
        <v>0</v>
      </c>
      <c r="CK36" s="113">
        <v>589630</v>
      </c>
      <c r="CL36" s="116">
        <v>589630</v>
      </c>
      <c r="CM36" s="110">
        <v>0</v>
      </c>
      <c r="CN36" s="114">
        <v>0</v>
      </c>
      <c r="CO36" s="113">
        <v>0</v>
      </c>
      <c r="CP36" s="111">
        <v>0</v>
      </c>
      <c r="CQ36" s="114">
        <v>152127</v>
      </c>
      <c r="CR36" s="114">
        <v>193145</v>
      </c>
      <c r="CS36" s="114">
        <v>41265</v>
      </c>
      <c r="CT36" s="114">
        <v>20696</v>
      </c>
      <c r="CU36" s="114">
        <v>0</v>
      </c>
      <c r="CV36" s="113">
        <v>407233</v>
      </c>
      <c r="CW36" s="116">
        <v>407233</v>
      </c>
      <c r="CX36" s="110">
        <v>0</v>
      </c>
      <c r="CY36" s="114">
        <v>0</v>
      </c>
      <c r="CZ36" s="113">
        <v>0</v>
      </c>
      <c r="DA36" s="110">
        <v>0</v>
      </c>
      <c r="DB36" s="114">
        <v>54453</v>
      </c>
      <c r="DC36" s="114">
        <v>32088</v>
      </c>
      <c r="DD36" s="114">
        <v>95856</v>
      </c>
      <c r="DE36" s="114">
        <v>0</v>
      </c>
      <c r="DF36" s="114">
        <v>0</v>
      </c>
      <c r="DG36" s="113">
        <v>182397</v>
      </c>
      <c r="DH36" s="116">
        <v>182397</v>
      </c>
      <c r="DI36" s="110">
        <v>0</v>
      </c>
      <c r="DJ36" s="114">
        <v>0</v>
      </c>
      <c r="DK36" s="112">
        <v>0</v>
      </c>
      <c r="DL36" s="111">
        <v>0</v>
      </c>
      <c r="DM36" s="114">
        <v>19322</v>
      </c>
      <c r="DN36" s="114">
        <v>84605</v>
      </c>
      <c r="DO36" s="114">
        <v>24839</v>
      </c>
      <c r="DP36" s="114">
        <v>27142</v>
      </c>
      <c r="DQ36" s="114">
        <v>0</v>
      </c>
      <c r="DR36" s="113">
        <v>155908</v>
      </c>
      <c r="DS36" s="116">
        <v>155908</v>
      </c>
      <c r="DT36" s="110">
        <v>0</v>
      </c>
      <c r="DU36" s="114">
        <v>0</v>
      </c>
      <c r="DV36" s="113">
        <v>0</v>
      </c>
      <c r="DW36" s="110">
        <v>0</v>
      </c>
      <c r="DX36" s="114">
        <v>19322</v>
      </c>
      <c r="DY36" s="114">
        <v>84605</v>
      </c>
      <c r="DZ36" s="114">
        <v>24839</v>
      </c>
      <c r="EA36" s="114">
        <v>27142</v>
      </c>
      <c r="EB36" s="114">
        <v>0</v>
      </c>
      <c r="EC36" s="113">
        <v>155908</v>
      </c>
      <c r="ED36" s="116">
        <v>155908</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5"/>
      <c r="FE36" s="114">
        <v>0</v>
      </c>
      <c r="FF36" s="114">
        <v>0</v>
      </c>
      <c r="FG36" s="114">
        <v>0</v>
      </c>
      <c r="FH36" s="114">
        <v>0</v>
      </c>
      <c r="FI36" s="114">
        <v>0</v>
      </c>
      <c r="FJ36" s="113">
        <v>0</v>
      </c>
      <c r="FK36" s="116">
        <v>0</v>
      </c>
      <c r="FL36" s="110">
        <v>5200</v>
      </c>
      <c r="FM36" s="114">
        <v>17200</v>
      </c>
      <c r="FN36" s="113">
        <v>22400</v>
      </c>
      <c r="FO36" s="110">
        <v>0</v>
      </c>
      <c r="FP36" s="114">
        <v>15680</v>
      </c>
      <c r="FQ36" s="114">
        <v>63320</v>
      </c>
      <c r="FR36" s="114">
        <v>55440</v>
      </c>
      <c r="FS36" s="114">
        <v>35800</v>
      </c>
      <c r="FT36" s="114">
        <v>9600</v>
      </c>
      <c r="FU36" s="113">
        <v>179840</v>
      </c>
      <c r="FV36" s="116">
        <v>202240</v>
      </c>
      <c r="FW36" s="115">
        <v>5200</v>
      </c>
      <c r="FX36" s="114">
        <v>17200</v>
      </c>
      <c r="FY36" s="112">
        <v>22400</v>
      </c>
      <c r="FZ36" s="111">
        <v>0</v>
      </c>
      <c r="GA36" s="114">
        <v>15680</v>
      </c>
      <c r="GB36" s="114">
        <v>63320</v>
      </c>
      <c r="GC36" s="114">
        <v>55440</v>
      </c>
      <c r="GD36" s="114">
        <v>35800</v>
      </c>
      <c r="GE36" s="114">
        <v>9600</v>
      </c>
      <c r="GF36" s="113">
        <v>179840</v>
      </c>
      <c r="GG36" s="316">
        <v>202240</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0</v>
      </c>
      <c r="HI36" s="114">
        <v>0</v>
      </c>
      <c r="HJ36" s="114">
        <v>198968</v>
      </c>
      <c r="HK36" s="114">
        <v>168312</v>
      </c>
      <c r="HL36" s="114">
        <v>0</v>
      </c>
      <c r="HM36" s="113">
        <v>367280</v>
      </c>
      <c r="HN36" s="109">
        <v>367280</v>
      </c>
      <c r="HO36" s="326"/>
      <c r="HP36" s="327"/>
      <c r="HQ36" s="328"/>
      <c r="HR36" s="329"/>
      <c r="HS36" s="327"/>
      <c r="HT36" s="327"/>
      <c r="HU36" s="327"/>
      <c r="HV36" s="327"/>
      <c r="HW36" s="327"/>
      <c r="HX36" s="330"/>
      <c r="HY36" s="331"/>
      <c r="HZ36" s="150">
        <v>0</v>
      </c>
      <c r="IA36" s="135">
        <v>0</v>
      </c>
      <c r="IB36" s="150">
        <v>0</v>
      </c>
      <c r="IC36" s="134">
        <v>0</v>
      </c>
      <c r="ID36" s="135">
        <v>144673</v>
      </c>
      <c r="IE36" s="136">
        <v>534708</v>
      </c>
      <c r="IF36" s="137">
        <v>0</v>
      </c>
      <c r="IG36" s="135">
        <v>438770</v>
      </c>
      <c r="IH36" s="137">
        <v>254840</v>
      </c>
      <c r="II36" s="138">
        <v>1372991</v>
      </c>
      <c r="IJ36" s="150">
        <v>1372991</v>
      </c>
      <c r="IK36" s="232">
        <v>0</v>
      </c>
      <c r="IL36" s="236">
        <v>0</v>
      </c>
      <c r="IM36" s="237">
        <v>0</v>
      </c>
      <c r="IN36" s="140"/>
      <c r="IO36" s="119">
        <v>0</v>
      </c>
      <c r="IP36" s="119">
        <v>0</v>
      </c>
      <c r="IQ36" s="119">
        <v>0</v>
      </c>
      <c r="IR36" s="119">
        <v>0</v>
      </c>
      <c r="IS36" s="119">
        <v>0</v>
      </c>
      <c r="IT36" s="141">
        <v>0</v>
      </c>
      <c r="IU36" s="318">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8095</v>
      </c>
      <c r="JL36" s="119">
        <v>28740</v>
      </c>
      <c r="JM36" s="119">
        <v>0</v>
      </c>
      <c r="JN36" s="119">
        <v>0</v>
      </c>
      <c r="JO36" s="119">
        <v>0</v>
      </c>
      <c r="JP36" s="120">
        <v>36835</v>
      </c>
      <c r="JQ36" s="318">
        <v>36835</v>
      </c>
      <c r="JR36" s="142">
        <v>0</v>
      </c>
      <c r="JS36" s="119">
        <v>0</v>
      </c>
      <c r="JT36" s="141">
        <v>0</v>
      </c>
      <c r="JU36" s="118">
        <v>0</v>
      </c>
      <c r="JV36" s="119">
        <v>0</v>
      </c>
      <c r="JW36" s="119">
        <v>0</v>
      </c>
      <c r="JX36" s="119">
        <v>0</v>
      </c>
      <c r="JY36" s="119">
        <v>186439</v>
      </c>
      <c r="JZ36" s="119">
        <v>0</v>
      </c>
      <c r="KA36" s="120">
        <v>186439</v>
      </c>
      <c r="KB36" s="318">
        <v>186439</v>
      </c>
      <c r="KC36" s="234">
        <v>0</v>
      </c>
      <c r="KD36" s="230">
        <v>0</v>
      </c>
      <c r="KE36" s="120">
        <v>0</v>
      </c>
      <c r="KF36" s="118">
        <v>0</v>
      </c>
      <c r="KG36" s="119">
        <v>136578</v>
      </c>
      <c r="KH36" s="119">
        <v>0</v>
      </c>
      <c r="KI36" s="119">
        <v>0</v>
      </c>
      <c r="KJ36" s="119">
        <v>0</v>
      </c>
      <c r="KK36" s="119">
        <v>0</v>
      </c>
      <c r="KL36" s="120">
        <v>136578</v>
      </c>
      <c r="KM36" s="143">
        <v>136578</v>
      </c>
      <c r="KN36" s="232">
        <v>0</v>
      </c>
      <c r="KO36" s="236">
        <v>0</v>
      </c>
      <c r="KP36" s="237">
        <v>0</v>
      </c>
      <c r="KQ36" s="140"/>
      <c r="KR36" s="119">
        <v>0</v>
      </c>
      <c r="KS36" s="119">
        <v>505968</v>
      </c>
      <c r="KT36" s="119">
        <v>0</v>
      </c>
      <c r="KU36" s="119">
        <v>252331</v>
      </c>
      <c r="KV36" s="119">
        <v>254840</v>
      </c>
      <c r="KW36" s="120">
        <v>1013139</v>
      </c>
      <c r="KX36" s="318">
        <v>1013139</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18">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32867</v>
      </c>
      <c r="ML36" s="119">
        <v>219964</v>
      </c>
      <c r="MM36" s="119">
        <v>275112</v>
      </c>
      <c r="MN36" s="119">
        <v>0</v>
      </c>
      <c r="MO36" s="120">
        <v>727943</v>
      </c>
      <c r="MP36" s="143">
        <v>727943</v>
      </c>
      <c r="MQ36" s="142">
        <v>0</v>
      </c>
      <c r="MR36" s="119">
        <v>0</v>
      </c>
      <c r="MS36" s="120">
        <v>0</v>
      </c>
      <c r="MT36" s="145"/>
      <c r="MU36" s="119">
        <v>0</v>
      </c>
      <c r="MV36" s="119">
        <v>0</v>
      </c>
      <c r="MW36" s="119">
        <v>219964</v>
      </c>
      <c r="MX36" s="119">
        <v>275112</v>
      </c>
      <c r="MY36" s="119">
        <v>0</v>
      </c>
      <c r="MZ36" s="120">
        <v>495076</v>
      </c>
      <c r="NA36" s="143">
        <v>495076</v>
      </c>
      <c r="NB36" s="142">
        <v>0</v>
      </c>
      <c r="NC36" s="119">
        <v>0</v>
      </c>
      <c r="ND36" s="120">
        <v>0</v>
      </c>
      <c r="NE36" s="145"/>
      <c r="NF36" s="119">
        <v>0</v>
      </c>
      <c r="NG36" s="119">
        <v>232867</v>
      </c>
      <c r="NH36" s="119">
        <v>0</v>
      </c>
      <c r="NI36" s="119">
        <v>0</v>
      </c>
      <c r="NJ36" s="119">
        <v>0</v>
      </c>
      <c r="NK36" s="120">
        <v>232867</v>
      </c>
      <c r="NL36" s="318">
        <v>232867</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2496</v>
      </c>
      <c r="OJ36" s="119">
        <v>17200</v>
      </c>
      <c r="OK36" s="141">
        <v>29696</v>
      </c>
      <c r="OL36" s="118">
        <v>0</v>
      </c>
      <c r="OM36" s="119">
        <v>402127</v>
      </c>
      <c r="ON36" s="119">
        <v>1273240</v>
      </c>
      <c r="OO36" s="119">
        <v>907076</v>
      </c>
      <c r="OP36" s="119">
        <v>1054668</v>
      </c>
      <c r="OQ36" s="119">
        <v>271304</v>
      </c>
      <c r="OR36" s="120">
        <v>3908415</v>
      </c>
      <c r="OS36" s="143">
        <v>3938111</v>
      </c>
    </row>
    <row r="37" spans="2:409" ht="21" customHeight="1" x14ac:dyDescent="0.2">
      <c r="B37" s="126" t="s">
        <v>32</v>
      </c>
      <c r="C37" s="110">
        <v>0</v>
      </c>
      <c r="D37" s="114">
        <v>28288</v>
      </c>
      <c r="E37" s="174">
        <v>28288</v>
      </c>
      <c r="F37" s="175">
        <v>0</v>
      </c>
      <c r="G37" s="176">
        <v>435944</v>
      </c>
      <c r="H37" s="176">
        <v>692516</v>
      </c>
      <c r="I37" s="176">
        <v>761965</v>
      </c>
      <c r="J37" s="176">
        <v>506855</v>
      </c>
      <c r="K37" s="176">
        <v>1056054</v>
      </c>
      <c r="L37" s="177">
        <v>3453334</v>
      </c>
      <c r="M37" s="116">
        <v>3481622</v>
      </c>
      <c r="N37" s="110">
        <v>0</v>
      </c>
      <c r="O37" s="114">
        <v>11888</v>
      </c>
      <c r="P37" s="113">
        <v>11888</v>
      </c>
      <c r="Q37" s="110">
        <v>0</v>
      </c>
      <c r="R37" s="114">
        <v>90584</v>
      </c>
      <c r="S37" s="114">
        <v>197584</v>
      </c>
      <c r="T37" s="114">
        <v>237829</v>
      </c>
      <c r="U37" s="114">
        <v>268984</v>
      </c>
      <c r="V37" s="114">
        <v>259448</v>
      </c>
      <c r="W37" s="113">
        <v>1054429</v>
      </c>
      <c r="X37" s="116">
        <v>1066317</v>
      </c>
      <c r="Y37" s="110">
        <v>0</v>
      </c>
      <c r="Z37" s="114">
        <v>0</v>
      </c>
      <c r="AA37" s="113">
        <v>0</v>
      </c>
      <c r="AB37" s="110">
        <v>0</v>
      </c>
      <c r="AC37" s="114">
        <v>23504</v>
      </c>
      <c r="AD37" s="114">
        <v>115488</v>
      </c>
      <c r="AE37" s="114">
        <v>154927</v>
      </c>
      <c r="AF37" s="114">
        <v>232024</v>
      </c>
      <c r="AG37" s="114">
        <v>172264</v>
      </c>
      <c r="AH37" s="113">
        <v>698207</v>
      </c>
      <c r="AI37" s="116">
        <v>698207</v>
      </c>
      <c r="AJ37" s="110">
        <v>0</v>
      </c>
      <c r="AK37" s="114">
        <v>0</v>
      </c>
      <c r="AL37" s="113">
        <v>0</v>
      </c>
      <c r="AM37" s="110">
        <v>0</v>
      </c>
      <c r="AN37" s="114">
        <v>0</v>
      </c>
      <c r="AO37" s="114">
        <v>0</v>
      </c>
      <c r="AP37" s="114">
        <v>0</v>
      </c>
      <c r="AQ37" s="114">
        <v>0</v>
      </c>
      <c r="AR37" s="114">
        <v>46112</v>
      </c>
      <c r="AS37" s="113">
        <v>46112</v>
      </c>
      <c r="AT37" s="116">
        <v>46112</v>
      </c>
      <c r="AU37" s="110">
        <v>0</v>
      </c>
      <c r="AV37" s="114">
        <v>11888</v>
      </c>
      <c r="AW37" s="113">
        <v>11888</v>
      </c>
      <c r="AX37" s="110">
        <v>0</v>
      </c>
      <c r="AY37" s="114">
        <v>67080</v>
      </c>
      <c r="AZ37" s="114">
        <v>49552</v>
      </c>
      <c r="BA37" s="114">
        <v>46086</v>
      </c>
      <c r="BB37" s="114">
        <v>0</v>
      </c>
      <c r="BC37" s="114">
        <v>0</v>
      </c>
      <c r="BD37" s="113">
        <v>162718</v>
      </c>
      <c r="BE37" s="116">
        <v>174606</v>
      </c>
      <c r="BF37" s="110">
        <v>0</v>
      </c>
      <c r="BG37" s="114">
        <v>0</v>
      </c>
      <c r="BH37" s="112">
        <v>0</v>
      </c>
      <c r="BI37" s="111">
        <v>0</v>
      </c>
      <c r="BJ37" s="114">
        <v>0</v>
      </c>
      <c r="BK37" s="114">
        <v>22944</v>
      </c>
      <c r="BL37" s="114">
        <v>0</v>
      </c>
      <c r="BM37" s="114">
        <v>0</v>
      </c>
      <c r="BN37" s="114">
        <v>0</v>
      </c>
      <c r="BO37" s="113">
        <v>22944</v>
      </c>
      <c r="BP37" s="116">
        <v>22944</v>
      </c>
      <c r="BQ37" s="110">
        <v>0</v>
      </c>
      <c r="BR37" s="114">
        <v>0</v>
      </c>
      <c r="BS37" s="113">
        <v>0</v>
      </c>
      <c r="BT37" s="110">
        <v>0</v>
      </c>
      <c r="BU37" s="114">
        <v>0</v>
      </c>
      <c r="BV37" s="114">
        <v>9600</v>
      </c>
      <c r="BW37" s="114">
        <v>36816</v>
      </c>
      <c r="BX37" s="114">
        <v>36960</v>
      </c>
      <c r="BY37" s="114">
        <v>41072</v>
      </c>
      <c r="BZ37" s="113">
        <v>124448</v>
      </c>
      <c r="CA37" s="116">
        <v>124448</v>
      </c>
      <c r="CB37" s="110">
        <v>0</v>
      </c>
      <c r="CC37" s="114">
        <v>0</v>
      </c>
      <c r="CD37" s="113">
        <v>0</v>
      </c>
      <c r="CE37" s="110">
        <v>0</v>
      </c>
      <c r="CF37" s="114">
        <v>302360</v>
      </c>
      <c r="CG37" s="114">
        <v>253660</v>
      </c>
      <c r="CH37" s="114">
        <v>253024</v>
      </c>
      <c r="CI37" s="114">
        <v>0</v>
      </c>
      <c r="CJ37" s="114">
        <v>223099</v>
      </c>
      <c r="CK37" s="113">
        <v>1032143</v>
      </c>
      <c r="CL37" s="116">
        <v>1032143</v>
      </c>
      <c r="CM37" s="110">
        <v>0</v>
      </c>
      <c r="CN37" s="114">
        <v>0</v>
      </c>
      <c r="CO37" s="113">
        <v>0</v>
      </c>
      <c r="CP37" s="111">
        <v>0</v>
      </c>
      <c r="CQ37" s="114">
        <v>148280</v>
      </c>
      <c r="CR37" s="114">
        <v>188648</v>
      </c>
      <c r="CS37" s="114">
        <v>253024</v>
      </c>
      <c r="CT37" s="114">
        <v>0</v>
      </c>
      <c r="CU37" s="114">
        <v>163420</v>
      </c>
      <c r="CV37" s="113">
        <v>753372</v>
      </c>
      <c r="CW37" s="116">
        <v>753372</v>
      </c>
      <c r="CX37" s="110">
        <v>0</v>
      </c>
      <c r="CY37" s="114">
        <v>0</v>
      </c>
      <c r="CZ37" s="113">
        <v>0</v>
      </c>
      <c r="DA37" s="110">
        <v>0</v>
      </c>
      <c r="DB37" s="114">
        <v>154080</v>
      </c>
      <c r="DC37" s="114">
        <v>65012</v>
      </c>
      <c r="DD37" s="114">
        <v>0</v>
      </c>
      <c r="DE37" s="114">
        <v>0</v>
      </c>
      <c r="DF37" s="114">
        <v>59679</v>
      </c>
      <c r="DG37" s="113">
        <v>278771</v>
      </c>
      <c r="DH37" s="116">
        <v>278771</v>
      </c>
      <c r="DI37" s="110">
        <v>0</v>
      </c>
      <c r="DJ37" s="114">
        <v>0</v>
      </c>
      <c r="DK37" s="112">
        <v>0</v>
      </c>
      <c r="DL37" s="111">
        <v>0</v>
      </c>
      <c r="DM37" s="114">
        <v>0</v>
      </c>
      <c r="DN37" s="114">
        <v>0</v>
      </c>
      <c r="DO37" s="114">
        <v>0</v>
      </c>
      <c r="DP37" s="114">
        <v>0</v>
      </c>
      <c r="DQ37" s="114">
        <v>67131</v>
      </c>
      <c r="DR37" s="113">
        <v>67131</v>
      </c>
      <c r="DS37" s="116">
        <v>67131</v>
      </c>
      <c r="DT37" s="110">
        <v>0</v>
      </c>
      <c r="DU37" s="114">
        <v>0</v>
      </c>
      <c r="DV37" s="113">
        <v>0</v>
      </c>
      <c r="DW37" s="110">
        <v>0</v>
      </c>
      <c r="DX37" s="114">
        <v>0</v>
      </c>
      <c r="DY37" s="114">
        <v>0</v>
      </c>
      <c r="DZ37" s="114">
        <v>0</v>
      </c>
      <c r="EA37" s="114">
        <v>0</v>
      </c>
      <c r="EB37" s="114">
        <v>67131</v>
      </c>
      <c r="EC37" s="113">
        <v>67131</v>
      </c>
      <c r="ED37" s="116">
        <v>67131</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5"/>
      <c r="FE37" s="114">
        <v>0</v>
      </c>
      <c r="FF37" s="114">
        <v>0</v>
      </c>
      <c r="FG37" s="114">
        <v>0</v>
      </c>
      <c r="FH37" s="114">
        <v>0</v>
      </c>
      <c r="FI37" s="114">
        <v>0</v>
      </c>
      <c r="FJ37" s="113">
        <v>0</v>
      </c>
      <c r="FK37" s="116">
        <v>0</v>
      </c>
      <c r="FL37" s="110">
        <v>0</v>
      </c>
      <c r="FM37" s="114">
        <v>16400</v>
      </c>
      <c r="FN37" s="113">
        <v>16400</v>
      </c>
      <c r="FO37" s="110">
        <v>0</v>
      </c>
      <c r="FP37" s="114">
        <v>43000</v>
      </c>
      <c r="FQ37" s="114">
        <v>70032</v>
      </c>
      <c r="FR37" s="114">
        <v>80624</v>
      </c>
      <c r="FS37" s="114">
        <v>20144</v>
      </c>
      <c r="FT37" s="114">
        <v>53280</v>
      </c>
      <c r="FU37" s="113">
        <v>267080</v>
      </c>
      <c r="FV37" s="116">
        <v>283480</v>
      </c>
      <c r="FW37" s="115">
        <v>0</v>
      </c>
      <c r="FX37" s="114">
        <v>16400</v>
      </c>
      <c r="FY37" s="112">
        <v>16400</v>
      </c>
      <c r="FZ37" s="111">
        <v>0</v>
      </c>
      <c r="GA37" s="114">
        <v>43000</v>
      </c>
      <c r="GB37" s="114">
        <v>70032</v>
      </c>
      <c r="GC37" s="114">
        <v>80624</v>
      </c>
      <c r="GD37" s="114">
        <v>20144</v>
      </c>
      <c r="GE37" s="114">
        <v>53280</v>
      </c>
      <c r="GF37" s="113">
        <v>267080</v>
      </c>
      <c r="GG37" s="316">
        <v>283480</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71240</v>
      </c>
      <c r="HJ37" s="114">
        <v>190488</v>
      </c>
      <c r="HK37" s="114">
        <v>217727</v>
      </c>
      <c r="HL37" s="114">
        <v>453096</v>
      </c>
      <c r="HM37" s="113">
        <v>1032551</v>
      </c>
      <c r="HN37" s="109">
        <v>1032551</v>
      </c>
      <c r="HO37" s="326"/>
      <c r="HP37" s="327"/>
      <c r="HQ37" s="328"/>
      <c r="HR37" s="329"/>
      <c r="HS37" s="327"/>
      <c r="HT37" s="327"/>
      <c r="HU37" s="327"/>
      <c r="HV37" s="327"/>
      <c r="HW37" s="327"/>
      <c r="HX37" s="330"/>
      <c r="HY37" s="331"/>
      <c r="HZ37" s="131">
        <v>0</v>
      </c>
      <c r="IA37" s="132">
        <v>0</v>
      </c>
      <c r="IB37" s="133">
        <v>0</v>
      </c>
      <c r="IC37" s="146">
        <v>0</v>
      </c>
      <c r="ID37" s="132">
        <v>78328</v>
      </c>
      <c r="IE37" s="147">
        <v>272992</v>
      </c>
      <c r="IF37" s="133">
        <v>441616</v>
      </c>
      <c r="IG37" s="132">
        <v>0</v>
      </c>
      <c r="IH37" s="133">
        <v>52668</v>
      </c>
      <c r="II37" s="148">
        <v>845604</v>
      </c>
      <c r="IJ37" s="139">
        <v>845604</v>
      </c>
      <c r="IK37" s="232">
        <v>0</v>
      </c>
      <c r="IL37" s="236">
        <v>0</v>
      </c>
      <c r="IM37" s="237">
        <v>0</v>
      </c>
      <c r="IN37" s="140"/>
      <c r="IO37" s="119">
        <v>0</v>
      </c>
      <c r="IP37" s="119">
        <v>0</v>
      </c>
      <c r="IQ37" s="119">
        <v>0</v>
      </c>
      <c r="IR37" s="119">
        <v>0</v>
      </c>
      <c r="IS37" s="119">
        <v>0</v>
      </c>
      <c r="IT37" s="141">
        <v>0</v>
      </c>
      <c r="IU37" s="318">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78328</v>
      </c>
      <c r="JL37" s="119">
        <v>97752</v>
      </c>
      <c r="JM37" s="119">
        <v>0</v>
      </c>
      <c r="JN37" s="119">
        <v>0</v>
      </c>
      <c r="JO37" s="119">
        <v>52668</v>
      </c>
      <c r="JP37" s="120">
        <v>228748</v>
      </c>
      <c r="JQ37" s="318">
        <v>228748</v>
      </c>
      <c r="JR37" s="142">
        <v>0</v>
      </c>
      <c r="JS37" s="119">
        <v>0</v>
      </c>
      <c r="JT37" s="141">
        <v>0</v>
      </c>
      <c r="JU37" s="118">
        <v>0</v>
      </c>
      <c r="JV37" s="119">
        <v>0</v>
      </c>
      <c r="JW37" s="119">
        <v>0</v>
      </c>
      <c r="JX37" s="119">
        <v>0</v>
      </c>
      <c r="JY37" s="119">
        <v>0</v>
      </c>
      <c r="JZ37" s="119">
        <v>0</v>
      </c>
      <c r="KA37" s="120">
        <v>0</v>
      </c>
      <c r="KB37" s="318">
        <v>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239048</v>
      </c>
      <c r="KU37" s="119">
        <v>0</v>
      </c>
      <c r="KV37" s="119">
        <v>0</v>
      </c>
      <c r="KW37" s="120">
        <v>239048</v>
      </c>
      <c r="KX37" s="318">
        <v>239048</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175240</v>
      </c>
      <c r="LP37" s="119">
        <v>202568</v>
      </c>
      <c r="LQ37" s="119">
        <v>0</v>
      </c>
      <c r="LR37" s="119">
        <v>0</v>
      </c>
      <c r="LS37" s="120">
        <v>377808</v>
      </c>
      <c r="LT37" s="318">
        <v>377808</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1503550</v>
      </c>
      <c r="MN37" s="119">
        <v>0</v>
      </c>
      <c r="MO37" s="120">
        <v>1503550</v>
      </c>
      <c r="MP37" s="143">
        <v>1503550</v>
      </c>
      <c r="MQ37" s="142">
        <v>0</v>
      </c>
      <c r="MR37" s="119">
        <v>0</v>
      </c>
      <c r="MS37" s="120">
        <v>0</v>
      </c>
      <c r="MT37" s="145"/>
      <c r="MU37" s="119">
        <v>0</v>
      </c>
      <c r="MV37" s="119">
        <v>0</v>
      </c>
      <c r="MW37" s="119">
        <v>0</v>
      </c>
      <c r="MX37" s="119">
        <v>782669</v>
      </c>
      <c r="MY37" s="119">
        <v>0</v>
      </c>
      <c r="MZ37" s="120">
        <v>782669</v>
      </c>
      <c r="NA37" s="143">
        <v>782669</v>
      </c>
      <c r="NB37" s="142">
        <v>0</v>
      </c>
      <c r="NC37" s="119">
        <v>0</v>
      </c>
      <c r="ND37" s="120">
        <v>0</v>
      </c>
      <c r="NE37" s="145"/>
      <c r="NF37" s="119">
        <v>0</v>
      </c>
      <c r="NG37" s="119">
        <v>0</v>
      </c>
      <c r="NH37" s="119">
        <v>0</v>
      </c>
      <c r="NI37" s="119">
        <v>720881</v>
      </c>
      <c r="NJ37" s="119">
        <v>0</v>
      </c>
      <c r="NK37" s="120">
        <v>720881</v>
      </c>
      <c r="NL37" s="318">
        <v>720881</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28288</v>
      </c>
      <c r="OK37" s="141">
        <v>28288</v>
      </c>
      <c r="OL37" s="118">
        <v>0</v>
      </c>
      <c r="OM37" s="119">
        <v>514272</v>
      </c>
      <c r="ON37" s="119">
        <v>965508</v>
      </c>
      <c r="OO37" s="119">
        <v>1203581</v>
      </c>
      <c r="OP37" s="119">
        <v>2010405</v>
      </c>
      <c r="OQ37" s="119">
        <v>1108722</v>
      </c>
      <c r="OR37" s="120">
        <v>5802488</v>
      </c>
      <c r="OS37" s="143">
        <v>5830776</v>
      </c>
    </row>
    <row r="38" spans="2:409" ht="21" customHeight="1" x14ac:dyDescent="0.2">
      <c r="B38" s="126" t="s">
        <v>33</v>
      </c>
      <c r="C38" s="110">
        <v>78224</v>
      </c>
      <c r="D38" s="114">
        <v>31046</v>
      </c>
      <c r="E38" s="113">
        <v>109270</v>
      </c>
      <c r="F38" s="109">
        <v>0</v>
      </c>
      <c r="G38" s="114">
        <v>224813</v>
      </c>
      <c r="H38" s="114">
        <v>285540</v>
      </c>
      <c r="I38" s="114">
        <v>41383</v>
      </c>
      <c r="J38" s="114">
        <v>235382</v>
      </c>
      <c r="K38" s="114">
        <v>121244</v>
      </c>
      <c r="L38" s="173">
        <v>908362</v>
      </c>
      <c r="M38" s="116">
        <v>1017632</v>
      </c>
      <c r="N38" s="110">
        <v>55062</v>
      </c>
      <c r="O38" s="114">
        <v>31046</v>
      </c>
      <c r="P38" s="113">
        <v>86108</v>
      </c>
      <c r="Q38" s="110">
        <v>0</v>
      </c>
      <c r="R38" s="114">
        <v>108099</v>
      </c>
      <c r="S38" s="114">
        <v>28212</v>
      </c>
      <c r="T38" s="114">
        <v>21703</v>
      </c>
      <c r="U38" s="114">
        <v>9328</v>
      </c>
      <c r="V38" s="114">
        <v>121244</v>
      </c>
      <c r="W38" s="113">
        <v>288586</v>
      </c>
      <c r="X38" s="116">
        <v>374694</v>
      </c>
      <c r="Y38" s="110">
        <v>0</v>
      </c>
      <c r="Z38" s="114">
        <v>0</v>
      </c>
      <c r="AA38" s="113">
        <v>0</v>
      </c>
      <c r="AB38" s="110">
        <v>0</v>
      </c>
      <c r="AC38" s="114">
        <v>17597</v>
      </c>
      <c r="AD38" s="114">
        <v>0</v>
      </c>
      <c r="AE38" s="114">
        <v>0</v>
      </c>
      <c r="AF38" s="114">
        <v>0</v>
      </c>
      <c r="AG38" s="114">
        <v>41337</v>
      </c>
      <c r="AH38" s="113">
        <v>58934</v>
      </c>
      <c r="AI38" s="116">
        <v>58934</v>
      </c>
      <c r="AJ38" s="110">
        <v>0</v>
      </c>
      <c r="AK38" s="114">
        <v>0</v>
      </c>
      <c r="AL38" s="113">
        <v>0</v>
      </c>
      <c r="AM38" s="110">
        <v>0</v>
      </c>
      <c r="AN38" s="114">
        <v>0</v>
      </c>
      <c r="AO38" s="114">
        <v>0</v>
      </c>
      <c r="AP38" s="114">
        <v>0</v>
      </c>
      <c r="AQ38" s="114">
        <v>0</v>
      </c>
      <c r="AR38" s="114">
        <v>0</v>
      </c>
      <c r="AS38" s="113">
        <v>0</v>
      </c>
      <c r="AT38" s="116">
        <v>0</v>
      </c>
      <c r="AU38" s="110">
        <v>0</v>
      </c>
      <c r="AV38" s="114">
        <v>0</v>
      </c>
      <c r="AW38" s="113">
        <v>0</v>
      </c>
      <c r="AX38" s="110">
        <v>0</v>
      </c>
      <c r="AY38" s="114">
        <v>39264</v>
      </c>
      <c r="AZ38" s="114">
        <v>21340</v>
      </c>
      <c r="BA38" s="114">
        <v>0</v>
      </c>
      <c r="BB38" s="114">
        <v>0</v>
      </c>
      <c r="BC38" s="114">
        <v>23883</v>
      </c>
      <c r="BD38" s="113">
        <v>84487</v>
      </c>
      <c r="BE38" s="116">
        <v>84487</v>
      </c>
      <c r="BF38" s="110">
        <v>55062</v>
      </c>
      <c r="BG38" s="114">
        <v>31046</v>
      </c>
      <c r="BH38" s="112">
        <v>86108</v>
      </c>
      <c r="BI38" s="111">
        <v>0</v>
      </c>
      <c r="BJ38" s="114">
        <v>38198</v>
      </c>
      <c r="BK38" s="114">
        <v>0</v>
      </c>
      <c r="BL38" s="114">
        <v>15279</v>
      </c>
      <c r="BM38" s="114">
        <v>0</v>
      </c>
      <c r="BN38" s="114">
        <v>56024</v>
      </c>
      <c r="BO38" s="113">
        <v>109501</v>
      </c>
      <c r="BP38" s="116">
        <v>195609</v>
      </c>
      <c r="BQ38" s="110">
        <v>0</v>
      </c>
      <c r="BR38" s="114">
        <v>0</v>
      </c>
      <c r="BS38" s="113">
        <v>0</v>
      </c>
      <c r="BT38" s="110">
        <v>0</v>
      </c>
      <c r="BU38" s="114">
        <v>13040</v>
      </c>
      <c r="BV38" s="114">
        <v>6872</v>
      </c>
      <c r="BW38" s="114">
        <v>6424</v>
      </c>
      <c r="BX38" s="114">
        <v>9328</v>
      </c>
      <c r="BY38" s="114">
        <v>0</v>
      </c>
      <c r="BZ38" s="113">
        <v>35664</v>
      </c>
      <c r="CA38" s="116">
        <v>35664</v>
      </c>
      <c r="CB38" s="110">
        <v>20762</v>
      </c>
      <c r="CC38" s="114">
        <v>0</v>
      </c>
      <c r="CD38" s="113">
        <v>20762</v>
      </c>
      <c r="CE38" s="110">
        <v>0</v>
      </c>
      <c r="CF38" s="114">
        <v>74314</v>
      </c>
      <c r="CG38" s="114">
        <v>69156</v>
      </c>
      <c r="CH38" s="114">
        <v>0</v>
      </c>
      <c r="CI38" s="114">
        <v>0</v>
      </c>
      <c r="CJ38" s="114">
        <v>0</v>
      </c>
      <c r="CK38" s="113">
        <v>143470</v>
      </c>
      <c r="CL38" s="116">
        <v>164232</v>
      </c>
      <c r="CM38" s="110">
        <v>0</v>
      </c>
      <c r="CN38" s="114">
        <v>0</v>
      </c>
      <c r="CO38" s="113">
        <v>0</v>
      </c>
      <c r="CP38" s="111">
        <v>0</v>
      </c>
      <c r="CQ38" s="114">
        <v>31766</v>
      </c>
      <c r="CR38" s="114">
        <v>0</v>
      </c>
      <c r="CS38" s="114">
        <v>0</v>
      </c>
      <c r="CT38" s="114">
        <v>0</v>
      </c>
      <c r="CU38" s="114">
        <v>0</v>
      </c>
      <c r="CV38" s="113">
        <v>31766</v>
      </c>
      <c r="CW38" s="116">
        <v>31766</v>
      </c>
      <c r="CX38" s="110">
        <v>20762</v>
      </c>
      <c r="CY38" s="114">
        <v>0</v>
      </c>
      <c r="CZ38" s="113">
        <v>20762</v>
      </c>
      <c r="DA38" s="110">
        <v>0</v>
      </c>
      <c r="DB38" s="114">
        <v>42548</v>
      </c>
      <c r="DC38" s="114">
        <v>69156</v>
      </c>
      <c r="DD38" s="114">
        <v>0</v>
      </c>
      <c r="DE38" s="114">
        <v>0</v>
      </c>
      <c r="DF38" s="114">
        <v>0</v>
      </c>
      <c r="DG38" s="113">
        <v>111704</v>
      </c>
      <c r="DH38" s="116">
        <v>132466</v>
      </c>
      <c r="DI38" s="110">
        <v>0</v>
      </c>
      <c r="DJ38" s="114">
        <v>0</v>
      </c>
      <c r="DK38" s="112">
        <v>0</v>
      </c>
      <c r="DL38" s="111">
        <v>0</v>
      </c>
      <c r="DM38" s="114">
        <v>0</v>
      </c>
      <c r="DN38" s="114">
        <v>0</v>
      </c>
      <c r="DO38" s="114">
        <v>0</v>
      </c>
      <c r="DP38" s="114">
        <v>0</v>
      </c>
      <c r="DQ38" s="114">
        <v>0</v>
      </c>
      <c r="DR38" s="113">
        <v>0</v>
      </c>
      <c r="DS38" s="116">
        <v>0</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5"/>
      <c r="FE38" s="114">
        <v>0</v>
      </c>
      <c r="FF38" s="114">
        <v>0</v>
      </c>
      <c r="FG38" s="114">
        <v>0</v>
      </c>
      <c r="FH38" s="114">
        <v>0</v>
      </c>
      <c r="FI38" s="114">
        <v>0</v>
      </c>
      <c r="FJ38" s="113">
        <v>0</v>
      </c>
      <c r="FK38" s="116">
        <v>0</v>
      </c>
      <c r="FL38" s="110">
        <v>2400</v>
      </c>
      <c r="FM38" s="114">
        <v>0</v>
      </c>
      <c r="FN38" s="113">
        <v>2400</v>
      </c>
      <c r="FO38" s="110">
        <v>0</v>
      </c>
      <c r="FP38" s="114">
        <v>42400</v>
      </c>
      <c r="FQ38" s="114">
        <v>8592</v>
      </c>
      <c r="FR38" s="114">
        <v>19680</v>
      </c>
      <c r="FS38" s="114">
        <v>0</v>
      </c>
      <c r="FT38" s="114">
        <v>0</v>
      </c>
      <c r="FU38" s="113">
        <v>70672</v>
      </c>
      <c r="FV38" s="116">
        <v>73072</v>
      </c>
      <c r="FW38" s="115">
        <v>2400</v>
      </c>
      <c r="FX38" s="114">
        <v>0</v>
      </c>
      <c r="FY38" s="112">
        <v>2400</v>
      </c>
      <c r="FZ38" s="111">
        <v>0</v>
      </c>
      <c r="GA38" s="114">
        <v>42400</v>
      </c>
      <c r="GB38" s="114">
        <v>8592</v>
      </c>
      <c r="GC38" s="114">
        <v>19680</v>
      </c>
      <c r="GD38" s="114">
        <v>0</v>
      </c>
      <c r="GE38" s="114">
        <v>0</v>
      </c>
      <c r="GF38" s="113">
        <v>70672</v>
      </c>
      <c r="GG38" s="316">
        <v>73072</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179580</v>
      </c>
      <c r="HJ38" s="114">
        <v>0</v>
      </c>
      <c r="HK38" s="114">
        <v>226054</v>
      </c>
      <c r="HL38" s="114">
        <v>0</v>
      </c>
      <c r="HM38" s="113">
        <v>405634</v>
      </c>
      <c r="HN38" s="109">
        <v>405634</v>
      </c>
      <c r="HO38" s="326"/>
      <c r="HP38" s="327"/>
      <c r="HQ38" s="328"/>
      <c r="HR38" s="329"/>
      <c r="HS38" s="327"/>
      <c r="HT38" s="327"/>
      <c r="HU38" s="327"/>
      <c r="HV38" s="327"/>
      <c r="HW38" s="327"/>
      <c r="HX38" s="330"/>
      <c r="HY38" s="331"/>
      <c r="HZ38" s="150">
        <v>0</v>
      </c>
      <c r="IA38" s="135">
        <v>0</v>
      </c>
      <c r="IB38" s="150">
        <v>0</v>
      </c>
      <c r="IC38" s="146">
        <v>0</v>
      </c>
      <c r="ID38" s="132">
        <v>182072</v>
      </c>
      <c r="IE38" s="147">
        <v>0</v>
      </c>
      <c r="IF38" s="133">
        <v>231973</v>
      </c>
      <c r="IG38" s="132">
        <v>0</v>
      </c>
      <c r="IH38" s="133">
        <v>0</v>
      </c>
      <c r="II38" s="148">
        <v>414045</v>
      </c>
      <c r="IJ38" s="150">
        <v>414045</v>
      </c>
      <c r="IK38" s="232">
        <v>0</v>
      </c>
      <c r="IL38" s="236">
        <v>0</v>
      </c>
      <c r="IM38" s="237">
        <v>0</v>
      </c>
      <c r="IN38" s="140"/>
      <c r="IO38" s="119">
        <v>0</v>
      </c>
      <c r="IP38" s="119">
        <v>0</v>
      </c>
      <c r="IQ38" s="119">
        <v>0</v>
      </c>
      <c r="IR38" s="119">
        <v>0</v>
      </c>
      <c r="IS38" s="119">
        <v>0</v>
      </c>
      <c r="IT38" s="141">
        <v>0</v>
      </c>
      <c r="IU38" s="318">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39261</v>
      </c>
      <c r="JL38" s="119">
        <v>0</v>
      </c>
      <c r="JM38" s="119">
        <v>0</v>
      </c>
      <c r="JN38" s="119">
        <v>0</v>
      </c>
      <c r="JO38" s="119">
        <v>0</v>
      </c>
      <c r="JP38" s="120">
        <v>39261</v>
      </c>
      <c r="JQ38" s="318">
        <v>39261</v>
      </c>
      <c r="JR38" s="142">
        <v>0</v>
      </c>
      <c r="JS38" s="119">
        <v>0</v>
      </c>
      <c r="JT38" s="141">
        <v>0</v>
      </c>
      <c r="JU38" s="118">
        <v>0</v>
      </c>
      <c r="JV38" s="119">
        <v>0</v>
      </c>
      <c r="JW38" s="119">
        <v>0</v>
      </c>
      <c r="JX38" s="119">
        <v>0</v>
      </c>
      <c r="JY38" s="119">
        <v>0</v>
      </c>
      <c r="JZ38" s="119">
        <v>0</v>
      </c>
      <c r="KA38" s="120">
        <v>0</v>
      </c>
      <c r="KB38" s="318">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18">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18">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223568</v>
      </c>
      <c r="ML38" s="119">
        <v>348775</v>
      </c>
      <c r="MM38" s="119">
        <v>0</v>
      </c>
      <c r="MN38" s="119">
        <v>0</v>
      </c>
      <c r="MO38" s="120">
        <v>572343</v>
      </c>
      <c r="MP38" s="143">
        <v>572343</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18">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223568</v>
      </c>
      <c r="OD38" s="119">
        <v>348775</v>
      </c>
      <c r="OE38" s="119">
        <v>0</v>
      </c>
      <c r="OF38" s="119">
        <v>0</v>
      </c>
      <c r="OG38" s="120">
        <v>572343</v>
      </c>
      <c r="OH38" s="121">
        <v>572343</v>
      </c>
      <c r="OI38" s="142">
        <v>78224</v>
      </c>
      <c r="OJ38" s="119">
        <v>31046</v>
      </c>
      <c r="OK38" s="141">
        <v>109270</v>
      </c>
      <c r="OL38" s="118">
        <v>0</v>
      </c>
      <c r="OM38" s="119">
        <v>406885</v>
      </c>
      <c r="ON38" s="119">
        <v>509108</v>
      </c>
      <c r="OO38" s="119">
        <v>622131</v>
      </c>
      <c r="OP38" s="119">
        <v>235382</v>
      </c>
      <c r="OQ38" s="119">
        <v>121244</v>
      </c>
      <c r="OR38" s="120">
        <v>1894750</v>
      </c>
      <c r="OS38" s="143">
        <v>2004020</v>
      </c>
    </row>
    <row r="39" spans="2:409" ht="21" customHeight="1" x14ac:dyDescent="0.2">
      <c r="B39" s="126" t="s">
        <v>34</v>
      </c>
      <c r="C39" s="110">
        <v>0</v>
      </c>
      <c r="D39" s="114">
        <v>19520</v>
      </c>
      <c r="E39" s="174">
        <v>19520</v>
      </c>
      <c r="F39" s="175">
        <v>0</v>
      </c>
      <c r="G39" s="176">
        <v>9120</v>
      </c>
      <c r="H39" s="176">
        <v>92648</v>
      </c>
      <c r="I39" s="176">
        <v>32800</v>
      </c>
      <c r="J39" s="176">
        <v>42504</v>
      </c>
      <c r="K39" s="176">
        <v>523956</v>
      </c>
      <c r="L39" s="177">
        <v>701028</v>
      </c>
      <c r="M39" s="116">
        <v>720548</v>
      </c>
      <c r="N39" s="110">
        <v>0</v>
      </c>
      <c r="O39" s="114">
        <v>0</v>
      </c>
      <c r="P39" s="113">
        <v>0</v>
      </c>
      <c r="Q39" s="110">
        <v>0</v>
      </c>
      <c r="R39" s="114">
        <v>7520</v>
      </c>
      <c r="S39" s="114">
        <v>81208</v>
      </c>
      <c r="T39" s="114">
        <v>0</v>
      </c>
      <c r="U39" s="114">
        <v>0</v>
      </c>
      <c r="V39" s="114">
        <v>48784</v>
      </c>
      <c r="W39" s="113">
        <v>137512</v>
      </c>
      <c r="X39" s="116">
        <v>137512</v>
      </c>
      <c r="Y39" s="110">
        <v>0</v>
      </c>
      <c r="Z39" s="114">
        <v>0</v>
      </c>
      <c r="AA39" s="113">
        <v>0</v>
      </c>
      <c r="AB39" s="110">
        <v>0</v>
      </c>
      <c r="AC39" s="114">
        <v>0</v>
      </c>
      <c r="AD39" s="114">
        <v>0</v>
      </c>
      <c r="AE39" s="114">
        <v>0</v>
      </c>
      <c r="AF39" s="114">
        <v>0</v>
      </c>
      <c r="AG39" s="114">
        <v>0</v>
      </c>
      <c r="AH39" s="113">
        <v>0</v>
      </c>
      <c r="AI39" s="116">
        <v>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7520</v>
      </c>
      <c r="AZ39" s="114">
        <v>0</v>
      </c>
      <c r="BA39" s="114">
        <v>0</v>
      </c>
      <c r="BB39" s="114">
        <v>0</v>
      </c>
      <c r="BC39" s="114">
        <v>0</v>
      </c>
      <c r="BD39" s="113">
        <v>7520</v>
      </c>
      <c r="BE39" s="116">
        <v>7520</v>
      </c>
      <c r="BF39" s="110">
        <v>0</v>
      </c>
      <c r="BG39" s="114">
        <v>0</v>
      </c>
      <c r="BH39" s="112">
        <v>0</v>
      </c>
      <c r="BI39" s="111">
        <v>0</v>
      </c>
      <c r="BJ39" s="114">
        <v>0</v>
      </c>
      <c r="BK39" s="114">
        <v>74056</v>
      </c>
      <c r="BL39" s="114">
        <v>0</v>
      </c>
      <c r="BM39" s="114">
        <v>0</v>
      </c>
      <c r="BN39" s="114">
        <v>0</v>
      </c>
      <c r="BO39" s="113">
        <v>74056</v>
      </c>
      <c r="BP39" s="116">
        <v>74056</v>
      </c>
      <c r="BQ39" s="110">
        <v>0</v>
      </c>
      <c r="BR39" s="114">
        <v>0</v>
      </c>
      <c r="BS39" s="113">
        <v>0</v>
      </c>
      <c r="BT39" s="110">
        <v>0</v>
      </c>
      <c r="BU39" s="114">
        <v>0</v>
      </c>
      <c r="BV39" s="114">
        <v>7152</v>
      </c>
      <c r="BW39" s="114">
        <v>0</v>
      </c>
      <c r="BX39" s="114">
        <v>0</v>
      </c>
      <c r="BY39" s="114">
        <v>48784</v>
      </c>
      <c r="BZ39" s="113">
        <v>55936</v>
      </c>
      <c r="CA39" s="116">
        <v>55936</v>
      </c>
      <c r="CB39" s="110">
        <v>0</v>
      </c>
      <c r="CC39" s="114">
        <v>0</v>
      </c>
      <c r="CD39" s="113">
        <v>0</v>
      </c>
      <c r="CE39" s="110">
        <v>0</v>
      </c>
      <c r="CF39" s="114">
        <v>0</v>
      </c>
      <c r="CG39" s="114">
        <v>0</v>
      </c>
      <c r="CH39" s="114">
        <v>0</v>
      </c>
      <c r="CI39" s="114">
        <v>38104</v>
      </c>
      <c r="CJ39" s="114">
        <v>0</v>
      </c>
      <c r="CK39" s="113">
        <v>38104</v>
      </c>
      <c r="CL39" s="116">
        <v>38104</v>
      </c>
      <c r="CM39" s="110">
        <v>0</v>
      </c>
      <c r="CN39" s="114">
        <v>0</v>
      </c>
      <c r="CO39" s="113">
        <v>0</v>
      </c>
      <c r="CP39" s="111">
        <v>0</v>
      </c>
      <c r="CQ39" s="114">
        <v>0</v>
      </c>
      <c r="CR39" s="114">
        <v>0</v>
      </c>
      <c r="CS39" s="114">
        <v>0</v>
      </c>
      <c r="CT39" s="114">
        <v>38104</v>
      </c>
      <c r="CU39" s="114">
        <v>0</v>
      </c>
      <c r="CV39" s="113">
        <v>38104</v>
      </c>
      <c r="CW39" s="116">
        <v>38104</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5"/>
      <c r="FE39" s="114">
        <v>0</v>
      </c>
      <c r="FF39" s="114">
        <v>0</v>
      </c>
      <c r="FG39" s="114">
        <v>0</v>
      </c>
      <c r="FH39" s="114">
        <v>0</v>
      </c>
      <c r="FI39" s="114">
        <v>0</v>
      </c>
      <c r="FJ39" s="113">
        <v>0</v>
      </c>
      <c r="FK39" s="116">
        <v>0</v>
      </c>
      <c r="FL39" s="110">
        <v>0</v>
      </c>
      <c r="FM39" s="114">
        <v>19520</v>
      </c>
      <c r="FN39" s="113">
        <v>19520</v>
      </c>
      <c r="FO39" s="110">
        <v>0</v>
      </c>
      <c r="FP39" s="114">
        <v>1600</v>
      </c>
      <c r="FQ39" s="114">
        <v>11440</v>
      </c>
      <c r="FR39" s="114">
        <v>32800</v>
      </c>
      <c r="FS39" s="114">
        <v>4400</v>
      </c>
      <c r="FT39" s="114">
        <v>0</v>
      </c>
      <c r="FU39" s="113">
        <v>50240</v>
      </c>
      <c r="FV39" s="116">
        <v>69760</v>
      </c>
      <c r="FW39" s="115">
        <v>0</v>
      </c>
      <c r="FX39" s="114">
        <v>19520</v>
      </c>
      <c r="FY39" s="112">
        <v>19520</v>
      </c>
      <c r="FZ39" s="111">
        <v>0</v>
      </c>
      <c r="GA39" s="114">
        <v>1600</v>
      </c>
      <c r="GB39" s="114">
        <v>11440</v>
      </c>
      <c r="GC39" s="114">
        <v>32800</v>
      </c>
      <c r="GD39" s="114">
        <v>4400</v>
      </c>
      <c r="GE39" s="114">
        <v>0</v>
      </c>
      <c r="GF39" s="113">
        <v>50240</v>
      </c>
      <c r="GG39" s="316">
        <v>69760</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0</v>
      </c>
      <c r="HJ39" s="114">
        <v>0</v>
      </c>
      <c r="HK39" s="114">
        <v>0</v>
      </c>
      <c r="HL39" s="114">
        <v>475172</v>
      </c>
      <c r="HM39" s="113">
        <v>475172</v>
      </c>
      <c r="HN39" s="109">
        <v>475172</v>
      </c>
      <c r="HO39" s="326"/>
      <c r="HP39" s="327"/>
      <c r="HQ39" s="328"/>
      <c r="HR39" s="329"/>
      <c r="HS39" s="327"/>
      <c r="HT39" s="327"/>
      <c r="HU39" s="327"/>
      <c r="HV39" s="327"/>
      <c r="HW39" s="327"/>
      <c r="HX39" s="330"/>
      <c r="HY39" s="331"/>
      <c r="HZ39" s="131">
        <v>0</v>
      </c>
      <c r="IA39" s="132">
        <v>0</v>
      </c>
      <c r="IB39" s="133">
        <v>0</v>
      </c>
      <c r="IC39" s="146">
        <v>0</v>
      </c>
      <c r="ID39" s="132">
        <v>309176</v>
      </c>
      <c r="IE39" s="147">
        <v>282416</v>
      </c>
      <c r="IF39" s="133">
        <v>0</v>
      </c>
      <c r="IG39" s="132">
        <v>0</v>
      </c>
      <c r="IH39" s="133">
        <v>0</v>
      </c>
      <c r="II39" s="148">
        <v>591592</v>
      </c>
      <c r="IJ39" s="139">
        <v>591592</v>
      </c>
      <c r="IK39" s="232">
        <v>0</v>
      </c>
      <c r="IL39" s="236">
        <v>0</v>
      </c>
      <c r="IM39" s="237">
        <v>0</v>
      </c>
      <c r="IN39" s="140"/>
      <c r="IO39" s="119">
        <v>0</v>
      </c>
      <c r="IP39" s="119">
        <v>0</v>
      </c>
      <c r="IQ39" s="119">
        <v>0</v>
      </c>
      <c r="IR39" s="119">
        <v>0</v>
      </c>
      <c r="IS39" s="119">
        <v>0</v>
      </c>
      <c r="IT39" s="141">
        <v>0</v>
      </c>
      <c r="IU39" s="318">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83288</v>
      </c>
      <c r="JL39" s="119">
        <v>96544</v>
      </c>
      <c r="JM39" s="119">
        <v>0</v>
      </c>
      <c r="JN39" s="119">
        <v>0</v>
      </c>
      <c r="JO39" s="119">
        <v>0</v>
      </c>
      <c r="JP39" s="120">
        <v>179832</v>
      </c>
      <c r="JQ39" s="318">
        <v>179832</v>
      </c>
      <c r="JR39" s="142">
        <v>0</v>
      </c>
      <c r="JS39" s="119">
        <v>0</v>
      </c>
      <c r="JT39" s="141">
        <v>0</v>
      </c>
      <c r="JU39" s="118">
        <v>0</v>
      </c>
      <c r="JV39" s="119">
        <v>0</v>
      </c>
      <c r="JW39" s="119">
        <v>0</v>
      </c>
      <c r="JX39" s="119">
        <v>0</v>
      </c>
      <c r="JY39" s="119">
        <v>0</v>
      </c>
      <c r="JZ39" s="119">
        <v>0</v>
      </c>
      <c r="KA39" s="120">
        <v>0</v>
      </c>
      <c r="KB39" s="318">
        <v>0</v>
      </c>
      <c r="KC39" s="234">
        <v>0</v>
      </c>
      <c r="KD39" s="230">
        <v>0</v>
      </c>
      <c r="KE39" s="120">
        <v>0</v>
      </c>
      <c r="KF39" s="118">
        <v>0</v>
      </c>
      <c r="KG39" s="119">
        <v>225888</v>
      </c>
      <c r="KH39" s="119">
        <v>0</v>
      </c>
      <c r="KI39" s="119">
        <v>0</v>
      </c>
      <c r="KJ39" s="119">
        <v>0</v>
      </c>
      <c r="KK39" s="119">
        <v>0</v>
      </c>
      <c r="KL39" s="120">
        <v>225888</v>
      </c>
      <c r="KM39" s="143">
        <v>225888</v>
      </c>
      <c r="KN39" s="232">
        <v>0</v>
      </c>
      <c r="KO39" s="236">
        <v>0</v>
      </c>
      <c r="KP39" s="237">
        <v>0</v>
      </c>
      <c r="KQ39" s="140"/>
      <c r="KR39" s="119">
        <v>0</v>
      </c>
      <c r="KS39" s="119">
        <v>0</v>
      </c>
      <c r="KT39" s="119">
        <v>0</v>
      </c>
      <c r="KU39" s="119">
        <v>0</v>
      </c>
      <c r="KV39" s="119">
        <v>0</v>
      </c>
      <c r="KW39" s="120">
        <v>0</v>
      </c>
      <c r="KX39" s="318">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18">
        <v>0</v>
      </c>
      <c r="LU39" s="142">
        <v>0</v>
      </c>
      <c r="LV39" s="119">
        <v>0</v>
      </c>
      <c r="LW39" s="120">
        <v>0</v>
      </c>
      <c r="LX39" s="145"/>
      <c r="LY39" s="119">
        <v>0</v>
      </c>
      <c r="LZ39" s="119">
        <v>185872</v>
      </c>
      <c r="MA39" s="119">
        <v>0</v>
      </c>
      <c r="MB39" s="119">
        <v>0</v>
      </c>
      <c r="MC39" s="119">
        <v>0</v>
      </c>
      <c r="MD39" s="120">
        <v>185872</v>
      </c>
      <c r="ME39" s="121">
        <v>185872</v>
      </c>
      <c r="MF39" s="142">
        <v>0</v>
      </c>
      <c r="MG39" s="119">
        <v>0</v>
      </c>
      <c r="MH39" s="120">
        <v>0</v>
      </c>
      <c r="MI39" s="145"/>
      <c r="MJ39" s="119">
        <v>0</v>
      </c>
      <c r="MK39" s="119">
        <v>0</v>
      </c>
      <c r="ML39" s="119">
        <v>488816</v>
      </c>
      <c r="MM39" s="119">
        <v>0</v>
      </c>
      <c r="MN39" s="119">
        <v>0</v>
      </c>
      <c r="MO39" s="120">
        <v>488816</v>
      </c>
      <c r="MP39" s="143">
        <v>488816</v>
      </c>
      <c r="MQ39" s="142">
        <v>0</v>
      </c>
      <c r="MR39" s="119">
        <v>0</v>
      </c>
      <c r="MS39" s="120">
        <v>0</v>
      </c>
      <c r="MT39" s="145"/>
      <c r="MU39" s="119">
        <v>0</v>
      </c>
      <c r="MV39" s="119">
        <v>0</v>
      </c>
      <c r="MW39" s="119">
        <v>218376</v>
      </c>
      <c r="MX39" s="119">
        <v>0</v>
      </c>
      <c r="MY39" s="119">
        <v>0</v>
      </c>
      <c r="MZ39" s="120">
        <v>218376</v>
      </c>
      <c r="NA39" s="143">
        <v>218376</v>
      </c>
      <c r="NB39" s="142">
        <v>0</v>
      </c>
      <c r="NC39" s="119">
        <v>0</v>
      </c>
      <c r="ND39" s="120">
        <v>0</v>
      </c>
      <c r="NE39" s="145"/>
      <c r="NF39" s="119">
        <v>0</v>
      </c>
      <c r="NG39" s="119">
        <v>0</v>
      </c>
      <c r="NH39" s="119">
        <v>270440</v>
      </c>
      <c r="NI39" s="119">
        <v>0</v>
      </c>
      <c r="NJ39" s="119">
        <v>0</v>
      </c>
      <c r="NK39" s="120">
        <v>270440</v>
      </c>
      <c r="NL39" s="318">
        <v>27044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19520</v>
      </c>
      <c r="OK39" s="141">
        <v>19520</v>
      </c>
      <c r="OL39" s="118">
        <v>0</v>
      </c>
      <c r="OM39" s="119">
        <v>318296</v>
      </c>
      <c r="ON39" s="119">
        <v>375064</v>
      </c>
      <c r="OO39" s="119">
        <v>521616</v>
      </c>
      <c r="OP39" s="119">
        <v>42504</v>
      </c>
      <c r="OQ39" s="119">
        <v>523956</v>
      </c>
      <c r="OR39" s="120">
        <v>1781436</v>
      </c>
      <c r="OS39" s="143">
        <v>1800956</v>
      </c>
    </row>
    <row r="40" spans="2:409" ht="21" customHeight="1" x14ac:dyDescent="0.2">
      <c r="B40" s="126" t="s">
        <v>35</v>
      </c>
      <c r="C40" s="110">
        <v>236488</v>
      </c>
      <c r="D40" s="114">
        <v>129987</v>
      </c>
      <c r="E40" s="113">
        <v>366475</v>
      </c>
      <c r="F40" s="109">
        <v>0</v>
      </c>
      <c r="G40" s="114">
        <v>1652904</v>
      </c>
      <c r="H40" s="114">
        <v>778936</v>
      </c>
      <c r="I40" s="114">
        <v>258424</v>
      </c>
      <c r="J40" s="114">
        <v>1126991</v>
      </c>
      <c r="K40" s="114">
        <v>914220</v>
      </c>
      <c r="L40" s="173">
        <v>4731475</v>
      </c>
      <c r="M40" s="116">
        <v>5097950</v>
      </c>
      <c r="N40" s="110">
        <v>64480</v>
      </c>
      <c r="O40" s="114">
        <v>9600</v>
      </c>
      <c r="P40" s="113">
        <v>74080</v>
      </c>
      <c r="Q40" s="110">
        <v>0</v>
      </c>
      <c r="R40" s="114">
        <v>510574</v>
      </c>
      <c r="S40" s="114">
        <v>114488</v>
      </c>
      <c r="T40" s="114">
        <v>50288</v>
      </c>
      <c r="U40" s="114">
        <v>224328</v>
      </c>
      <c r="V40" s="114">
        <v>638759</v>
      </c>
      <c r="W40" s="113">
        <v>1538437</v>
      </c>
      <c r="X40" s="116">
        <v>1612517</v>
      </c>
      <c r="Y40" s="110">
        <v>0</v>
      </c>
      <c r="Z40" s="114">
        <v>0</v>
      </c>
      <c r="AA40" s="113">
        <v>0</v>
      </c>
      <c r="AB40" s="110">
        <v>0</v>
      </c>
      <c r="AC40" s="114">
        <v>291838</v>
      </c>
      <c r="AD40" s="114">
        <v>48768</v>
      </c>
      <c r="AE40" s="114">
        <v>0</v>
      </c>
      <c r="AF40" s="114">
        <v>0</v>
      </c>
      <c r="AG40" s="114">
        <v>212407</v>
      </c>
      <c r="AH40" s="113">
        <v>553013</v>
      </c>
      <c r="AI40" s="116">
        <v>553013</v>
      </c>
      <c r="AJ40" s="110">
        <v>0</v>
      </c>
      <c r="AK40" s="114">
        <v>0</v>
      </c>
      <c r="AL40" s="113">
        <v>0</v>
      </c>
      <c r="AM40" s="110">
        <v>0</v>
      </c>
      <c r="AN40" s="114">
        <v>0</v>
      </c>
      <c r="AO40" s="114">
        <v>0</v>
      </c>
      <c r="AP40" s="114">
        <v>10080</v>
      </c>
      <c r="AQ40" s="114">
        <v>0</v>
      </c>
      <c r="AR40" s="114">
        <v>155200</v>
      </c>
      <c r="AS40" s="113">
        <v>165280</v>
      </c>
      <c r="AT40" s="116">
        <v>165280</v>
      </c>
      <c r="AU40" s="110">
        <v>26240</v>
      </c>
      <c r="AV40" s="114">
        <v>0</v>
      </c>
      <c r="AW40" s="113">
        <v>26240</v>
      </c>
      <c r="AX40" s="110">
        <v>0</v>
      </c>
      <c r="AY40" s="114">
        <v>85384</v>
      </c>
      <c r="AZ40" s="114">
        <v>32792</v>
      </c>
      <c r="BA40" s="114">
        <v>28224</v>
      </c>
      <c r="BB40" s="114">
        <v>96544</v>
      </c>
      <c r="BC40" s="114">
        <v>224384</v>
      </c>
      <c r="BD40" s="113">
        <v>467328</v>
      </c>
      <c r="BE40" s="116">
        <v>493568</v>
      </c>
      <c r="BF40" s="110">
        <v>25040</v>
      </c>
      <c r="BG40" s="114">
        <v>0</v>
      </c>
      <c r="BH40" s="112">
        <v>25040</v>
      </c>
      <c r="BI40" s="111">
        <v>0</v>
      </c>
      <c r="BJ40" s="114">
        <v>37200</v>
      </c>
      <c r="BK40" s="114">
        <v>0</v>
      </c>
      <c r="BL40" s="114">
        <v>0</v>
      </c>
      <c r="BM40" s="114">
        <v>69912</v>
      </c>
      <c r="BN40" s="114">
        <v>0</v>
      </c>
      <c r="BO40" s="113">
        <v>107112</v>
      </c>
      <c r="BP40" s="116">
        <v>132152</v>
      </c>
      <c r="BQ40" s="110">
        <v>13200</v>
      </c>
      <c r="BR40" s="114">
        <v>9600</v>
      </c>
      <c r="BS40" s="113">
        <v>22800</v>
      </c>
      <c r="BT40" s="110">
        <v>0</v>
      </c>
      <c r="BU40" s="114">
        <v>96152</v>
      </c>
      <c r="BV40" s="114">
        <v>32928</v>
      </c>
      <c r="BW40" s="114">
        <v>11984</v>
      </c>
      <c r="BX40" s="114">
        <v>57872</v>
      </c>
      <c r="BY40" s="114">
        <v>46768</v>
      </c>
      <c r="BZ40" s="113">
        <v>245704</v>
      </c>
      <c r="CA40" s="116">
        <v>268504</v>
      </c>
      <c r="CB40" s="110">
        <v>0</v>
      </c>
      <c r="CC40" s="114">
        <v>33523</v>
      </c>
      <c r="CD40" s="113">
        <v>33523</v>
      </c>
      <c r="CE40" s="110">
        <v>0</v>
      </c>
      <c r="CF40" s="114">
        <v>483089</v>
      </c>
      <c r="CG40" s="114">
        <v>244272</v>
      </c>
      <c r="CH40" s="114">
        <v>143736</v>
      </c>
      <c r="CI40" s="114">
        <v>0</v>
      </c>
      <c r="CJ40" s="114">
        <v>0</v>
      </c>
      <c r="CK40" s="113">
        <v>871097</v>
      </c>
      <c r="CL40" s="116">
        <v>904620</v>
      </c>
      <c r="CM40" s="110">
        <v>0</v>
      </c>
      <c r="CN40" s="114">
        <v>0</v>
      </c>
      <c r="CO40" s="113">
        <v>0</v>
      </c>
      <c r="CP40" s="111">
        <v>0</v>
      </c>
      <c r="CQ40" s="114">
        <v>385305</v>
      </c>
      <c r="CR40" s="114">
        <v>244272</v>
      </c>
      <c r="CS40" s="114">
        <v>143736</v>
      </c>
      <c r="CT40" s="114">
        <v>0</v>
      </c>
      <c r="CU40" s="114">
        <v>0</v>
      </c>
      <c r="CV40" s="113">
        <v>773313</v>
      </c>
      <c r="CW40" s="116">
        <v>773313</v>
      </c>
      <c r="CX40" s="110">
        <v>0</v>
      </c>
      <c r="CY40" s="114">
        <v>33523</v>
      </c>
      <c r="CZ40" s="113">
        <v>33523</v>
      </c>
      <c r="DA40" s="110">
        <v>0</v>
      </c>
      <c r="DB40" s="114">
        <v>97784</v>
      </c>
      <c r="DC40" s="114">
        <v>0</v>
      </c>
      <c r="DD40" s="114">
        <v>0</v>
      </c>
      <c r="DE40" s="114">
        <v>0</v>
      </c>
      <c r="DF40" s="114">
        <v>0</v>
      </c>
      <c r="DG40" s="113">
        <v>97784</v>
      </c>
      <c r="DH40" s="116">
        <v>131307</v>
      </c>
      <c r="DI40" s="110">
        <v>0</v>
      </c>
      <c r="DJ40" s="114">
        <v>0</v>
      </c>
      <c r="DK40" s="112">
        <v>0</v>
      </c>
      <c r="DL40" s="111">
        <v>0</v>
      </c>
      <c r="DM40" s="114">
        <v>0</v>
      </c>
      <c r="DN40" s="114">
        <v>217176</v>
      </c>
      <c r="DO40" s="114">
        <v>0</v>
      </c>
      <c r="DP40" s="114">
        <v>0</v>
      </c>
      <c r="DQ40" s="114">
        <v>0</v>
      </c>
      <c r="DR40" s="113">
        <v>217176</v>
      </c>
      <c r="DS40" s="116">
        <v>217176</v>
      </c>
      <c r="DT40" s="110">
        <v>0</v>
      </c>
      <c r="DU40" s="114">
        <v>0</v>
      </c>
      <c r="DV40" s="113">
        <v>0</v>
      </c>
      <c r="DW40" s="110">
        <v>0</v>
      </c>
      <c r="DX40" s="114">
        <v>0</v>
      </c>
      <c r="DY40" s="114">
        <v>217176</v>
      </c>
      <c r="DZ40" s="114">
        <v>0</v>
      </c>
      <c r="EA40" s="114">
        <v>0</v>
      </c>
      <c r="EB40" s="114">
        <v>0</v>
      </c>
      <c r="EC40" s="113">
        <v>217176</v>
      </c>
      <c r="ED40" s="116">
        <v>217176</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5"/>
      <c r="FE40" s="114">
        <v>0</v>
      </c>
      <c r="FF40" s="114">
        <v>0</v>
      </c>
      <c r="FG40" s="114">
        <v>0</v>
      </c>
      <c r="FH40" s="114">
        <v>0</v>
      </c>
      <c r="FI40" s="114">
        <v>0</v>
      </c>
      <c r="FJ40" s="113">
        <v>0</v>
      </c>
      <c r="FK40" s="116">
        <v>0</v>
      </c>
      <c r="FL40" s="110">
        <v>0</v>
      </c>
      <c r="FM40" s="114">
        <v>0</v>
      </c>
      <c r="FN40" s="113">
        <v>0</v>
      </c>
      <c r="FO40" s="110">
        <v>0</v>
      </c>
      <c r="FP40" s="114">
        <v>30064</v>
      </c>
      <c r="FQ40" s="114">
        <v>53504</v>
      </c>
      <c r="FR40" s="114">
        <v>64400</v>
      </c>
      <c r="FS40" s="114">
        <v>50288</v>
      </c>
      <c r="FT40" s="114">
        <v>30000</v>
      </c>
      <c r="FU40" s="113">
        <v>228256</v>
      </c>
      <c r="FV40" s="116">
        <v>228256</v>
      </c>
      <c r="FW40" s="115">
        <v>0</v>
      </c>
      <c r="FX40" s="114">
        <v>0</v>
      </c>
      <c r="FY40" s="112">
        <v>0</v>
      </c>
      <c r="FZ40" s="111">
        <v>0</v>
      </c>
      <c r="GA40" s="114">
        <v>30064</v>
      </c>
      <c r="GB40" s="114">
        <v>53504</v>
      </c>
      <c r="GC40" s="114">
        <v>64400</v>
      </c>
      <c r="GD40" s="114">
        <v>26000</v>
      </c>
      <c r="GE40" s="114">
        <v>30000</v>
      </c>
      <c r="GF40" s="113">
        <v>203968</v>
      </c>
      <c r="GG40" s="316">
        <v>203968</v>
      </c>
      <c r="GH40" s="115">
        <v>0</v>
      </c>
      <c r="GI40" s="114">
        <v>0</v>
      </c>
      <c r="GJ40" s="112">
        <v>0</v>
      </c>
      <c r="GK40" s="111">
        <v>0</v>
      </c>
      <c r="GL40" s="114">
        <v>0</v>
      </c>
      <c r="GM40" s="114">
        <v>0</v>
      </c>
      <c r="GN40" s="114">
        <v>0</v>
      </c>
      <c r="GO40" s="114">
        <v>24288</v>
      </c>
      <c r="GP40" s="114">
        <v>0</v>
      </c>
      <c r="GQ40" s="113">
        <v>24288</v>
      </c>
      <c r="GR40" s="116">
        <v>24288</v>
      </c>
      <c r="GS40" s="110">
        <v>0</v>
      </c>
      <c r="GT40" s="114">
        <v>0</v>
      </c>
      <c r="GU40" s="113">
        <v>0</v>
      </c>
      <c r="GV40" s="110">
        <v>0</v>
      </c>
      <c r="GW40" s="114">
        <v>0</v>
      </c>
      <c r="GX40" s="114">
        <v>0</v>
      </c>
      <c r="GY40" s="114">
        <v>0</v>
      </c>
      <c r="GZ40" s="114">
        <v>0</v>
      </c>
      <c r="HA40" s="114">
        <v>0</v>
      </c>
      <c r="HB40" s="112">
        <v>0</v>
      </c>
      <c r="HC40" s="116">
        <v>0</v>
      </c>
      <c r="HD40" s="110">
        <v>172008</v>
      </c>
      <c r="HE40" s="114">
        <v>86864</v>
      </c>
      <c r="HF40" s="112">
        <v>258872</v>
      </c>
      <c r="HG40" s="111">
        <v>0</v>
      </c>
      <c r="HH40" s="114">
        <v>629177</v>
      </c>
      <c r="HI40" s="114">
        <v>149496</v>
      </c>
      <c r="HJ40" s="114">
        <v>0</v>
      </c>
      <c r="HK40" s="114">
        <v>852375</v>
      </c>
      <c r="HL40" s="114">
        <v>245461</v>
      </c>
      <c r="HM40" s="113">
        <v>1876509</v>
      </c>
      <c r="HN40" s="109">
        <v>2135381</v>
      </c>
      <c r="HO40" s="326"/>
      <c r="HP40" s="327"/>
      <c r="HQ40" s="328"/>
      <c r="HR40" s="329"/>
      <c r="HS40" s="327"/>
      <c r="HT40" s="327"/>
      <c r="HU40" s="327"/>
      <c r="HV40" s="327"/>
      <c r="HW40" s="327"/>
      <c r="HX40" s="330"/>
      <c r="HY40" s="331"/>
      <c r="HZ40" s="150">
        <v>0</v>
      </c>
      <c r="IA40" s="135">
        <v>0</v>
      </c>
      <c r="IB40" s="150">
        <v>0</v>
      </c>
      <c r="IC40" s="146">
        <v>0</v>
      </c>
      <c r="ID40" s="132">
        <v>129048</v>
      </c>
      <c r="IE40" s="147">
        <v>237008</v>
      </c>
      <c r="IF40" s="133">
        <v>115672</v>
      </c>
      <c r="IG40" s="132">
        <v>0</v>
      </c>
      <c r="IH40" s="133">
        <v>0</v>
      </c>
      <c r="II40" s="148">
        <v>481728</v>
      </c>
      <c r="IJ40" s="150">
        <v>481728</v>
      </c>
      <c r="IK40" s="232">
        <v>0</v>
      </c>
      <c r="IL40" s="236">
        <v>0</v>
      </c>
      <c r="IM40" s="237">
        <v>0</v>
      </c>
      <c r="IN40" s="140"/>
      <c r="IO40" s="119">
        <v>0</v>
      </c>
      <c r="IP40" s="119">
        <v>0</v>
      </c>
      <c r="IQ40" s="119">
        <v>115672</v>
      </c>
      <c r="IR40" s="119">
        <v>0</v>
      </c>
      <c r="IS40" s="119">
        <v>0</v>
      </c>
      <c r="IT40" s="141">
        <v>115672</v>
      </c>
      <c r="IU40" s="318">
        <v>115672</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18">
        <v>0</v>
      </c>
      <c r="JR40" s="142">
        <v>0</v>
      </c>
      <c r="JS40" s="119">
        <v>0</v>
      </c>
      <c r="JT40" s="141">
        <v>0</v>
      </c>
      <c r="JU40" s="118">
        <v>0</v>
      </c>
      <c r="JV40" s="119">
        <v>0</v>
      </c>
      <c r="JW40" s="119">
        <v>0</v>
      </c>
      <c r="JX40" s="119">
        <v>0</v>
      </c>
      <c r="JY40" s="119">
        <v>0</v>
      </c>
      <c r="JZ40" s="119">
        <v>0</v>
      </c>
      <c r="KA40" s="120">
        <v>0</v>
      </c>
      <c r="KB40" s="318">
        <v>0</v>
      </c>
      <c r="KC40" s="234">
        <v>0</v>
      </c>
      <c r="KD40" s="230">
        <v>0</v>
      </c>
      <c r="KE40" s="120">
        <v>0</v>
      </c>
      <c r="KF40" s="118">
        <v>0</v>
      </c>
      <c r="KG40" s="119">
        <v>129048</v>
      </c>
      <c r="KH40" s="119">
        <v>0</v>
      </c>
      <c r="KI40" s="119">
        <v>0</v>
      </c>
      <c r="KJ40" s="119">
        <v>0</v>
      </c>
      <c r="KK40" s="119">
        <v>0</v>
      </c>
      <c r="KL40" s="120">
        <v>129048</v>
      </c>
      <c r="KM40" s="143">
        <v>129048</v>
      </c>
      <c r="KN40" s="232">
        <v>0</v>
      </c>
      <c r="KO40" s="236">
        <v>0</v>
      </c>
      <c r="KP40" s="237">
        <v>0</v>
      </c>
      <c r="KQ40" s="140"/>
      <c r="KR40" s="119">
        <v>0</v>
      </c>
      <c r="KS40" s="119">
        <v>237008</v>
      </c>
      <c r="KT40" s="119">
        <v>0</v>
      </c>
      <c r="KU40" s="119">
        <v>0</v>
      </c>
      <c r="KV40" s="119">
        <v>0</v>
      </c>
      <c r="KW40" s="120">
        <v>237008</v>
      </c>
      <c r="KX40" s="318">
        <v>237008</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18">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216616</v>
      </c>
      <c r="MK40" s="119">
        <v>368744</v>
      </c>
      <c r="ML40" s="119">
        <v>361231</v>
      </c>
      <c r="MM40" s="119">
        <v>580232</v>
      </c>
      <c r="MN40" s="119">
        <v>283520</v>
      </c>
      <c r="MO40" s="120">
        <v>1810343</v>
      </c>
      <c r="MP40" s="143">
        <v>1810343</v>
      </c>
      <c r="MQ40" s="142">
        <v>0</v>
      </c>
      <c r="MR40" s="119">
        <v>0</v>
      </c>
      <c r="MS40" s="120">
        <v>0</v>
      </c>
      <c r="MT40" s="145"/>
      <c r="MU40" s="119">
        <v>0</v>
      </c>
      <c r="MV40" s="119">
        <v>0</v>
      </c>
      <c r="MW40" s="119">
        <v>0</v>
      </c>
      <c r="MX40" s="119">
        <v>264808</v>
      </c>
      <c r="MY40" s="119">
        <v>283520</v>
      </c>
      <c r="MZ40" s="120">
        <v>548328</v>
      </c>
      <c r="NA40" s="143">
        <v>548328</v>
      </c>
      <c r="NB40" s="142">
        <v>0</v>
      </c>
      <c r="NC40" s="119">
        <v>0</v>
      </c>
      <c r="ND40" s="120">
        <v>0</v>
      </c>
      <c r="NE40" s="145"/>
      <c r="NF40" s="119">
        <v>216616</v>
      </c>
      <c r="NG40" s="119">
        <v>368744</v>
      </c>
      <c r="NH40" s="119">
        <v>361231</v>
      </c>
      <c r="NI40" s="119">
        <v>315424</v>
      </c>
      <c r="NJ40" s="119">
        <v>0</v>
      </c>
      <c r="NK40" s="120">
        <v>1262015</v>
      </c>
      <c r="NL40" s="318">
        <v>1262015</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36488</v>
      </c>
      <c r="OJ40" s="119">
        <v>129987</v>
      </c>
      <c r="OK40" s="141">
        <v>366475</v>
      </c>
      <c r="OL40" s="118">
        <v>0</v>
      </c>
      <c r="OM40" s="119">
        <v>1998568</v>
      </c>
      <c r="ON40" s="119">
        <v>1384688</v>
      </c>
      <c r="OO40" s="119">
        <v>735327</v>
      </c>
      <c r="OP40" s="119">
        <v>1707223</v>
      </c>
      <c r="OQ40" s="119">
        <v>1197740</v>
      </c>
      <c r="OR40" s="120">
        <v>7023546</v>
      </c>
      <c r="OS40" s="143">
        <v>7390021</v>
      </c>
    </row>
    <row r="41" spans="2:409" ht="21" customHeight="1" x14ac:dyDescent="0.2">
      <c r="B41" s="126" t="s">
        <v>36</v>
      </c>
      <c r="C41" s="110">
        <v>4136</v>
      </c>
      <c r="D41" s="114">
        <v>138810</v>
      </c>
      <c r="E41" s="113">
        <v>142946</v>
      </c>
      <c r="F41" s="109">
        <v>0</v>
      </c>
      <c r="G41" s="114">
        <v>623390</v>
      </c>
      <c r="H41" s="114">
        <v>555605</v>
      </c>
      <c r="I41" s="114">
        <v>465460</v>
      </c>
      <c r="J41" s="114">
        <v>338195</v>
      </c>
      <c r="K41" s="114">
        <v>1068990</v>
      </c>
      <c r="L41" s="173">
        <v>3051640</v>
      </c>
      <c r="M41" s="116">
        <v>3194586</v>
      </c>
      <c r="N41" s="110">
        <v>4136</v>
      </c>
      <c r="O41" s="114">
        <v>78314</v>
      </c>
      <c r="P41" s="113">
        <v>82450</v>
      </c>
      <c r="Q41" s="110">
        <v>0</v>
      </c>
      <c r="R41" s="114">
        <v>201801</v>
      </c>
      <c r="S41" s="114">
        <v>214037</v>
      </c>
      <c r="T41" s="114">
        <v>71388</v>
      </c>
      <c r="U41" s="114">
        <v>203097</v>
      </c>
      <c r="V41" s="114">
        <v>808159</v>
      </c>
      <c r="W41" s="113">
        <v>1498482</v>
      </c>
      <c r="X41" s="116">
        <v>1580932</v>
      </c>
      <c r="Y41" s="110">
        <v>0</v>
      </c>
      <c r="Z41" s="114">
        <v>0</v>
      </c>
      <c r="AA41" s="113">
        <v>0</v>
      </c>
      <c r="AB41" s="110">
        <v>0</v>
      </c>
      <c r="AC41" s="114">
        <v>43429</v>
      </c>
      <c r="AD41" s="114">
        <v>157544</v>
      </c>
      <c r="AE41" s="114">
        <v>31843</v>
      </c>
      <c r="AF41" s="114">
        <v>194529</v>
      </c>
      <c r="AG41" s="114">
        <v>710579</v>
      </c>
      <c r="AH41" s="113">
        <v>1137924</v>
      </c>
      <c r="AI41" s="116">
        <v>1137924</v>
      </c>
      <c r="AJ41" s="110">
        <v>0</v>
      </c>
      <c r="AK41" s="114">
        <v>0</v>
      </c>
      <c r="AL41" s="113">
        <v>0</v>
      </c>
      <c r="AM41" s="110">
        <v>0</v>
      </c>
      <c r="AN41" s="114">
        <v>53928</v>
      </c>
      <c r="AO41" s="114">
        <v>0</v>
      </c>
      <c r="AP41" s="114">
        <v>0</v>
      </c>
      <c r="AQ41" s="114">
        <v>0</v>
      </c>
      <c r="AR41" s="114">
        <v>0</v>
      </c>
      <c r="AS41" s="113">
        <v>53928</v>
      </c>
      <c r="AT41" s="116">
        <v>53928</v>
      </c>
      <c r="AU41" s="110">
        <v>0</v>
      </c>
      <c r="AV41" s="114">
        <v>31219</v>
      </c>
      <c r="AW41" s="113">
        <v>31219</v>
      </c>
      <c r="AX41" s="110">
        <v>0</v>
      </c>
      <c r="AY41" s="114">
        <v>100316</v>
      </c>
      <c r="AZ41" s="114">
        <v>0</v>
      </c>
      <c r="BA41" s="114">
        <v>0</v>
      </c>
      <c r="BB41" s="114">
        <v>0</v>
      </c>
      <c r="BC41" s="114">
        <v>62316</v>
      </c>
      <c r="BD41" s="113">
        <v>162632</v>
      </c>
      <c r="BE41" s="116">
        <v>193851</v>
      </c>
      <c r="BF41" s="110">
        <v>0</v>
      </c>
      <c r="BG41" s="114">
        <v>47095</v>
      </c>
      <c r="BH41" s="112">
        <v>47095</v>
      </c>
      <c r="BI41" s="111">
        <v>0</v>
      </c>
      <c r="BJ41" s="114">
        <v>0</v>
      </c>
      <c r="BK41" s="114">
        <v>21933</v>
      </c>
      <c r="BL41" s="114">
        <v>9073</v>
      </c>
      <c r="BM41" s="114">
        <v>0</v>
      </c>
      <c r="BN41" s="114">
        <v>0</v>
      </c>
      <c r="BO41" s="113">
        <v>31006</v>
      </c>
      <c r="BP41" s="116">
        <v>78101</v>
      </c>
      <c r="BQ41" s="110">
        <v>4136</v>
      </c>
      <c r="BR41" s="114">
        <v>0</v>
      </c>
      <c r="BS41" s="113">
        <v>4136</v>
      </c>
      <c r="BT41" s="110">
        <v>0</v>
      </c>
      <c r="BU41" s="114">
        <v>4128</v>
      </c>
      <c r="BV41" s="114">
        <v>34560</v>
      </c>
      <c r="BW41" s="114">
        <v>30472</v>
      </c>
      <c r="BX41" s="114">
        <v>8568</v>
      </c>
      <c r="BY41" s="114">
        <v>35264</v>
      </c>
      <c r="BZ41" s="113">
        <v>112992</v>
      </c>
      <c r="CA41" s="116">
        <v>117128</v>
      </c>
      <c r="CB41" s="110">
        <v>0</v>
      </c>
      <c r="CC41" s="114">
        <v>37296</v>
      </c>
      <c r="CD41" s="113">
        <v>37296</v>
      </c>
      <c r="CE41" s="110">
        <v>0</v>
      </c>
      <c r="CF41" s="114">
        <v>222205</v>
      </c>
      <c r="CG41" s="114">
        <v>91824</v>
      </c>
      <c r="CH41" s="114">
        <v>176234</v>
      </c>
      <c r="CI41" s="114">
        <v>41710</v>
      </c>
      <c r="CJ41" s="114">
        <v>0</v>
      </c>
      <c r="CK41" s="113">
        <v>531973</v>
      </c>
      <c r="CL41" s="116">
        <v>569269</v>
      </c>
      <c r="CM41" s="110">
        <v>0</v>
      </c>
      <c r="CN41" s="114">
        <v>0</v>
      </c>
      <c r="CO41" s="113">
        <v>0</v>
      </c>
      <c r="CP41" s="111">
        <v>0</v>
      </c>
      <c r="CQ41" s="114">
        <v>159378</v>
      </c>
      <c r="CR41" s="114">
        <v>91824</v>
      </c>
      <c r="CS41" s="114">
        <v>148630</v>
      </c>
      <c r="CT41" s="114">
        <v>0</v>
      </c>
      <c r="CU41" s="114">
        <v>0</v>
      </c>
      <c r="CV41" s="113">
        <v>399832</v>
      </c>
      <c r="CW41" s="116">
        <v>399832</v>
      </c>
      <c r="CX41" s="110">
        <v>0</v>
      </c>
      <c r="CY41" s="114">
        <v>37296</v>
      </c>
      <c r="CZ41" s="113">
        <v>37296</v>
      </c>
      <c r="DA41" s="110">
        <v>0</v>
      </c>
      <c r="DB41" s="114">
        <v>62827</v>
      </c>
      <c r="DC41" s="114">
        <v>0</v>
      </c>
      <c r="DD41" s="114">
        <v>27604</v>
      </c>
      <c r="DE41" s="114">
        <v>41710</v>
      </c>
      <c r="DF41" s="114">
        <v>0</v>
      </c>
      <c r="DG41" s="113">
        <v>132141</v>
      </c>
      <c r="DH41" s="116">
        <v>169437</v>
      </c>
      <c r="DI41" s="110">
        <v>0</v>
      </c>
      <c r="DJ41" s="114">
        <v>0</v>
      </c>
      <c r="DK41" s="112">
        <v>0</v>
      </c>
      <c r="DL41" s="111">
        <v>0</v>
      </c>
      <c r="DM41" s="114">
        <v>0</v>
      </c>
      <c r="DN41" s="114">
        <v>16804</v>
      </c>
      <c r="DO41" s="114">
        <v>16424</v>
      </c>
      <c r="DP41" s="114">
        <v>0</v>
      </c>
      <c r="DQ41" s="114">
        <v>0</v>
      </c>
      <c r="DR41" s="113">
        <v>33228</v>
      </c>
      <c r="DS41" s="116">
        <v>33228</v>
      </c>
      <c r="DT41" s="110">
        <v>0</v>
      </c>
      <c r="DU41" s="114">
        <v>0</v>
      </c>
      <c r="DV41" s="113">
        <v>0</v>
      </c>
      <c r="DW41" s="110">
        <v>0</v>
      </c>
      <c r="DX41" s="114">
        <v>0</v>
      </c>
      <c r="DY41" s="114">
        <v>16804</v>
      </c>
      <c r="DZ41" s="114">
        <v>16424</v>
      </c>
      <c r="EA41" s="114">
        <v>0</v>
      </c>
      <c r="EB41" s="114">
        <v>0</v>
      </c>
      <c r="EC41" s="113">
        <v>33228</v>
      </c>
      <c r="ED41" s="116">
        <v>33228</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5"/>
      <c r="FE41" s="114">
        <v>0</v>
      </c>
      <c r="FF41" s="114">
        <v>0</v>
      </c>
      <c r="FG41" s="114">
        <v>0</v>
      </c>
      <c r="FH41" s="114">
        <v>0</v>
      </c>
      <c r="FI41" s="114">
        <v>0</v>
      </c>
      <c r="FJ41" s="113">
        <v>0</v>
      </c>
      <c r="FK41" s="116">
        <v>0</v>
      </c>
      <c r="FL41" s="110">
        <v>0</v>
      </c>
      <c r="FM41" s="114">
        <v>23200</v>
      </c>
      <c r="FN41" s="113">
        <v>23200</v>
      </c>
      <c r="FO41" s="110">
        <v>0</v>
      </c>
      <c r="FP41" s="114">
        <v>36512</v>
      </c>
      <c r="FQ41" s="114">
        <v>57760</v>
      </c>
      <c r="FR41" s="114">
        <v>0</v>
      </c>
      <c r="FS41" s="114">
        <v>31424</v>
      </c>
      <c r="FT41" s="114">
        <v>27496</v>
      </c>
      <c r="FU41" s="113">
        <v>153192</v>
      </c>
      <c r="FV41" s="116">
        <v>176392</v>
      </c>
      <c r="FW41" s="115">
        <v>0</v>
      </c>
      <c r="FX41" s="114">
        <v>23200</v>
      </c>
      <c r="FY41" s="112">
        <v>23200</v>
      </c>
      <c r="FZ41" s="111">
        <v>0</v>
      </c>
      <c r="GA41" s="114">
        <v>36512</v>
      </c>
      <c r="GB41" s="114">
        <v>57760</v>
      </c>
      <c r="GC41" s="114">
        <v>0</v>
      </c>
      <c r="GD41" s="114">
        <v>31424</v>
      </c>
      <c r="GE41" s="114">
        <v>27496</v>
      </c>
      <c r="GF41" s="113">
        <v>153192</v>
      </c>
      <c r="GG41" s="316">
        <v>176392</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162872</v>
      </c>
      <c r="HI41" s="114">
        <v>175180</v>
      </c>
      <c r="HJ41" s="114">
        <v>201414</v>
      </c>
      <c r="HK41" s="114">
        <v>61964</v>
      </c>
      <c r="HL41" s="114">
        <v>233335</v>
      </c>
      <c r="HM41" s="113">
        <v>834765</v>
      </c>
      <c r="HN41" s="109">
        <v>834765</v>
      </c>
      <c r="HO41" s="326"/>
      <c r="HP41" s="327"/>
      <c r="HQ41" s="328"/>
      <c r="HR41" s="329"/>
      <c r="HS41" s="327"/>
      <c r="HT41" s="327"/>
      <c r="HU41" s="327"/>
      <c r="HV41" s="327"/>
      <c r="HW41" s="327"/>
      <c r="HX41" s="330"/>
      <c r="HY41" s="331"/>
      <c r="HZ41" s="131">
        <v>0</v>
      </c>
      <c r="IA41" s="132">
        <v>0</v>
      </c>
      <c r="IB41" s="133">
        <v>0</v>
      </c>
      <c r="IC41" s="146">
        <v>0</v>
      </c>
      <c r="ID41" s="132">
        <v>130816</v>
      </c>
      <c r="IE41" s="147">
        <v>329131</v>
      </c>
      <c r="IF41" s="133">
        <v>0</v>
      </c>
      <c r="IG41" s="132">
        <v>0</v>
      </c>
      <c r="IH41" s="133">
        <v>0</v>
      </c>
      <c r="II41" s="148">
        <v>459947</v>
      </c>
      <c r="IJ41" s="139">
        <v>459947</v>
      </c>
      <c r="IK41" s="232">
        <v>0</v>
      </c>
      <c r="IL41" s="236">
        <v>0</v>
      </c>
      <c r="IM41" s="237">
        <v>0</v>
      </c>
      <c r="IN41" s="140"/>
      <c r="IO41" s="119">
        <v>0</v>
      </c>
      <c r="IP41" s="119">
        <v>0</v>
      </c>
      <c r="IQ41" s="119">
        <v>0</v>
      </c>
      <c r="IR41" s="119">
        <v>0</v>
      </c>
      <c r="IS41" s="119">
        <v>0</v>
      </c>
      <c r="IT41" s="141">
        <v>0</v>
      </c>
      <c r="IU41" s="318">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30816</v>
      </c>
      <c r="JL41" s="119">
        <v>81459</v>
      </c>
      <c r="JM41" s="119">
        <v>0</v>
      </c>
      <c r="JN41" s="119">
        <v>0</v>
      </c>
      <c r="JO41" s="119">
        <v>0</v>
      </c>
      <c r="JP41" s="120">
        <v>212275</v>
      </c>
      <c r="JQ41" s="318">
        <v>212275</v>
      </c>
      <c r="JR41" s="142">
        <v>0</v>
      </c>
      <c r="JS41" s="119">
        <v>0</v>
      </c>
      <c r="JT41" s="141">
        <v>0</v>
      </c>
      <c r="JU41" s="118">
        <v>0</v>
      </c>
      <c r="JV41" s="119">
        <v>0</v>
      </c>
      <c r="JW41" s="119">
        <v>0</v>
      </c>
      <c r="JX41" s="119">
        <v>0</v>
      </c>
      <c r="JY41" s="119">
        <v>0</v>
      </c>
      <c r="JZ41" s="119">
        <v>0</v>
      </c>
      <c r="KA41" s="120">
        <v>0</v>
      </c>
      <c r="KB41" s="318">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47672</v>
      </c>
      <c r="KT41" s="119">
        <v>0</v>
      </c>
      <c r="KU41" s="119">
        <v>0</v>
      </c>
      <c r="KV41" s="119">
        <v>0</v>
      </c>
      <c r="KW41" s="120">
        <v>247672</v>
      </c>
      <c r="KX41" s="318">
        <v>247672</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18">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0</v>
      </c>
      <c r="MK41" s="119">
        <v>714652</v>
      </c>
      <c r="ML41" s="119">
        <v>526996</v>
      </c>
      <c r="MM41" s="119">
        <v>529927</v>
      </c>
      <c r="MN41" s="119">
        <v>584798</v>
      </c>
      <c r="MO41" s="120">
        <v>2356373</v>
      </c>
      <c r="MP41" s="143">
        <v>2356373</v>
      </c>
      <c r="MQ41" s="142">
        <v>0</v>
      </c>
      <c r="MR41" s="119">
        <v>0</v>
      </c>
      <c r="MS41" s="120">
        <v>0</v>
      </c>
      <c r="MT41" s="145"/>
      <c r="MU41" s="119">
        <v>0</v>
      </c>
      <c r="MV41" s="119">
        <v>0</v>
      </c>
      <c r="MW41" s="119">
        <v>0</v>
      </c>
      <c r="MX41" s="119">
        <v>529927</v>
      </c>
      <c r="MY41" s="119">
        <v>584798</v>
      </c>
      <c r="MZ41" s="120">
        <v>1114725</v>
      </c>
      <c r="NA41" s="143">
        <v>1114725</v>
      </c>
      <c r="NB41" s="142">
        <v>0</v>
      </c>
      <c r="NC41" s="119">
        <v>0</v>
      </c>
      <c r="ND41" s="120">
        <v>0</v>
      </c>
      <c r="NE41" s="145"/>
      <c r="NF41" s="119">
        <v>0</v>
      </c>
      <c r="NG41" s="119">
        <v>714652</v>
      </c>
      <c r="NH41" s="119">
        <v>526996</v>
      </c>
      <c r="NI41" s="119">
        <v>0</v>
      </c>
      <c r="NJ41" s="119">
        <v>0</v>
      </c>
      <c r="NK41" s="120">
        <v>1241648</v>
      </c>
      <c r="NL41" s="318">
        <v>1241648</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4136</v>
      </c>
      <c r="OJ41" s="119">
        <v>138810</v>
      </c>
      <c r="OK41" s="141">
        <v>142946</v>
      </c>
      <c r="OL41" s="118">
        <v>0</v>
      </c>
      <c r="OM41" s="119">
        <v>754206</v>
      </c>
      <c r="ON41" s="119">
        <v>1599388</v>
      </c>
      <c r="OO41" s="119">
        <v>992456</v>
      </c>
      <c r="OP41" s="119">
        <v>868122</v>
      </c>
      <c r="OQ41" s="119">
        <v>1653788</v>
      </c>
      <c r="OR41" s="120">
        <v>5867960</v>
      </c>
      <c r="OS41" s="143">
        <v>6010906</v>
      </c>
    </row>
    <row r="42" spans="2:409" ht="21" customHeight="1" thickBot="1" x14ac:dyDescent="0.25">
      <c r="B42" s="127" t="s">
        <v>37</v>
      </c>
      <c r="C42" s="117">
        <v>0</v>
      </c>
      <c r="D42" s="178">
        <v>38996</v>
      </c>
      <c r="E42" s="179">
        <v>38996</v>
      </c>
      <c r="F42" s="180">
        <v>0</v>
      </c>
      <c r="G42" s="178">
        <v>0</v>
      </c>
      <c r="H42" s="178">
        <v>119896</v>
      </c>
      <c r="I42" s="178">
        <v>0</v>
      </c>
      <c r="J42" s="178">
        <v>235024</v>
      </c>
      <c r="K42" s="178">
        <v>0</v>
      </c>
      <c r="L42" s="180">
        <v>354920</v>
      </c>
      <c r="M42" s="181">
        <v>393916</v>
      </c>
      <c r="N42" s="117">
        <v>0</v>
      </c>
      <c r="O42" s="178">
        <v>0</v>
      </c>
      <c r="P42" s="179">
        <v>0</v>
      </c>
      <c r="Q42" s="117">
        <v>0</v>
      </c>
      <c r="R42" s="178">
        <v>0</v>
      </c>
      <c r="S42" s="178">
        <v>0</v>
      </c>
      <c r="T42" s="178">
        <v>0</v>
      </c>
      <c r="U42" s="178">
        <v>12976</v>
      </c>
      <c r="V42" s="178">
        <v>0</v>
      </c>
      <c r="W42" s="179">
        <v>12976</v>
      </c>
      <c r="X42" s="181">
        <v>12976</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12976</v>
      </c>
      <c r="BY42" s="178">
        <v>0</v>
      </c>
      <c r="BZ42" s="179">
        <v>12976</v>
      </c>
      <c r="CA42" s="181">
        <v>12976</v>
      </c>
      <c r="CB42" s="117">
        <v>0</v>
      </c>
      <c r="CC42" s="178">
        <v>37796</v>
      </c>
      <c r="CD42" s="179">
        <v>37796</v>
      </c>
      <c r="CE42" s="117">
        <v>0</v>
      </c>
      <c r="CF42" s="178">
        <v>0</v>
      </c>
      <c r="CG42" s="178">
        <v>100888</v>
      </c>
      <c r="CH42" s="178">
        <v>0</v>
      </c>
      <c r="CI42" s="178">
        <v>0</v>
      </c>
      <c r="CJ42" s="178">
        <v>0</v>
      </c>
      <c r="CK42" s="179">
        <v>100888</v>
      </c>
      <c r="CL42" s="181">
        <v>138684</v>
      </c>
      <c r="CM42" s="117">
        <v>0</v>
      </c>
      <c r="CN42" s="178">
        <v>0</v>
      </c>
      <c r="CO42" s="179">
        <v>0</v>
      </c>
      <c r="CP42" s="182">
        <v>0</v>
      </c>
      <c r="CQ42" s="178">
        <v>0</v>
      </c>
      <c r="CR42" s="178">
        <v>100888</v>
      </c>
      <c r="CS42" s="178">
        <v>0</v>
      </c>
      <c r="CT42" s="178">
        <v>0</v>
      </c>
      <c r="CU42" s="178">
        <v>0</v>
      </c>
      <c r="CV42" s="179">
        <v>100888</v>
      </c>
      <c r="CW42" s="181">
        <v>100888</v>
      </c>
      <c r="CX42" s="117">
        <v>0</v>
      </c>
      <c r="CY42" s="178">
        <v>37796</v>
      </c>
      <c r="CZ42" s="179">
        <v>37796</v>
      </c>
      <c r="DA42" s="117">
        <v>0</v>
      </c>
      <c r="DB42" s="178">
        <v>0</v>
      </c>
      <c r="DC42" s="178">
        <v>0</v>
      </c>
      <c r="DD42" s="178">
        <v>0</v>
      </c>
      <c r="DE42" s="178">
        <v>0</v>
      </c>
      <c r="DF42" s="178">
        <v>0</v>
      </c>
      <c r="DG42" s="179">
        <v>0</v>
      </c>
      <c r="DH42" s="181">
        <v>37796</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6"/>
      <c r="FE42" s="178">
        <v>0</v>
      </c>
      <c r="FF42" s="178">
        <v>0</v>
      </c>
      <c r="FG42" s="178">
        <v>0</v>
      </c>
      <c r="FH42" s="178">
        <v>0</v>
      </c>
      <c r="FI42" s="178">
        <v>0</v>
      </c>
      <c r="FJ42" s="179">
        <v>0</v>
      </c>
      <c r="FK42" s="181">
        <v>0</v>
      </c>
      <c r="FL42" s="117">
        <v>0</v>
      </c>
      <c r="FM42" s="178">
        <v>1200</v>
      </c>
      <c r="FN42" s="179">
        <v>1200</v>
      </c>
      <c r="FO42" s="117">
        <v>0</v>
      </c>
      <c r="FP42" s="178">
        <v>0</v>
      </c>
      <c r="FQ42" s="178">
        <v>19008</v>
      </c>
      <c r="FR42" s="178">
        <v>0</v>
      </c>
      <c r="FS42" s="178">
        <v>0</v>
      </c>
      <c r="FT42" s="178">
        <v>0</v>
      </c>
      <c r="FU42" s="179">
        <v>19008</v>
      </c>
      <c r="FV42" s="181">
        <v>20208</v>
      </c>
      <c r="FW42" s="184">
        <v>0</v>
      </c>
      <c r="FX42" s="178">
        <v>1200</v>
      </c>
      <c r="FY42" s="183">
        <v>1200</v>
      </c>
      <c r="FZ42" s="182">
        <v>0</v>
      </c>
      <c r="GA42" s="178">
        <v>0</v>
      </c>
      <c r="GB42" s="178">
        <v>19008</v>
      </c>
      <c r="GC42" s="178">
        <v>0</v>
      </c>
      <c r="GD42" s="178">
        <v>0</v>
      </c>
      <c r="GE42" s="178">
        <v>0</v>
      </c>
      <c r="GF42" s="179">
        <v>19008</v>
      </c>
      <c r="GG42" s="317">
        <v>20208</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222048</v>
      </c>
      <c r="HL42" s="178">
        <v>0</v>
      </c>
      <c r="HM42" s="179">
        <v>222048</v>
      </c>
      <c r="HN42" s="180">
        <v>222048</v>
      </c>
      <c r="HO42" s="332"/>
      <c r="HP42" s="333"/>
      <c r="HQ42" s="334"/>
      <c r="HR42" s="335"/>
      <c r="HS42" s="333"/>
      <c r="HT42" s="333"/>
      <c r="HU42" s="333"/>
      <c r="HV42" s="333"/>
      <c r="HW42" s="333"/>
      <c r="HX42" s="336"/>
      <c r="HY42" s="337"/>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19">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19">
        <v>0</v>
      </c>
      <c r="JR42" s="163">
        <v>0</v>
      </c>
      <c r="JS42" s="161">
        <v>0</v>
      </c>
      <c r="JT42" s="162">
        <v>0</v>
      </c>
      <c r="JU42" s="164">
        <v>0</v>
      </c>
      <c r="JV42" s="161">
        <v>0</v>
      </c>
      <c r="JW42" s="161">
        <v>0</v>
      </c>
      <c r="JX42" s="161">
        <v>0</v>
      </c>
      <c r="JY42" s="161">
        <v>0</v>
      </c>
      <c r="JZ42" s="161">
        <v>0</v>
      </c>
      <c r="KA42" s="165">
        <v>0</v>
      </c>
      <c r="KB42" s="319">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19">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19">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33548</v>
      </c>
      <c r="MM42" s="161">
        <v>0</v>
      </c>
      <c r="MN42" s="161">
        <v>0</v>
      </c>
      <c r="MO42" s="165">
        <v>233548</v>
      </c>
      <c r="MP42" s="167">
        <v>233548</v>
      </c>
      <c r="MQ42" s="163">
        <v>0</v>
      </c>
      <c r="MR42" s="161">
        <v>0</v>
      </c>
      <c r="MS42" s="165">
        <v>0</v>
      </c>
      <c r="MT42" s="169"/>
      <c r="MU42" s="161">
        <v>0</v>
      </c>
      <c r="MV42" s="161">
        <v>0</v>
      </c>
      <c r="MW42" s="161">
        <v>233548</v>
      </c>
      <c r="MX42" s="161">
        <v>0</v>
      </c>
      <c r="MY42" s="161">
        <v>0</v>
      </c>
      <c r="MZ42" s="165">
        <v>233548</v>
      </c>
      <c r="NA42" s="167">
        <v>233548</v>
      </c>
      <c r="NB42" s="163">
        <v>0</v>
      </c>
      <c r="NC42" s="161">
        <v>0</v>
      </c>
      <c r="ND42" s="165">
        <v>0</v>
      </c>
      <c r="NE42" s="169"/>
      <c r="NF42" s="161">
        <v>0</v>
      </c>
      <c r="NG42" s="161">
        <v>0</v>
      </c>
      <c r="NH42" s="161">
        <v>0</v>
      </c>
      <c r="NI42" s="161">
        <v>0</v>
      </c>
      <c r="NJ42" s="161">
        <v>0</v>
      </c>
      <c r="NK42" s="165">
        <v>0</v>
      </c>
      <c r="NL42" s="319">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38996</v>
      </c>
      <c r="OK42" s="162">
        <v>38996</v>
      </c>
      <c r="OL42" s="164">
        <v>0</v>
      </c>
      <c r="OM42" s="161">
        <v>0</v>
      </c>
      <c r="ON42" s="161">
        <v>119896</v>
      </c>
      <c r="OO42" s="161">
        <v>233548</v>
      </c>
      <c r="OP42" s="161">
        <v>235024</v>
      </c>
      <c r="OQ42" s="161">
        <v>0</v>
      </c>
      <c r="OR42" s="165">
        <v>588468</v>
      </c>
      <c r="OS42" s="167">
        <v>627464</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tabSelected="1" view="pageBreakPreview" zoomScale="60"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10.6640625" style="44" customWidth="1"/>
    <col min="3" max="3" width="8.21875" style="44" customWidth="1"/>
    <col min="4" max="5" width="10" style="44" customWidth="1"/>
    <col min="6" max="6" width="7.777343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2" customWidth="1"/>
    <col min="83" max="83" width="7.6640625" style="322" customWidth="1"/>
    <col min="84" max="84" width="9.88671875" style="322" customWidth="1"/>
    <col min="85" max="85" width="10" style="322" customWidth="1"/>
    <col min="86" max="86" width="9.77734375" style="322" customWidth="1"/>
    <col min="87" max="87" width="9.21875" style="322" customWidth="1"/>
    <col min="88" max="88" width="8.77734375" style="322" customWidth="1"/>
    <col min="89" max="89" width="9.88671875" style="322" customWidth="1"/>
    <col min="90" max="90" width="9.77734375" style="322"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2" customWidth="1"/>
    <col min="116" max="116" width="7.21875" style="322" customWidth="1"/>
    <col min="117" max="121" width="8.21875" style="322" customWidth="1"/>
    <col min="122" max="122" width="10.109375" style="322" customWidth="1"/>
    <col min="123" max="123" width="9.77734375" style="322"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2" customWidth="1"/>
    <col min="171" max="171" width="6.6640625" style="322" customWidth="1"/>
    <col min="172" max="176" width="8.21875" style="322" customWidth="1"/>
    <col min="177" max="177" width="10.109375" style="322" customWidth="1"/>
    <col min="178" max="178" width="9.88671875" style="322"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2:409" ht="24" customHeight="1" x14ac:dyDescent="0.2">
      <c r="B1" s="20" t="s">
        <v>136</v>
      </c>
      <c r="E1" s="496">
        <f>第１表!F2</f>
        <v>5</v>
      </c>
      <c r="F1" s="246">
        <f>第１表!G2</f>
        <v>5</v>
      </c>
      <c r="G1" s="679">
        <f>IF(F1&lt;3,F1-2+12,F1-2)</f>
        <v>3</v>
      </c>
      <c r="H1" s="679"/>
      <c r="IB1" s="365"/>
      <c r="IC1" s="252"/>
      <c r="ID1" s="649"/>
      <c r="IE1" s="649"/>
    </row>
    <row r="2" spans="2:409" ht="24" customHeight="1" x14ac:dyDescent="0.2">
      <c r="B2" s="20" t="s">
        <v>147</v>
      </c>
      <c r="E2" s="249"/>
      <c r="F2" s="250"/>
      <c r="G2" s="352"/>
      <c r="H2" s="352"/>
      <c r="IB2" s="251"/>
      <c r="IC2" s="252"/>
      <c r="ID2" s="368"/>
      <c r="IE2" s="368"/>
    </row>
    <row r="3" spans="2:409" ht="24" customHeight="1" thickBot="1" x14ac:dyDescent="0.25">
      <c r="B3" s="20" t="s">
        <v>156</v>
      </c>
    </row>
    <row r="4" spans="2:409" ht="21" customHeight="1" thickBot="1" x14ac:dyDescent="0.25">
      <c r="B4" s="709" t="s">
        <v>42</v>
      </c>
      <c r="C4" s="712" t="s">
        <v>63</v>
      </c>
      <c r="D4" s="712"/>
      <c r="E4" s="712"/>
      <c r="F4" s="712"/>
      <c r="G4" s="712"/>
      <c r="H4" s="712"/>
      <c r="I4" s="712"/>
      <c r="J4" s="712"/>
      <c r="K4" s="712"/>
      <c r="L4" s="712"/>
      <c r="M4" s="712"/>
      <c r="N4" s="715"/>
      <c r="O4" s="715"/>
      <c r="P4" s="715"/>
      <c r="Q4" s="715"/>
      <c r="R4" s="715"/>
      <c r="S4" s="715"/>
      <c r="T4" s="715"/>
      <c r="U4" s="715"/>
      <c r="V4" s="715"/>
      <c r="W4" s="715"/>
      <c r="X4" s="715"/>
      <c r="Y4" s="715"/>
      <c r="Z4" s="715"/>
      <c r="AA4" s="715"/>
      <c r="AB4" s="715"/>
      <c r="AC4" s="715"/>
      <c r="AD4" s="715"/>
      <c r="AE4" s="715"/>
      <c r="AF4" s="715"/>
      <c r="AG4" s="715"/>
      <c r="AH4" s="715"/>
      <c r="AI4" s="715"/>
      <c r="AJ4" s="715"/>
      <c r="AK4" s="715"/>
      <c r="AL4" s="715"/>
      <c r="AM4" s="715"/>
      <c r="AN4" s="715"/>
      <c r="AO4" s="715"/>
      <c r="AP4" s="715"/>
      <c r="AQ4" s="715"/>
      <c r="AR4" s="715"/>
      <c r="AS4" s="715"/>
      <c r="AT4" s="715"/>
      <c r="AU4" s="715"/>
      <c r="AV4" s="715"/>
      <c r="AW4" s="715"/>
      <c r="AX4" s="715"/>
      <c r="AY4" s="715"/>
      <c r="AZ4" s="715"/>
      <c r="BA4" s="715"/>
      <c r="BB4" s="715"/>
      <c r="BC4" s="715"/>
      <c r="BD4" s="715"/>
      <c r="BE4" s="715"/>
      <c r="BF4" s="715"/>
      <c r="BG4" s="715"/>
      <c r="BH4" s="715"/>
      <c r="BI4" s="715"/>
      <c r="BJ4" s="715"/>
      <c r="BK4" s="715"/>
      <c r="BL4" s="715"/>
      <c r="BM4" s="715"/>
      <c r="BN4" s="715"/>
      <c r="BO4" s="715"/>
      <c r="BP4" s="715"/>
      <c r="BQ4" s="715"/>
      <c r="BR4" s="715"/>
      <c r="BS4" s="715"/>
      <c r="BT4" s="715"/>
      <c r="BU4" s="715"/>
      <c r="BV4" s="715"/>
      <c r="BW4" s="715"/>
      <c r="BX4" s="715"/>
      <c r="BY4" s="715"/>
      <c r="BZ4" s="715"/>
      <c r="CA4" s="715"/>
      <c r="CB4" s="715"/>
      <c r="CC4" s="715"/>
      <c r="CD4" s="715"/>
      <c r="CE4" s="715"/>
      <c r="CF4" s="715"/>
      <c r="CG4" s="715"/>
      <c r="CH4" s="715"/>
      <c r="CI4" s="715"/>
      <c r="CJ4" s="715"/>
      <c r="CK4" s="715"/>
      <c r="CL4" s="715"/>
      <c r="CM4" s="715"/>
      <c r="CN4" s="715"/>
      <c r="CO4" s="715"/>
      <c r="CP4" s="715"/>
      <c r="CQ4" s="715"/>
      <c r="CR4" s="715"/>
      <c r="CS4" s="715"/>
      <c r="CT4" s="715"/>
      <c r="CU4" s="715"/>
      <c r="CV4" s="715"/>
      <c r="CW4" s="715"/>
      <c r="CX4" s="715"/>
      <c r="CY4" s="715"/>
      <c r="CZ4" s="715"/>
      <c r="DA4" s="715"/>
      <c r="DB4" s="715"/>
      <c r="DC4" s="715"/>
      <c r="DD4" s="715"/>
      <c r="DE4" s="715"/>
      <c r="DF4" s="715"/>
      <c r="DG4" s="715"/>
      <c r="DH4" s="715"/>
      <c r="DI4" s="715"/>
      <c r="DJ4" s="715"/>
      <c r="DK4" s="715"/>
      <c r="DL4" s="715"/>
      <c r="DM4" s="715"/>
      <c r="DN4" s="715"/>
      <c r="DO4" s="715"/>
      <c r="DP4" s="715"/>
      <c r="DQ4" s="715"/>
      <c r="DR4" s="715"/>
      <c r="DS4" s="715"/>
      <c r="DT4" s="715"/>
      <c r="DU4" s="715"/>
      <c r="DV4" s="715"/>
      <c r="DW4" s="715"/>
      <c r="DX4" s="715"/>
      <c r="DY4" s="715"/>
      <c r="DZ4" s="715"/>
      <c r="EA4" s="715"/>
      <c r="EB4" s="715"/>
      <c r="EC4" s="715"/>
      <c r="ED4" s="715"/>
      <c r="EE4" s="715"/>
      <c r="EF4" s="715"/>
      <c r="EG4" s="715"/>
      <c r="EH4" s="715"/>
      <c r="EI4" s="715"/>
      <c r="EJ4" s="715"/>
      <c r="EK4" s="715"/>
      <c r="EL4" s="715"/>
      <c r="EM4" s="715"/>
      <c r="EN4" s="715"/>
      <c r="EO4" s="715"/>
      <c r="EP4" s="715"/>
      <c r="EQ4" s="715"/>
      <c r="ER4" s="715"/>
      <c r="ES4" s="715"/>
      <c r="ET4" s="715"/>
      <c r="EU4" s="715"/>
      <c r="EV4" s="715"/>
      <c r="EW4" s="715"/>
      <c r="EX4" s="715"/>
      <c r="EY4" s="715"/>
      <c r="EZ4" s="715"/>
      <c r="FA4" s="715"/>
      <c r="FB4" s="715"/>
      <c r="FC4" s="715"/>
      <c r="FD4" s="715"/>
      <c r="FE4" s="715"/>
      <c r="FF4" s="715"/>
      <c r="FG4" s="715"/>
      <c r="FH4" s="715"/>
      <c r="FI4" s="715"/>
      <c r="FJ4" s="715"/>
      <c r="FK4" s="715"/>
      <c r="FL4" s="715"/>
      <c r="FM4" s="715"/>
      <c r="FN4" s="715"/>
      <c r="FO4" s="715"/>
      <c r="FP4" s="715"/>
      <c r="FQ4" s="715"/>
      <c r="FR4" s="715"/>
      <c r="FS4" s="715"/>
      <c r="FT4" s="715"/>
      <c r="FU4" s="715"/>
      <c r="FV4" s="715"/>
      <c r="FW4" s="715"/>
      <c r="FX4" s="715"/>
      <c r="FY4" s="715"/>
      <c r="FZ4" s="715"/>
      <c r="GA4" s="715"/>
      <c r="GB4" s="715"/>
      <c r="GC4" s="715"/>
      <c r="GD4" s="715"/>
      <c r="GE4" s="715"/>
      <c r="GF4" s="715"/>
      <c r="GG4" s="715"/>
      <c r="GH4" s="715"/>
      <c r="GI4" s="715"/>
      <c r="GJ4" s="715"/>
      <c r="GK4" s="715"/>
      <c r="GL4" s="715"/>
      <c r="GM4" s="715"/>
      <c r="GN4" s="715"/>
      <c r="GO4" s="715"/>
      <c r="GP4" s="715"/>
      <c r="GQ4" s="715"/>
      <c r="GR4" s="715"/>
      <c r="GS4" s="715"/>
      <c r="GT4" s="715"/>
      <c r="GU4" s="715"/>
      <c r="GV4" s="715"/>
      <c r="GW4" s="715"/>
      <c r="GX4" s="715"/>
      <c r="GY4" s="715"/>
      <c r="GZ4" s="715"/>
      <c r="HA4" s="715"/>
      <c r="HB4" s="715"/>
      <c r="HC4" s="715"/>
      <c r="HD4" s="715"/>
      <c r="HE4" s="715"/>
      <c r="HF4" s="715"/>
      <c r="HG4" s="715"/>
      <c r="HH4" s="715"/>
      <c r="HI4" s="715"/>
      <c r="HJ4" s="715"/>
      <c r="HK4" s="715"/>
      <c r="HL4" s="715"/>
      <c r="HM4" s="715"/>
      <c r="HN4" s="715"/>
      <c r="HO4" s="715"/>
      <c r="HP4" s="715"/>
      <c r="HQ4" s="715"/>
      <c r="HR4" s="715"/>
      <c r="HS4" s="715"/>
      <c r="HT4" s="715"/>
      <c r="HU4" s="715"/>
      <c r="HV4" s="715"/>
      <c r="HW4" s="715"/>
      <c r="HX4" s="715"/>
      <c r="HY4" s="716"/>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2:409" ht="21" customHeight="1" thickBot="1" x14ac:dyDescent="0.25">
      <c r="B5" s="710"/>
      <c r="C5" s="713"/>
      <c r="D5" s="713"/>
      <c r="E5" s="713"/>
      <c r="F5" s="713"/>
      <c r="G5" s="713"/>
      <c r="H5" s="713"/>
      <c r="I5" s="713"/>
      <c r="J5" s="713"/>
      <c r="K5" s="713"/>
      <c r="L5" s="713"/>
      <c r="M5" s="713"/>
      <c r="N5" s="717" t="s">
        <v>64</v>
      </c>
      <c r="O5" s="718"/>
      <c r="P5" s="718"/>
      <c r="Q5" s="718"/>
      <c r="R5" s="718"/>
      <c r="S5" s="718"/>
      <c r="T5" s="718"/>
      <c r="U5" s="718"/>
      <c r="V5" s="718"/>
      <c r="W5" s="718"/>
      <c r="X5" s="718"/>
      <c r="Y5" s="718"/>
      <c r="Z5" s="718"/>
      <c r="AA5" s="718"/>
      <c r="AB5" s="718"/>
      <c r="AC5" s="718"/>
      <c r="AD5" s="718"/>
      <c r="AE5" s="718"/>
      <c r="AF5" s="718"/>
      <c r="AG5" s="718"/>
      <c r="AH5" s="718"/>
      <c r="AI5" s="718"/>
      <c r="AJ5" s="718"/>
      <c r="AK5" s="718"/>
      <c r="AL5" s="718"/>
      <c r="AM5" s="718"/>
      <c r="AN5" s="718"/>
      <c r="AO5" s="718"/>
      <c r="AP5" s="718"/>
      <c r="AQ5" s="718"/>
      <c r="AR5" s="718"/>
      <c r="AS5" s="718"/>
      <c r="AT5" s="718"/>
      <c r="AU5" s="718"/>
      <c r="AV5" s="718"/>
      <c r="AW5" s="718"/>
      <c r="AX5" s="718"/>
      <c r="AY5" s="718"/>
      <c r="AZ5" s="718"/>
      <c r="BA5" s="718"/>
      <c r="BB5" s="718"/>
      <c r="BC5" s="718"/>
      <c r="BD5" s="718"/>
      <c r="BE5" s="718"/>
      <c r="BF5" s="718"/>
      <c r="BG5" s="718"/>
      <c r="BH5" s="718"/>
      <c r="BI5" s="718"/>
      <c r="BJ5" s="718"/>
      <c r="BK5" s="718"/>
      <c r="BL5" s="718"/>
      <c r="BM5" s="718"/>
      <c r="BN5" s="718"/>
      <c r="BO5" s="718"/>
      <c r="BP5" s="718"/>
      <c r="BQ5" s="718"/>
      <c r="BR5" s="718"/>
      <c r="BS5" s="718"/>
      <c r="BT5" s="718"/>
      <c r="BU5" s="718"/>
      <c r="BV5" s="718"/>
      <c r="BW5" s="718"/>
      <c r="BX5" s="718"/>
      <c r="BY5" s="718"/>
      <c r="BZ5" s="718"/>
      <c r="CA5" s="719"/>
      <c r="CB5" s="717" t="s">
        <v>65</v>
      </c>
      <c r="CC5" s="718"/>
      <c r="CD5" s="718"/>
      <c r="CE5" s="718"/>
      <c r="CF5" s="718"/>
      <c r="CG5" s="718"/>
      <c r="CH5" s="718"/>
      <c r="CI5" s="718"/>
      <c r="CJ5" s="718"/>
      <c r="CK5" s="718"/>
      <c r="CL5" s="718"/>
      <c r="CM5" s="718"/>
      <c r="CN5" s="718"/>
      <c r="CO5" s="718"/>
      <c r="CP5" s="718"/>
      <c r="CQ5" s="718"/>
      <c r="CR5" s="718"/>
      <c r="CS5" s="718"/>
      <c r="CT5" s="718"/>
      <c r="CU5" s="718"/>
      <c r="CV5" s="718"/>
      <c r="CW5" s="718"/>
      <c r="CX5" s="718"/>
      <c r="CY5" s="718"/>
      <c r="CZ5" s="718"/>
      <c r="DA5" s="718"/>
      <c r="DB5" s="718"/>
      <c r="DC5" s="718"/>
      <c r="DD5" s="718"/>
      <c r="DE5" s="718"/>
      <c r="DF5" s="718"/>
      <c r="DG5" s="718"/>
      <c r="DH5" s="719"/>
      <c r="DI5" s="521" t="s">
        <v>66</v>
      </c>
      <c r="DJ5" s="522"/>
      <c r="DK5" s="522"/>
      <c r="DL5" s="522"/>
      <c r="DM5" s="522"/>
      <c r="DN5" s="522"/>
      <c r="DO5" s="522"/>
      <c r="DP5" s="522"/>
      <c r="DQ5" s="522"/>
      <c r="DR5" s="522"/>
      <c r="DS5" s="522"/>
      <c r="DT5" s="522"/>
      <c r="DU5" s="522"/>
      <c r="DV5" s="522"/>
      <c r="DW5" s="522"/>
      <c r="DX5" s="522"/>
      <c r="DY5" s="522"/>
      <c r="DZ5" s="522"/>
      <c r="EA5" s="522"/>
      <c r="EB5" s="522"/>
      <c r="EC5" s="522"/>
      <c r="ED5" s="522"/>
      <c r="EE5" s="522"/>
      <c r="EF5" s="522"/>
      <c r="EG5" s="522"/>
      <c r="EH5" s="522"/>
      <c r="EI5" s="522"/>
      <c r="EJ5" s="522"/>
      <c r="EK5" s="522"/>
      <c r="EL5" s="522"/>
      <c r="EM5" s="522"/>
      <c r="EN5" s="522"/>
      <c r="EO5" s="522"/>
      <c r="EP5" s="522"/>
      <c r="EQ5" s="522"/>
      <c r="ER5" s="522"/>
      <c r="ES5" s="522"/>
      <c r="ET5" s="522"/>
      <c r="EU5" s="522"/>
      <c r="EV5" s="522"/>
      <c r="EW5" s="522"/>
      <c r="EX5" s="522"/>
      <c r="EY5" s="522"/>
      <c r="EZ5" s="522"/>
      <c r="FA5" s="522"/>
      <c r="FB5" s="522"/>
      <c r="FC5" s="522"/>
      <c r="FD5" s="522"/>
      <c r="FE5" s="522"/>
      <c r="FF5" s="522"/>
      <c r="FG5" s="522"/>
      <c r="FH5" s="522"/>
      <c r="FI5" s="522"/>
      <c r="FJ5" s="522"/>
      <c r="FK5" s="523"/>
      <c r="FL5" s="717" t="s">
        <v>67</v>
      </c>
      <c r="FM5" s="718"/>
      <c r="FN5" s="718"/>
      <c r="FO5" s="718"/>
      <c r="FP5" s="718"/>
      <c r="FQ5" s="718"/>
      <c r="FR5" s="718"/>
      <c r="FS5" s="718"/>
      <c r="FT5" s="718"/>
      <c r="FU5" s="718"/>
      <c r="FV5" s="718"/>
      <c r="FW5" s="718"/>
      <c r="FX5" s="718"/>
      <c r="FY5" s="718"/>
      <c r="FZ5" s="718"/>
      <c r="GA5" s="718"/>
      <c r="GB5" s="718"/>
      <c r="GC5" s="718"/>
      <c r="GD5" s="718"/>
      <c r="GE5" s="718"/>
      <c r="GF5" s="718"/>
      <c r="GG5" s="718"/>
      <c r="GH5" s="718"/>
      <c r="GI5" s="718"/>
      <c r="GJ5" s="718"/>
      <c r="GK5" s="718"/>
      <c r="GL5" s="718"/>
      <c r="GM5" s="718"/>
      <c r="GN5" s="718"/>
      <c r="GO5" s="718"/>
      <c r="GP5" s="718"/>
      <c r="GQ5" s="718"/>
      <c r="GR5" s="718"/>
      <c r="GS5" s="718"/>
      <c r="GT5" s="718"/>
      <c r="GU5" s="718"/>
      <c r="GV5" s="718"/>
      <c r="GW5" s="718"/>
      <c r="GX5" s="718"/>
      <c r="GY5" s="718"/>
      <c r="GZ5" s="718"/>
      <c r="HA5" s="718"/>
      <c r="HB5" s="718"/>
      <c r="HC5" s="719"/>
      <c r="HD5" s="720" t="s">
        <v>68</v>
      </c>
      <c r="HE5" s="721"/>
      <c r="HF5" s="721"/>
      <c r="HG5" s="721"/>
      <c r="HH5" s="721"/>
      <c r="HI5" s="721"/>
      <c r="HJ5" s="721"/>
      <c r="HK5" s="721"/>
      <c r="HL5" s="721"/>
      <c r="HM5" s="721"/>
      <c r="HN5" s="722"/>
      <c r="HO5" s="720" t="s">
        <v>69</v>
      </c>
      <c r="HP5" s="721"/>
      <c r="HQ5" s="721"/>
      <c r="HR5" s="721"/>
      <c r="HS5" s="721"/>
      <c r="HT5" s="721"/>
      <c r="HU5" s="721"/>
      <c r="HV5" s="721"/>
      <c r="HW5" s="721"/>
      <c r="HX5" s="721"/>
      <c r="HY5" s="7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2:409" ht="21" customHeight="1" thickBot="1" x14ac:dyDescent="0.25">
      <c r="B6" s="710"/>
      <c r="C6" s="714"/>
      <c r="D6" s="714"/>
      <c r="E6" s="714"/>
      <c r="F6" s="714"/>
      <c r="G6" s="714"/>
      <c r="H6" s="714"/>
      <c r="I6" s="714"/>
      <c r="J6" s="714"/>
      <c r="K6" s="714"/>
      <c r="L6" s="714"/>
      <c r="M6" s="714"/>
      <c r="N6" s="513"/>
      <c r="O6" s="514"/>
      <c r="P6" s="514"/>
      <c r="Q6" s="514"/>
      <c r="R6" s="514"/>
      <c r="S6" s="514"/>
      <c r="T6" s="514"/>
      <c r="U6" s="514"/>
      <c r="V6" s="514"/>
      <c r="W6" s="514"/>
      <c r="X6" s="515"/>
      <c r="Y6" s="702" t="s">
        <v>70</v>
      </c>
      <c r="Z6" s="517"/>
      <c r="AA6" s="517"/>
      <c r="AB6" s="517"/>
      <c r="AC6" s="517"/>
      <c r="AD6" s="517"/>
      <c r="AE6" s="517"/>
      <c r="AF6" s="517"/>
      <c r="AG6" s="517"/>
      <c r="AH6" s="517"/>
      <c r="AI6" s="518"/>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0"/>
      <c r="CC6" s="701"/>
      <c r="CD6" s="701"/>
      <c r="CE6" s="701"/>
      <c r="CF6" s="701"/>
      <c r="CG6" s="701"/>
      <c r="CH6" s="701"/>
      <c r="CI6" s="701"/>
      <c r="CJ6" s="701"/>
      <c r="CK6" s="701"/>
      <c r="CL6" s="726"/>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0"/>
      <c r="DJ6" s="701"/>
      <c r="DK6" s="701"/>
      <c r="DL6" s="701"/>
      <c r="DM6" s="701"/>
      <c r="DN6" s="701"/>
      <c r="DO6" s="701"/>
      <c r="DP6" s="701"/>
      <c r="DQ6" s="701"/>
      <c r="DR6" s="701"/>
      <c r="DS6" s="701"/>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19" t="s">
        <v>152</v>
      </c>
      <c r="FB6" s="698"/>
      <c r="FC6" s="698"/>
      <c r="FD6" s="698"/>
      <c r="FE6" s="698"/>
      <c r="FF6" s="698"/>
      <c r="FG6" s="698"/>
      <c r="FH6" s="698"/>
      <c r="FI6" s="698"/>
      <c r="FJ6" s="698"/>
      <c r="FK6" s="699"/>
      <c r="FL6" s="700"/>
      <c r="FM6" s="701"/>
      <c r="FN6" s="701"/>
      <c r="FO6" s="701"/>
      <c r="FP6" s="701"/>
      <c r="FQ6" s="701"/>
      <c r="FR6" s="701"/>
      <c r="FS6" s="701"/>
      <c r="FT6" s="701"/>
      <c r="FU6" s="701"/>
      <c r="FV6" s="701"/>
      <c r="FW6" s="697" t="s">
        <v>80</v>
      </c>
      <c r="FX6" s="698"/>
      <c r="FY6" s="698"/>
      <c r="FZ6" s="698"/>
      <c r="GA6" s="698"/>
      <c r="GB6" s="698"/>
      <c r="GC6" s="698"/>
      <c r="GD6" s="698"/>
      <c r="GE6" s="698"/>
      <c r="GF6" s="698"/>
      <c r="GG6" s="699"/>
      <c r="GH6" s="702" t="s">
        <v>81</v>
      </c>
      <c r="GI6" s="517"/>
      <c r="GJ6" s="517"/>
      <c r="GK6" s="517"/>
      <c r="GL6" s="517"/>
      <c r="GM6" s="517"/>
      <c r="GN6" s="517"/>
      <c r="GO6" s="517"/>
      <c r="GP6" s="517"/>
      <c r="GQ6" s="517"/>
      <c r="GR6" s="518"/>
      <c r="GS6" s="702" t="s">
        <v>82</v>
      </c>
      <c r="GT6" s="517"/>
      <c r="GU6" s="517"/>
      <c r="GV6" s="517"/>
      <c r="GW6" s="517"/>
      <c r="GX6" s="517"/>
      <c r="GY6" s="517"/>
      <c r="GZ6" s="517"/>
      <c r="HA6" s="517"/>
      <c r="HB6" s="517"/>
      <c r="HC6" s="518"/>
      <c r="HD6" s="723"/>
      <c r="HE6" s="724"/>
      <c r="HF6" s="724"/>
      <c r="HG6" s="724"/>
      <c r="HH6" s="724"/>
      <c r="HI6" s="724"/>
      <c r="HJ6" s="724"/>
      <c r="HK6" s="724"/>
      <c r="HL6" s="724"/>
      <c r="HM6" s="724"/>
      <c r="HN6" s="725"/>
      <c r="HO6" s="723"/>
      <c r="HP6" s="724"/>
      <c r="HQ6" s="724"/>
      <c r="HR6" s="724"/>
      <c r="HS6" s="724"/>
      <c r="HT6" s="724"/>
      <c r="HU6" s="724"/>
      <c r="HV6" s="724"/>
      <c r="HW6" s="724"/>
      <c r="HX6" s="724"/>
      <c r="HY6" s="725"/>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2:409" ht="21" customHeight="1" x14ac:dyDescent="0.2">
      <c r="B7" s="710"/>
      <c r="C7" s="695" t="s">
        <v>61</v>
      </c>
      <c r="D7" s="695"/>
      <c r="E7" s="695"/>
      <c r="F7" s="707" t="s">
        <v>62</v>
      </c>
      <c r="G7" s="695"/>
      <c r="H7" s="695"/>
      <c r="I7" s="695"/>
      <c r="J7" s="695"/>
      <c r="K7" s="695"/>
      <c r="L7" s="695"/>
      <c r="M7" s="707" t="s">
        <v>52</v>
      </c>
      <c r="N7" s="706" t="s">
        <v>61</v>
      </c>
      <c r="O7" s="695"/>
      <c r="P7" s="695"/>
      <c r="Q7" s="707" t="s">
        <v>62</v>
      </c>
      <c r="R7" s="695"/>
      <c r="S7" s="695"/>
      <c r="T7" s="695"/>
      <c r="U7" s="695"/>
      <c r="V7" s="695"/>
      <c r="W7" s="708"/>
      <c r="X7" s="703" t="s">
        <v>52</v>
      </c>
      <c r="Y7" s="513" t="s">
        <v>61</v>
      </c>
      <c r="Z7" s="514"/>
      <c r="AA7" s="689"/>
      <c r="AB7" s="688" t="s">
        <v>62</v>
      </c>
      <c r="AC7" s="514"/>
      <c r="AD7" s="514"/>
      <c r="AE7" s="514"/>
      <c r="AF7" s="514"/>
      <c r="AG7" s="514"/>
      <c r="AH7" s="689"/>
      <c r="AI7" s="515" t="s">
        <v>52</v>
      </c>
      <c r="AJ7" s="683" t="s">
        <v>61</v>
      </c>
      <c r="AK7" s="684"/>
      <c r="AL7" s="685"/>
      <c r="AM7" s="686" t="s">
        <v>62</v>
      </c>
      <c r="AN7" s="684"/>
      <c r="AO7" s="684"/>
      <c r="AP7" s="684"/>
      <c r="AQ7" s="684"/>
      <c r="AR7" s="684"/>
      <c r="AS7" s="687"/>
      <c r="AT7" s="515" t="s">
        <v>52</v>
      </c>
      <c r="AU7" s="683" t="s">
        <v>61</v>
      </c>
      <c r="AV7" s="684"/>
      <c r="AW7" s="685"/>
      <c r="AX7" s="686" t="s">
        <v>62</v>
      </c>
      <c r="AY7" s="684"/>
      <c r="AZ7" s="684"/>
      <c r="BA7" s="684"/>
      <c r="BB7" s="684"/>
      <c r="BC7" s="684"/>
      <c r="BD7" s="687"/>
      <c r="BE7" s="515" t="s">
        <v>52</v>
      </c>
      <c r="BF7" s="683" t="s">
        <v>61</v>
      </c>
      <c r="BG7" s="684"/>
      <c r="BH7" s="685"/>
      <c r="BI7" s="686" t="s">
        <v>62</v>
      </c>
      <c r="BJ7" s="684"/>
      <c r="BK7" s="684"/>
      <c r="BL7" s="684"/>
      <c r="BM7" s="684"/>
      <c r="BN7" s="684"/>
      <c r="BO7" s="687"/>
      <c r="BP7" s="515" t="s">
        <v>52</v>
      </c>
      <c r="BQ7" s="683" t="s">
        <v>61</v>
      </c>
      <c r="BR7" s="684"/>
      <c r="BS7" s="685"/>
      <c r="BT7" s="686" t="s">
        <v>62</v>
      </c>
      <c r="BU7" s="684"/>
      <c r="BV7" s="684"/>
      <c r="BW7" s="684"/>
      <c r="BX7" s="684"/>
      <c r="BY7" s="684"/>
      <c r="BZ7" s="687"/>
      <c r="CA7" s="515" t="s">
        <v>52</v>
      </c>
      <c r="CB7" s="690" t="s">
        <v>61</v>
      </c>
      <c r="CC7" s="691"/>
      <c r="CD7" s="692"/>
      <c r="CE7" s="693" t="s">
        <v>62</v>
      </c>
      <c r="CF7" s="691"/>
      <c r="CG7" s="691"/>
      <c r="CH7" s="691"/>
      <c r="CI7" s="691"/>
      <c r="CJ7" s="691"/>
      <c r="CK7" s="694"/>
      <c r="CL7" s="703" t="s">
        <v>52</v>
      </c>
      <c r="CM7" s="683" t="s">
        <v>61</v>
      </c>
      <c r="CN7" s="684"/>
      <c r="CO7" s="687"/>
      <c r="CP7" s="686" t="s">
        <v>62</v>
      </c>
      <c r="CQ7" s="684"/>
      <c r="CR7" s="684"/>
      <c r="CS7" s="684"/>
      <c r="CT7" s="684"/>
      <c r="CU7" s="684"/>
      <c r="CV7" s="687"/>
      <c r="CW7" s="705" t="s">
        <v>52</v>
      </c>
      <c r="CX7" s="683" t="s">
        <v>61</v>
      </c>
      <c r="CY7" s="684"/>
      <c r="CZ7" s="687"/>
      <c r="DA7" s="686" t="s">
        <v>62</v>
      </c>
      <c r="DB7" s="684"/>
      <c r="DC7" s="684"/>
      <c r="DD7" s="684"/>
      <c r="DE7" s="684"/>
      <c r="DF7" s="684"/>
      <c r="DG7" s="687"/>
      <c r="DH7" s="705" t="s">
        <v>52</v>
      </c>
      <c r="DI7" s="690" t="s">
        <v>61</v>
      </c>
      <c r="DJ7" s="691"/>
      <c r="DK7" s="694"/>
      <c r="DL7" s="693" t="s">
        <v>62</v>
      </c>
      <c r="DM7" s="691"/>
      <c r="DN7" s="691"/>
      <c r="DO7" s="691"/>
      <c r="DP7" s="691"/>
      <c r="DQ7" s="691"/>
      <c r="DR7" s="694"/>
      <c r="DS7" s="703" t="s">
        <v>52</v>
      </c>
      <c r="DT7" s="683" t="s">
        <v>61</v>
      </c>
      <c r="DU7" s="684"/>
      <c r="DV7" s="685"/>
      <c r="DW7" s="686" t="s">
        <v>62</v>
      </c>
      <c r="DX7" s="684"/>
      <c r="DY7" s="684"/>
      <c r="DZ7" s="684"/>
      <c r="EA7" s="684"/>
      <c r="EB7" s="684"/>
      <c r="EC7" s="687"/>
      <c r="ED7" s="515" t="s">
        <v>52</v>
      </c>
      <c r="EE7" s="683" t="s">
        <v>61</v>
      </c>
      <c r="EF7" s="684"/>
      <c r="EG7" s="685"/>
      <c r="EH7" s="686" t="s">
        <v>62</v>
      </c>
      <c r="EI7" s="684"/>
      <c r="EJ7" s="684"/>
      <c r="EK7" s="684"/>
      <c r="EL7" s="684"/>
      <c r="EM7" s="684"/>
      <c r="EN7" s="687"/>
      <c r="EO7" s="515" t="s">
        <v>52</v>
      </c>
      <c r="EP7" s="683" t="s">
        <v>61</v>
      </c>
      <c r="EQ7" s="684"/>
      <c r="ER7" s="685"/>
      <c r="ES7" s="686" t="s">
        <v>62</v>
      </c>
      <c r="ET7" s="684"/>
      <c r="EU7" s="684"/>
      <c r="EV7" s="684"/>
      <c r="EW7" s="684"/>
      <c r="EX7" s="684"/>
      <c r="EY7" s="687"/>
      <c r="EZ7" s="515" t="s">
        <v>52</v>
      </c>
      <c r="FA7" s="683" t="s">
        <v>61</v>
      </c>
      <c r="FB7" s="684"/>
      <c r="FC7" s="685"/>
      <c r="FD7" s="686" t="s">
        <v>62</v>
      </c>
      <c r="FE7" s="684"/>
      <c r="FF7" s="684"/>
      <c r="FG7" s="684"/>
      <c r="FH7" s="684"/>
      <c r="FI7" s="684"/>
      <c r="FJ7" s="687"/>
      <c r="FK7" s="515" t="s">
        <v>52</v>
      </c>
      <c r="FL7" s="690" t="s">
        <v>61</v>
      </c>
      <c r="FM7" s="691"/>
      <c r="FN7" s="692"/>
      <c r="FO7" s="693" t="s">
        <v>62</v>
      </c>
      <c r="FP7" s="691"/>
      <c r="FQ7" s="691"/>
      <c r="FR7" s="691"/>
      <c r="FS7" s="691"/>
      <c r="FT7" s="691"/>
      <c r="FU7" s="694"/>
      <c r="FV7" s="695" t="s">
        <v>52</v>
      </c>
      <c r="FW7" s="683" t="s">
        <v>61</v>
      </c>
      <c r="FX7" s="684"/>
      <c r="FY7" s="685"/>
      <c r="FZ7" s="686" t="s">
        <v>62</v>
      </c>
      <c r="GA7" s="684"/>
      <c r="GB7" s="684"/>
      <c r="GC7" s="684"/>
      <c r="GD7" s="684"/>
      <c r="GE7" s="684"/>
      <c r="GF7" s="687"/>
      <c r="GG7" s="515" t="s">
        <v>52</v>
      </c>
      <c r="GH7" s="513" t="s">
        <v>61</v>
      </c>
      <c r="GI7" s="514"/>
      <c r="GJ7" s="514"/>
      <c r="GK7" s="688" t="s">
        <v>62</v>
      </c>
      <c r="GL7" s="514"/>
      <c r="GM7" s="514"/>
      <c r="GN7" s="514"/>
      <c r="GO7" s="514"/>
      <c r="GP7" s="514"/>
      <c r="GQ7" s="689"/>
      <c r="GR7" s="681" t="s">
        <v>52</v>
      </c>
      <c r="GS7" s="513" t="s">
        <v>61</v>
      </c>
      <c r="GT7" s="514"/>
      <c r="GU7" s="689"/>
      <c r="GV7" s="688" t="s">
        <v>62</v>
      </c>
      <c r="GW7" s="514"/>
      <c r="GX7" s="514"/>
      <c r="GY7" s="514"/>
      <c r="GZ7" s="514"/>
      <c r="HA7" s="514"/>
      <c r="HB7" s="689"/>
      <c r="HC7" s="681" t="s">
        <v>52</v>
      </c>
      <c r="HD7" s="683" t="s">
        <v>61</v>
      </c>
      <c r="HE7" s="684"/>
      <c r="HF7" s="685"/>
      <c r="HG7" s="686" t="s">
        <v>62</v>
      </c>
      <c r="HH7" s="684"/>
      <c r="HI7" s="684"/>
      <c r="HJ7" s="684"/>
      <c r="HK7" s="684"/>
      <c r="HL7" s="684"/>
      <c r="HM7" s="687"/>
      <c r="HN7" s="515" t="s">
        <v>52</v>
      </c>
      <c r="HO7" s="683" t="s">
        <v>61</v>
      </c>
      <c r="HP7" s="684"/>
      <c r="HQ7" s="685"/>
      <c r="HR7" s="686" t="s">
        <v>62</v>
      </c>
      <c r="HS7" s="684"/>
      <c r="HT7" s="684"/>
      <c r="HU7" s="684"/>
      <c r="HV7" s="684"/>
      <c r="HW7" s="684"/>
      <c r="HX7" s="687"/>
      <c r="HY7" s="515"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2:409" ht="30" customHeight="1" thickBot="1" x14ac:dyDescent="0.25">
      <c r="B8" s="711"/>
      <c r="C8" s="323" t="s">
        <v>43</v>
      </c>
      <c r="D8" s="47" t="s">
        <v>44</v>
      </c>
      <c r="E8" s="324" t="s">
        <v>45</v>
      </c>
      <c r="F8" s="52" t="s">
        <v>83</v>
      </c>
      <c r="G8" s="47" t="s">
        <v>47</v>
      </c>
      <c r="H8" s="47" t="s">
        <v>48</v>
      </c>
      <c r="I8" s="47" t="s">
        <v>49</v>
      </c>
      <c r="J8" s="47" t="s">
        <v>50</v>
      </c>
      <c r="K8" s="47" t="s">
        <v>51</v>
      </c>
      <c r="L8" s="48" t="s">
        <v>45</v>
      </c>
      <c r="M8" s="727"/>
      <c r="N8" s="51" t="s">
        <v>43</v>
      </c>
      <c r="O8" s="47" t="s">
        <v>44</v>
      </c>
      <c r="P8" s="48" t="s">
        <v>45</v>
      </c>
      <c r="Q8" s="52" t="s">
        <v>83</v>
      </c>
      <c r="R8" s="47" t="s">
        <v>47</v>
      </c>
      <c r="S8" s="47" t="s">
        <v>48</v>
      </c>
      <c r="T8" s="47" t="s">
        <v>49</v>
      </c>
      <c r="U8" s="47" t="s">
        <v>50</v>
      </c>
      <c r="V8" s="47" t="s">
        <v>51</v>
      </c>
      <c r="W8" s="48" t="s">
        <v>45</v>
      </c>
      <c r="X8" s="704"/>
      <c r="Y8" s="51" t="s">
        <v>43</v>
      </c>
      <c r="Z8" s="47" t="s">
        <v>44</v>
      </c>
      <c r="AA8" s="48" t="s">
        <v>45</v>
      </c>
      <c r="AB8" s="52" t="s">
        <v>83</v>
      </c>
      <c r="AC8" s="47" t="s">
        <v>47</v>
      </c>
      <c r="AD8" s="47" t="s">
        <v>48</v>
      </c>
      <c r="AE8" s="47" t="s">
        <v>49</v>
      </c>
      <c r="AF8" s="47" t="s">
        <v>50</v>
      </c>
      <c r="AG8" s="47" t="s">
        <v>51</v>
      </c>
      <c r="AH8" s="48" t="s">
        <v>45</v>
      </c>
      <c r="AI8" s="680"/>
      <c r="AJ8" s="51" t="s">
        <v>43</v>
      </c>
      <c r="AK8" s="47" t="s">
        <v>44</v>
      </c>
      <c r="AL8" s="324" t="s">
        <v>45</v>
      </c>
      <c r="AM8" s="52" t="s">
        <v>83</v>
      </c>
      <c r="AN8" s="47" t="s">
        <v>47</v>
      </c>
      <c r="AO8" s="47" t="s">
        <v>48</v>
      </c>
      <c r="AP8" s="47" t="s">
        <v>49</v>
      </c>
      <c r="AQ8" s="47" t="s">
        <v>50</v>
      </c>
      <c r="AR8" s="47" t="s">
        <v>51</v>
      </c>
      <c r="AS8" s="48" t="s">
        <v>45</v>
      </c>
      <c r="AT8" s="680"/>
      <c r="AU8" s="51" t="s">
        <v>43</v>
      </c>
      <c r="AV8" s="47" t="s">
        <v>44</v>
      </c>
      <c r="AW8" s="324" t="s">
        <v>45</v>
      </c>
      <c r="AX8" s="52" t="s">
        <v>83</v>
      </c>
      <c r="AY8" s="47" t="s">
        <v>47</v>
      </c>
      <c r="AZ8" s="47" t="s">
        <v>48</v>
      </c>
      <c r="BA8" s="47" t="s">
        <v>49</v>
      </c>
      <c r="BB8" s="47" t="s">
        <v>50</v>
      </c>
      <c r="BC8" s="47" t="s">
        <v>51</v>
      </c>
      <c r="BD8" s="48" t="s">
        <v>45</v>
      </c>
      <c r="BE8" s="680"/>
      <c r="BF8" s="325" t="s">
        <v>43</v>
      </c>
      <c r="BG8" s="47" t="s">
        <v>44</v>
      </c>
      <c r="BH8" s="324" t="s">
        <v>45</v>
      </c>
      <c r="BI8" s="52" t="s">
        <v>83</v>
      </c>
      <c r="BJ8" s="47" t="s">
        <v>47</v>
      </c>
      <c r="BK8" s="47" t="s">
        <v>48</v>
      </c>
      <c r="BL8" s="47" t="s">
        <v>49</v>
      </c>
      <c r="BM8" s="47" t="s">
        <v>50</v>
      </c>
      <c r="BN8" s="47" t="s">
        <v>51</v>
      </c>
      <c r="BO8" s="48" t="s">
        <v>45</v>
      </c>
      <c r="BP8" s="680"/>
      <c r="BQ8" s="51" t="s">
        <v>43</v>
      </c>
      <c r="BR8" s="47" t="s">
        <v>44</v>
      </c>
      <c r="BS8" s="324" t="s">
        <v>45</v>
      </c>
      <c r="BT8" s="52" t="s">
        <v>83</v>
      </c>
      <c r="BU8" s="47" t="s">
        <v>47</v>
      </c>
      <c r="BV8" s="47" t="s">
        <v>48</v>
      </c>
      <c r="BW8" s="47" t="s">
        <v>49</v>
      </c>
      <c r="BX8" s="47" t="s">
        <v>50</v>
      </c>
      <c r="BY8" s="47" t="s">
        <v>51</v>
      </c>
      <c r="BZ8" s="48" t="s">
        <v>45</v>
      </c>
      <c r="CA8" s="680"/>
      <c r="CB8" s="51" t="s">
        <v>43</v>
      </c>
      <c r="CC8" s="47" t="s">
        <v>44</v>
      </c>
      <c r="CD8" s="324" t="s">
        <v>45</v>
      </c>
      <c r="CE8" s="52" t="s">
        <v>83</v>
      </c>
      <c r="CF8" s="47" t="s">
        <v>47</v>
      </c>
      <c r="CG8" s="47" t="s">
        <v>48</v>
      </c>
      <c r="CH8" s="47" t="s">
        <v>49</v>
      </c>
      <c r="CI8" s="47" t="s">
        <v>50</v>
      </c>
      <c r="CJ8" s="47" t="s">
        <v>51</v>
      </c>
      <c r="CK8" s="48" t="s">
        <v>45</v>
      </c>
      <c r="CL8" s="704"/>
      <c r="CM8" s="51" t="s">
        <v>43</v>
      </c>
      <c r="CN8" s="47" t="s">
        <v>44</v>
      </c>
      <c r="CO8" s="48" t="s">
        <v>45</v>
      </c>
      <c r="CP8" s="52" t="s">
        <v>83</v>
      </c>
      <c r="CQ8" s="47" t="s">
        <v>47</v>
      </c>
      <c r="CR8" s="47" t="s">
        <v>48</v>
      </c>
      <c r="CS8" s="47" t="s">
        <v>49</v>
      </c>
      <c r="CT8" s="47" t="s">
        <v>50</v>
      </c>
      <c r="CU8" s="47" t="s">
        <v>51</v>
      </c>
      <c r="CV8" s="48" t="s">
        <v>45</v>
      </c>
      <c r="CW8" s="704"/>
      <c r="CX8" s="51" t="s">
        <v>43</v>
      </c>
      <c r="CY8" s="47" t="s">
        <v>44</v>
      </c>
      <c r="CZ8" s="48" t="s">
        <v>45</v>
      </c>
      <c r="DA8" s="52" t="s">
        <v>83</v>
      </c>
      <c r="DB8" s="47" t="s">
        <v>47</v>
      </c>
      <c r="DC8" s="47" t="s">
        <v>48</v>
      </c>
      <c r="DD8" s="47" t="s">
        <v>49</v>
      </c>
      <c r="DE8" s="47" t="s">
        <v>50</v>
      </c>
      <c r="DF8" s="47" t="s">
        <v>51</v>
      </c>
      <c r="DG8" s="48" t="s">
        <v>45</v>
      </c>
      <c r="DH8" s="704"/>
      <c r="DI8" s="51" t="s">
        <v>43</v>
      </c>
      <c r="DJ8" s="47" t="s">
        <v>44</v>
      </c>
      <c r="DK8" s="48" t="s">
        <v>45</v>
      </c>
      <c r="DL8" s="52" t="s">
        <v>83</v>
      </c>
      <c r="DM8" s="47" t="s">
        <v>47</v>
      </c>
      <c r="DN8" s="47" t="s">
        <v>48</v>
      </c>
      <c r="DO8" s="47" t="s">
        <v>49</v>
      </c>
      <c r="DP8" s="47" t="s">
        <v>50</v>
      </c>
      <c r="DQ8" s="47" t="s">
        <v>51</v>
      </c>
      <c r="DR8" s="48" t="s">
        <v>45</v>
      </c>
      <c r="DS8" s="704"/>
      <c r="DT8" s="51" t="s">
        <v>43</v>
      </c>
      <c r="DU8" s="47" t="s">
        <v>44</v>
      </c>
      <c r="DV8" s="324" t="s">
        <v>45</v>
      </c>
      <c r="DW8" s="52" t="s">
        <v>83</v>
      </c>
      <c r="DX8" s="47" t="s">
        <v>47</v>
      </c>
      <c r="DY8" s="47" t="s">
        <v>48</v>
      </c>
      <c r="DZ8" s="47" t="s">
        <v>49</v>
      </c>
      <c r="EA8" s="47" t="s">
        <v>50</v>
      </c>
      <c r="EB8" s="47" t="s">
        <v>51</v>
      </c>
      <c r="EC8" s="48" t="s">
        <v>45</v>
      </c>
      <c r="ED8" s="680"/>
      <c r="EE8" s="51" t="s">
        <v>43</v>
      </c>
      <c r="EF8" s="47" t="s">
        <v>44</v>
      </c>
      <c r="EG8" s="324" t="s">
        <v>45</v>
      </c>
      <c r="EH8" s="52" t="s">
        <v>83</v>
      </c>
      <c r="EI8" s="47" t="s">
        <v>47</v>
      </c>
      <c r="EJ8" s="47" t="s">
        <v>48</v>
      </c>
      <c r="EK8" s="47" t="s">
        <v>49</v>
      </c>
      <c r="EL8" s="47" t="s">
        <v>50</v>
      </c>
      <c r="EM8" s="47" t="s">
        <v>51</v>
      </c>
      <c r="EN8" s="48" t="s">
        <v>45</v>
      </c>
      <c r="EO8" s="680"/>
      <c r="EP8" s="51" t="s">
        <v>43</v>
      </c>
      <c r="EQ8" s="47" t="s">
        <v>44</v>
      </c>
      <c r="ER8" s="324" t="s">
        <v>45</v>
      </c>
      <c r="ES8" s="52" t="s">
        <v>83</v>
      </c>
      <c r="ET8" s="47" t="s">
        <v>47</v>
      </c>
      <c r="EU8" s="47" t="s">
        <v>48</v>
      </c>
      <c r="EV8" s="47" t="s">
        <v>49</v>
      </c>
      <c r="EW8" s="47" t="s">
        <v>50</v>
      </c>
      <c r="EX8" s="47" t="s">
        <v>51</v>
      </c>
      <c r="EY8" s="48" t="s">
        <v>45</v>
      </c>
      <c r="EZ8" s="680"/>
      <c r="FA8" s="51" t="s">
        <v>43</v>
      </c>
      <c r="FB8" s="47" t="s">
        <v>44</v>
      </c>
      <c r="FC8" s="324" t="s">
        <v>45</v>
      </c>
      <c r="FD8" s="52" t="s">
        <v>83</v>
      </c>
      <c r="FE8" s="47" t="s">
        <v>47</v>
      </c>
      <c r="FF8" s="47" t="s">
        <v>48</v>
      </c>
      <c r="FG8" s="47" t="s">
        <v>49</v>
      </c>
      <c r="FH8" s="47" t="s">
        <v>50</v>
      </c>
      <c r="FI8" s="47" t="s">
        <v>51</v>
      </c>
      <c r="FJ8" s="48" t="s">
        <v>45</v>
      </c>
      <c r="FK8" s="680"/>
      <c r="FL8" s="51" t="s">
        <v>43</v>
      </c>
      <c r="FM8" s="47" t="s">
        <v>44</v>
      </c>
      <c r="FN8" s="324" t="s">
        <v>45</v>
      </c>
      <c r="FO8" s="52" t="s">
        <v>83</v>
      </c>
      <c r="FP8" s="47" t="s">
        <v>47</v>
      </c>
      <c r="FQ8" s="47" t="s">
        <v>48</v>
      </c>
      <c r="FR8" s="47" t="s">
        <v>49</v>
      </c>
      <c r="FS8" s="47" t="s">
        <v>50</v>
      </c>
      <c r="FT8" s="47" t="s">
        <v>51</v>
      </c>
      <c r="FU8" s="48" t="s">
        <v>45</v>
      </c>
      <c r="FV8" s="696"/>
      <c r="FW8" s="51" t="s">
        <v>43</v>
      </c>
      <c r="FX8" s="47" t="s">
        <v>44</v>
      </c>
      <c r="FY8" s="324" t="s">
        <v>45</v>
      </c>
      <c r="FZ8" s="52" t="s">
        <v>83</v>
      </c>
      <c r="GA8" s="47" t="s">
        <v>47</v>
      </c>
      <c r="GB8" s="47" t="s">
        <v>48</v>
      </c>
      <c r="GC8" s="47" t="s">
        <v>49</v>
      </c>
      <c r="GD8" s="47" t="s">
        <v>50</v>
      </c>
      <c r="GE8" s="47" t="s">
        <v>51</v>
      </c>
      <c r="GF8" s="48" t="s">
        <v>45</v>
      </c>
      <c r="GG8" s="680"/>
      <c r="GH8" s="51" t="s">
        <v>43</v>
      </c>
      <c r="GI8" s="47" t="s">
        <v>44</v>
      </c>
      <c r="GJ8" s="324" t="s">
        <v>45</v>
      </c>
      <c r="GK8" s="52" t="s">
        <v>83</v>
      </c>
      <c r="GL8" s="47" t="s">
        <v>47</v>
      </c>
      <c r="GM8" s="47" t="s">
        <v>48</v>
      </c>
      <c r="GN8" s="47" t="s">
        <v>49</v>
      </c>
      <c r="GO8" s="47" t="s">
        <v>50</v>
      </c>
      <c r="GP8" s="47" t="s">
        <v>51</v>
      </c>
      <c r="GQ8" s="48" t="s">
        <v>45</v>
      </c>
      <c r="GR8" s="682"/>
      <c r="GS8" s="51" t="s">
        <v>43</v>
      </c>
      <c r="GT8" s="47" t="s">
        <v>44</v>
      </c>
      <c r="GU8" s="324" t="s">
        <v>45</v>
      </c>
      <c r="GV8" s="52" t="s">
        <v>83</v>
      </c>
      <c r="GW8" s="47" t="s">
        <v>47</v>
      </c>
      <c r="GX8" s="47" t="s">
        <v>48</v>
      </c>
      <c r="GY8" s="47" t="s">
        <v>49</v>
      </c>
      <c r="GZ8" s="47" t="s">
        <v>50</v>
      </c>
      <c r="HA8" s="47" t="s">
        <v>51</v>
      </c>
      <c r="HB8" s="48" t="s">
        <v>45</v>
      </c>
      <c r="HC8" s="682"/>
      <c r="HD8" s="51" t="s">
        <v>43</v>
      </c>
      <c r="HE8" s="47" t="s">
        <v>44</v>
      </c>
      <c r="HF8" s="324" t="s">
        <v>45</v>
      </c>
      <c r="HG8" s="52" t="s">
        <v>83</v>
      </c>
      <c r="HH8" s="47" t="s">
        <v>47</v>
      </c>
      <c r="HI8" s="47" t="s">
        <v>48</v>
      </c>
      <c r="HJ8" s="47" t="s">
        <v>49</v>
      </c>
      <c r="HK8" s="47" t="s">
        <v>50</v>
      </c>
      <c r="HL8" s="47" t="s">
        <v>51</v>
      </c>
      <c r="HM8" s="48" t="s">
        <v>45</v>
      </c>
      <c r="HN8" s="680"/>
      <c r="HO8" s="51" t="s">
        <v>43</v>
      </c>
      <c r="HP8" s="47" t="s">
        <v>44</v>
      </c>
      <c r="HQ8" s="324" t="s">
        <v>45</v>
      </c>
      <c r="HR8" s="52" t="s">
        <v>83</v>
      </c>
      <c r="HS8" s="47" t="s">
        <v>47</v>
      </c>
      <c r="HT8" s="47" t="s">
        <v>48</v>
      </c>
      <c r="HU8" s="47" t="s">
        <v>49</v>
      </c>
      <c r="HV8" s="47" t="s">
        <v>50</v>
      </c>
      <c r="HW8" s="47" t="s">
        <v>51</v>
      </c>
      <c r="HX8" s="48" t="s">
        <v>45</v>
      </c>
      <c r="HY8" s="680"/>
      <c r="HZ8" s="366" t="s">
        <v>43</v>
      </c>
      <c r="IA8" s="367" t="s">
        <v>44</v>
      </c>
      <c r="IB8" s="41" t="s">
        <v>45</v>
      </c>
      <c r="IC8" s="42" t="s">
        <v>83</v>
      </c>
      <c r="ID8" s="367" t="s">
        <v>47</v>
      </c>
      <c r="IE8" s="367" t="s">
        <v>48</v>
      </c>
      <c r="IF8" s="367" t="s">
        <v>49</v>
      </c>
      <c r="IG8" s="367" t="s">
        <v>50</v>
      </c>
      <c r="IH8" s="367" t="s">
        <v>51</v>
      </c>
      <c r="II8" s="17" t="s">
        <v>45</v>
      </c>
      <c r="IJ8" s="647"/>
      <c r="IK8" s="366" t="s">
        <v>43</v>
      </c>
      <c r="IL8" s="367"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2:409" s="471" customFormat="1" ht="21" customHeight="1" x14ac:dyDescent="0.2">
      <c r="B9" s="465" t="s">
        <v>4</v>
      </c>
      <c r="C9" s="385">
        <v>25996228</v>
      </c>
      <c r="D9" s="386">
        <v>44867530</v>
      </c>
      <c r="E9" s="387">
        <v>70863758</v>
      </c>
      <c r="F9" s="388">
        <v>0</v>
      </c>
      <c r="G9" s="386">
        <v>258862932</v>
      </c>
      <c r="H9" s="386">
        <v>355525662</v>
      </c>
      <c r="I9" s="386">
        <v>309939320</v>
      </c>
      <c r="J9" s="386">
        <v>341654086</v>
      </c>
      <c r="K9" s="386">
        <v>234013088</v>
      </c>
      <c r="L9" s="389">
        <v>1499995088</v>
      </c>
      <c r="M9" s="390">
        <v>1570858846</v>
      </c>
      <c r="N9" s="385">
        <v>8116560</v>
      </c>
      <c r="O9" s="386">
        <v>15957341</v>
      </c>
      <c r="P9" s="391">
        <v>24073901</v>
      </c>
      <c r="Q9" s="385">
        <v>0</v>
      </c>
      <c r="R9" s="386">
        <v>84420534</v>
      </c>
      <c r="S9" s="386">
        <v>124836976</v>
      </c>
      <c r="T9" s="386">
        <v>103352726</v>
      </c>
      <c r="U9" s="386">
        <v>119804473</v>
      </c>
      <c r="V9" s="386">
        <v>113156744</v>
      </c>
      <c r="W9" s="391">
        <v>545571453</v>
      </c>
      <c r="X9" s="390">
        <v>569645354</v>
      </c>
      <c r="Y9" s="385">
        <v>5145</v>
      </c>
      <c r="Z9" s="386">
        <v>0</v>
      </c>
      <c r="AA9" s="391">
        <v>5145</v>
      </c>
      <c r="AB9" s="392">
        <v>0</v>
      </c>
      <c r="AC9" s="393">
        <v>33506715</v>
      </c>
      <c r="AD9" s="393">
        <v>50850658</v>
      </c>
      <c r="AE9" s="393">
        <v>49715142</v>
      </c>
      <c r="AF9" s="393">
        <v>61518553</v>
      </c>
      <c r="AG9" s="393">
        <v>60931814</v>
      </c>
      <c r="AH9" s="391">
        <v>256522882</v>
      </c>
      <c r="AI9" s="390">
        <v>256528027</v>
      </c>
      <c r="AJ9" s="394">
        <v>32536</v>
      </c>
      <c r="AK9" s="393">
        <v>37633</v>
      </c>
      <c r="AL9" s="391">
        <v>70169</v>
      </c>
      <c r="AM9" s="392">
        <v>0</v>
      </c>
      <c r="AN9" s="393">
        <v>531116</v>
      </c>
      <c r="AO9" s="389">
        <v>1637343</v>
      </c>
      <c r="AP9" s="393">
        <v>3164468</v>
      </c>
      <c r="AQ9" s="393">
        <v>7265993</v>
      </c>
      <c r="AR9" s="393">
        <v>13845830</v>
      </c>
      <c r="AS9" s="391">
        <v>26444750</v>
      </c>
      <c r="AT9" s="390">
        <v>26514919</v>
      </c>
      <c r="AU9" s="394">
        <v>4523805</v>
      </c>
      <c r="AV9" s="393">
        <v>10973005</v>
      </c>
      <c r="AW9" s="391">
        <v>15496810</v>
      </c>
      <c r="AX9" s="392">
        <v>0</v>
      </c>
      <c r="AY9" s="393">
        <v>33048355</v>
      </c>
      <c r="AZ9" s="393">
        <v>49727701</v>
      </c>
      <c r="BA9" s="393">
        <v>31838051</v>
      </c>
      <c r="BB9" s="393">
        <v>29146099</v>
      </c>
      <c r="BC9" s="393">
        <v>24105170</v>
      </c>
      <c r="BD9" s="391">
        <v>167865376</v>
      </c>
      <c r="BE9" s="395">
        <v>183362186</v>
      </c>
      <c r="BF9" s="394">
        <v>493792</v>
      </c>
      <c r="BG9" s="389">
        <v>1625630</v>
      </c>
      <c r="BH9" s="396">
        <v>2119422</v>
      </c>
      <c r="BI9" s="392">
        <v>0</v>
      </c>
      <c r="BJ9" s="393">
        <v>3477694</v>
      </c>
      <c r="BK9" s="393">
        <v>5044532</v>
      </c>
      <c r="BL9" s="393">
        <v>3143449</v>
      </c>
      <c r="BM9" s="393">
        <v>3651604</v>
      </c>
      <c r="BN9" s="393">
        <v>1629108</v>
      </c>
      <c r="BO9" s="391">
        <v>16946387</v>
      </c>
      <c r="BP9" s="390">
        <v>19065809</v>
      </c>
      <c r="BQ9" s="394">
        <v>3061282</v>
      </c>
      <c r="BR9" s="393">
        <v>3321073</v>
      </c>
      <c r="BS9" s="391">
        <v>6382355</v>
      </c>
      <c r="BT9" s="392">
        <v>0</v>
      </c>
      <c r="BU9" s="393">
        <v>13856654</v>
      </c>
      <c r="BV9" s="393">
        <v>17576742</v>
      </c>
      <c r="BW9" s="393">
        <v>15491616</v>
      </c>
      <c r="BX9" s="393">
        <v>18222224</v>
      </c>
      <c r="BY9" s="393">
        <v>12644822</v>
      </c>
      <c r="BZ9" s="391">
        <v>77792058</v>
      </c>
      <c r="CA9" s="390">
        <v>84174413</v>
      </c>
      <c r="CB9" s="394">
        <v>1996901</v>
      </c>
      <c r="CC9" s="393">
        <v>5567350</v>
      </c>
      <c r="CD9" s="391">
        <v>7564251</v>
      </c>
      <c r="CE9" s="392">
        <v>0</v>
      </c>
      <c r="CF9" s="393">
        <v>67372775</v>
      </c>
      <c r="CG9" s="393">
        <v>86646470</v>
      </c>
      <c r="CH9" s="397">
        <v>60298596</v>
      </c>
      <c r="CI9" s="393">
        <v>42648175</v>
      </c>
      <c r="CJ9" s="393">
        <v>19297417</v>
      </c>
      <c r="CK9" s="391">
        <v>276263433</v>
      </c>
      <c r="CL9" s="390">
        <v>283827684</v>
      </c>
      <c r="CM9" s="385">
        <v>0</v>
      </c>
      <c r="CN9" s="386">
        <v>0</v>
      </c>
      <c r="CO9" s="391">
        <v>0</v>
      </c>
      <c r="CP9" s="392">
        <v>0</v>
      </c>
      <c r="CQ9" s="393">
        <v>54560082</v>
      </c>
      <c r="CR9" s="393">
        <v>63032502</v>
      </c>
      <c r="CS9" s="393">
        <v>42503076</v>
      </c>
      <c r="CT9" s="393">
        <v>26859146</v>
      </c>
      <c r="CU9" s="393">
        <v>12677312</v>
      </c>
      <c r="CV9" s="398">
        <v>199632118</v>
      </c>
      <c r="CW9" s="390">
        <v>199632118</v>
      </c>
      <c r="CX9" s="394">
        <v>1996901</v>
      </c>
      <c r="CY9" s="393">
        <v>5567350</v>
      </c>
      <c r="CZ9" s="391">
        <v>7564251</v>
      </c>
      <c r="DA9" s="392">
        <v>0</v>
      </c>
      <c r="DB9" s="393">
        <v>12812693</v>
      </c>
      <c r="DC9" s="393">
        <v>23613968</v>
      </c>
      <c r="DD9" s="393">
        <v>17795520</v>
      </c>
      <c r="DE9" s="393">
        <v>15789029</v>
      </c>
      <c r="DF9" s="393">
        <v>6620105</v>
      </c>
      <c r="DG9" s="391">
        <v>76631315</v>
      </c>
      <c r="DH9" s="390">
        <v>84195566</v>
      </c>
      <c r="DI9" s="394">
        <v>171235</v>
      </c>
      <c r="DJ9" s="393">
        <v>463348</v>
      </c>
      <c r="DK9" s="396">
        <v>634583</v>
      </c>
      <c r="DL9" s="392">
        <v>0</v>
      </c>
      <c r="DM9" s="393">
        <v>7518920</v>
      </c>
      <c r="DN9" s="393">
        <v>15690696</v>
      </c>
      <c r="DO9" s="393">
        <v>25614272</v>
      </c>
      <c r="DP9" s="393">
        <v>23951863</v>
      </c>
      <c r="DQ9" s="393">
        <v>11156824</v>
      </c>
      <c r="DR9" s="399">
        <v>83932575</v>
      </c>
      <c r="DS9" s="390">
        <v>84567158</v>
      </c>
      <c r="DT9" s="394">
        <v>171235</v>
      </c>
      <c r="DU9" s="393">
        <v>276032</v>
      </c>
      <c r="DV9" s="391">
        <v>447267</v>
      </c>
      <c r="DW9" s="392">
        <v>0</v>
      </c>
      <c r="DX9" s="393">
        <v>6532654</v>
      </c>
      <c r="DY9" s="393">
        <v>12865615</v>
      </c>
      <c r="DZ9" s="393">
        <v>22407795</v>
      </c>
      <c r="EA9" s="393">
        <v>20104075</v>
      </c>
      <c r="EB9" s="393">
        <v>8933417</v>
      </c>
      <c r="EC9" s="391">
        <v>70843556</v>
      </c>
      <c r="ED9" s="390">
        <v>71290823</v>
      </c>
      <c r="EE9" s="394">
        <v>0</v>
      </c>
      <c r="EF9" s="389">
        <v>187316</v>
      </c>
      <c r="EG9" s="391">
        <v>187316</v>
      </c>
      <c r="EH9" s="395">
        <v>0</v>
      </c>
      <c r="EI9" s="393">
        <v>986266</v>
      </c>
      <c r="EJ9" s="393">
        <v>2825081</v>
      </c>
      <c r="EK9" s="393">
        <v>3206477</v>
      </c>
      <c r="EL9" s="393">
        <v>3847788</v>
      </c>
      <c r="EM9" s="397">
        <v>2223407</v>
      </c>
      <c r="EN9" s="389">
        <v>13089019</v>
      </c>
      <c r="EO9" s="390">
        <v>13276335</v>
      </c>
      <c r="EP9" s="394">
        <v>0</v>
      </c>
      <c r="EQ9" s="393">
        <v>0</v>
      </c>
      <c r="ER9" s="389">
        <v>0</v>
      </c>
      <c r="ES9" s="392">
        <v>0</v>
      </c>
      <c r="ET9" s="393">
        <v>0</v>
      </c>
      <c r="EU9" s="393">
        <v>0</v>
      </c>
      <c r="EV9" s="393">
        <v>0</v>
      </c>
      <c r="EW9" s="393">
        <v>0</v>
      </c>
      <c r="EX9" s="393">
        <v>0</v>
      </c>
      <c r="EY9" s="398">
        <v>0</v>
      </c>
      <c r="EZ9" s="390">
        <v>0</v>
      </c>
      <c r="FA9" s="394">
        <v>0</v>
      </c>
      <c r="FB9" s="393">
        <v>0</v>
      </c>
      <c r="FC9" s="389">
        <v>0</v>
      </c>
      <c r="FD9" s="400"/>
      <c r="FE9" s="393">
        <v>0</v>
      </c>
      <c r="FF9" s="393">
        <v>0</v>
      </c>
      <c r="FG9" s="393">
        <v>0</v>
      </c>
      <c r="FH9" s="393">
        <v>0</v>
      </c>
      <c r="FI9" s="393">
        <v>0</v>
      </c>
      <c r="FJ9" s="398">
        <v>0</v>
      </c>
      <c r="FK9" s="390">
        <v>0</v>
      </c>
      <c r="FL9" s="394">
        <v>5356375</v>
      </c>
      <c r="FM9" s="393">
        <v>10198162</v>
      </c>
      <c r="FN9" s="391">
        <v>15554537</v>
      </c>
      <c r="FO9" s="392">
        <v>0</v>
      </c>
      <c r="FP9" s="393">
        <v>12877809</v>
      </c>
      <c r="FQ9" s="393">
        <v>32056520</v>
      </c>
      <c r="FR9" s="393">
        <v>24985263</v>
      </c>
      <c r="FS9" s="393">
        <v>22616357</v>
      </c>
      <c r="FT9" s="393">
        <v>15401431</v>
      </c>
      <c r="FU9" s="391">
        <v>107937380</v>
      </c>
      <c r="FV9" s="390">
        <v>123491917</v>
      </c>
      <c r="FW9" s="394">
        <v>2376986</v>
      </c>
      <c r="FX9" s="393">
        <v>5844317</v>
      </c>
      <c r="FY9" s="389">
        <v>8221303</v>
      </c>
      <c r="FZ9" s="395">
        <v>0</v>
      </c>
      <c r="GA9" s="393">
        <v>9331014</v>
      </c>
      <c r="GB9" s="401">
        <v>27548853</v>
      </c>
      <c r="GC9" s="393">
        <v>20971230</v>
      </c>
      <c r="GD9" s="401">
        <v>19539087</v>
      </c>
      <c r="GE9" s="393">
        <v>14284697</v>
      </c>
      <c r="GF9" s="398">
        <v>91674881</v>
      </c>
      <c r="GG9" s="402">
        <v>99896184</v>
      </c>
      <c r="GH9" s="403">
        <v>248971</v>
      </c>
      <c r="GI9" s="393">
        <v>778022</v>
      </c>
      <c r="GJ9" s="401">
        <v>1026993</v>
      </c>
      <c r="GK9" s="388">
        <v>0</v>
      </c>
      <c r="GL9" s="393">
        <v>1006659</v>
      </c>
      <c r="GM9" s="389">
        <v>1514396</v>
      </c>
      <c r="GN9" s="393">
        <v>1184541</v>
      </c>
      <c r="GO9" s="389">
        <v>1243634</v>
      </c>
      <c r="GP9" s="393">
        <v>466644</v>
      </c>
      <c r="GQ9" s="399">
        <v>5415874</v>
      </c>
      <c r="GR9" s="390">
        <v>6442867</v>
      </c>
      <c r="GS9" s="389">
        <v>2730418</v>
      </c>
      <c r="GT9" s="393">
        <v>3575823</v>
      </c>
      <c r="GU9" s="391">
        <v>6306241</v>
      </c>
      <c r="GV9" s="389">
        <v>0</v>
      </c>
      <c r="GW9" s="393">
        <v>2540136</v>
      </c>
      <c r="GX9" s="389">
        <v>2993271</v>
      </c>
      <c r="GY9" s="393">
        <v>2829492</v>
      </c>
      <c r="GZ9" s="389">
        <v>1833636</v>
      </c>
      <c r="HA9" s="393">
        <v>650090</v>
      </c>
      <c r="HB9" s="389">
        <v>10846625</v>
      </c>
      <c r="HC9" s="390">
        <v>17152866</v>
      </c>
      <c r="HD9" s="389">
        <v>10355157</v>
      </c>
      <c r="HE9" s="393">
        <v>12681329</v>
      </c>
      <c r="HF9" s="389">
        <v>23036486</v>
      </c>
      <c r="HG9" s="395">
        <v>0</v>
      </c>
      <c r="HH9" s="393">
        <v>86672894</v>
      </c>
      <c r="HI9" s="401">
        <v>96295000</v>
      </c>
      <c r="HJ9" s="393">
        <v>95688463</v>
      </c>
      <c r="HK9" s="401">
        <v>132633218</v>
      </c>
      <c r="HL9" s="393">
        <v>75000672</v>
      </c>
      <c r="HM9" s="398">
        <v>486290247</v>
      </c>
      <c r="HN9" s="389">
        <v>509326733</v>
      </c>
      <c r="HO9" s="466"/>
      <c r="HP9" s="467"/>
      <c r="HQ9" s="468"/>
      <c r="HR9" s="469"/>
      <c r="HS9" s="467"/>
      <c r="HT9" s="469"/>
      <c r="HU9" s="467"/>
      <c r="HV9" s="469"/>
      <c r="HW9" s="467"/>
      <c r="HX9" s="469"/>
      <c r="HY9" s="470"/>
      <c r="HZ9" s="404">
        <v>490255</v>
      </c>
      <c r="IA9" s="405">
        <v>1392592</v>
      </c>
      <c r="IB9" s="406">
        <v>1882847</v>
      </c>
      <c r="IC9" s="407">
        <v>0</v>
      </c>
      <c r="ID9" s="405">
        <v>53531213</v>
      </c>
      <c r="IE9" s="408">
        <v>72745005</v>
      </c>
      <c r="IF9" s="409">
        <v>83675360</v>
      </c>
      <c r="IG9" s="405">
        <v>61226022</v>
      </c>
      <c r="IH9" s="409">
        <v>46893045</v>
      </c>
      <c r="II9" s="410">
        <v>318070645</v>
      </c>
      <c r="IJ9" s="411">
        <v>319953492</v>
      </c>
      <c r="IK9" s="412">
        <v>0</v>
      </c>
      <c r="IL9" s="413">
        <v>0</v>
      </c>
      <c r="IM9" s="414">
        <v>0</v>
      </c>
      <c r="IN9" s="415"/>
      <c r="IO9" s="416">
        <v>1601800</v>
      </c>
      <c r="IP9" s="416">
        <v>2973165</v>
      </c>
      <c r="IQ9" s="416">
        <v>4261992</v>
      </c>
      <c r="IR9" s="416">
        <v>5524468</v>
      </c>
      <c r="IS9" s="416">
        <v>5673693</v>
      </c>
      <c r="IT9" s="417">
        <v>20035118</v>
      </c>
      <c r="IU9" s="418">
        <v>20035118</v>
      </c>
      <c r="IV9" s="419">
        <v>0</v>
      </c>
      <c r="IW9" s="416">
        <v>0</v>
      </c>
      <c r="IX9" s="420">
        <v>0</v>
      </c>
      <c r="IY9" s="421"/>
      <c r="IZ9" s="416">
        <v>280830</v>
      </c>
      <c r="JA9" s="416">
        <v>391849</v>
      </c>
      <c r="JB9" s="416">
        <v>1172327</v>
      </c>
      <c r="JC9" s="416">
        <v>828856</v>
      </c>
      <c r="JD9" s="416">
        <v>1220097</v>
      </c>
      <c r="JE9" s="420">
        <v>3893959</v>
      </c>
      <c r="JF9" s="422">
        <v>3893959</v>
      </c>
      <c r="JG9" s="419">
        <v>0</v>
      </c>
      <c r="JH9" s="416">
        <v>0</v>
      </c>
      <c r="JI9" s="417">
        <v>0</v>
      </c>
      <c r="JJ9" s="423">
        <v>0</v>
      </c>
      <c r="JK9" s="416">
        <v>25523390</v>
      </c>
      <c r="JL9" s="416">
        <v>28034790</v>
      </c>
      <c r="JM9" s="416">
        <v>20648841</v>
      </c>
      <c r="JN9" s="416">
        <v>11076993</v>
      </c>
      <c r="JO9" s="416">
        <v>5565508</v>
      </c>
      <c r="JP9" s="420">
        <v>90849522</v>
      </c>
      <c r="JQ9" s="418">
        <v>90849522</v>
      </c>
      <c r="JR9" s="419">
        <v>16374</v>
      </c>
      <c r="JS9" s="416">
        <v>0</v>
      </c>
      <c r="JT9" s="417">
        <v>16374</v>
      </c>
      <c r="JU9" s="423">
        <v>0</v>
      </c>
      <c r="JV9" s="416">
        <v>3368122</v>
      </c>
      <c r="JW9" s="416">
        <v>6094008</v>
      </c>
      <c r="JX9" s="416">
        <v>8076847</v>
      </c>
      <c r="JY9" s="416">
        <v>3905011</v>
      </c>
      <c r="JZ9" s="416">
        <v>2368343</v>
      </c>
      <c r="KA9" s="420">
        <v>23812331</v>
      </c>
      <c r="KB9" s="418">
        <v>23828705</v>
      </c>
      <c r="KC9" s="424">
        <v>473881</v>
      </c>
      <c r="KD9" s="425">
        <v>1392592</v>
      </c>
      <c r="KE9" s="420">
        <v>1866473</v>
      </c>
      <c r="KF9" s="423">
        <v>0</v>
      </c>
      <c r="KG9" s="416">
        <v>7638884</v>
      </c>
      <c r="KH9" s="416">
        <v>7423046</v>
      </c>
      <c r="KI9" s="416">
        <v>10405495</v>
      </c>
      <c r="KJ9" s="416">
        <v>8292966</v>
      </c>
      <c r="KK9" s="416">
        <v>5406774</v>
      </c>
      <c r="KL9" s="420">
        <v>39167165</v>
      </c>
      <c r="KM9" s="426">
        <v>41033638</v>
      </c>
      <c r="KN9" s="412">
        <v>0</v>
      </c>
      <c r="KO9" s="413">
        <v>0</v>
      </c>
      <c r="KP9" s="414">
        <v>0</v>
      </c>
      <c r="KQ9" s="415"/>
      <c r="KR9" s="416">
        <v>13463932</v>
      </c>
      <c r="KS9" s="416">
        <v>24032642</v>
      </c>
      <c r="KT9" s="416">
        <v>30712541</v>
      </c>
      <c r="KU9" s="416">
        <v>23595855</v>
      </c>
      <c r="KV9" s="416">
        <v>14783759</v>
      </c>
      <c r="KW9" s="420">
        <v>106588729</v>
      </c>
      <c r="KX9" s="418">
        <v>106588729</v>
      </c>
      <c r="KY9" s="419">
        <v>0</v>
      </c>
      <c r="KZ9" s="416">
        <v>0</v>
      </c>
      <c r="LA9" s="420">
        <v>0</v>
      </c>
      <c r="LB9" s="427"/>
      <c r="LC9" s="416">
        <v>618966</v>
      </c>
      <c r="LD9" s="416">
        <v>794048</v>
      </c>
      <c r="LE9" s="416">
        <v>1190353</v>
      </c>
      <c r="LF9" s="416">
        <v>974612</v>
      </c>
      <c r="LG9" s="416">
        <v>820809</v>
      </c>
      <c r="LH9" s="420">
        <v>4398788</v>
      </c>
      <c r="LI9" s="422">
        <v>4398788</v>
      </c>
      <c r="LJ9" s="419">
        <v>0</v>
      </c>
      <c r="LK9" s="416">
        <v>0</v>
      </c>
      <c r="LL9" s="420">
        <v>0</v>
      </c>
      <c r="LM9" s="427"/>
      <c r="LN9" s="416">
        <v>198517</v>
      </c>
      <c r="LO9" s="416">
        <v>427899</v>
      </c>
      <c r="LP9" s="416">
        <v>3012765</v>
      </c>
      <c r="LQ9" s="416">
        <v>3578461</v>
      </c>
      <c r="LR9" s="416">
        <v>2104811</v>
      </c>
      <c r="LS9" s="420">
        <v>9322453</v>
      </c>
      <c r="LT9" s="418">
        <v>9322453</v>
      </c>
      <c r="LU9" s="419">
        <v>0</v>
      </c>
      <c r="LV9" s="416">
        <v>0</v>
      </c>
      <c r="LW9" s="420">
        <v>0</v>
      </c>
      <c r="LX9" s="427"/>
      <c r="LY9" s="416">
        <v>836772</v>
      </c>
      <c r="LZ9" s="416">
        <v>2573558</v>
      </c>
      <c r="MA9" s="416">
        <v>4194199</v>
      </c>
      <c r="MB9" s="416">
        <v>3448800</v>
      </c>
      <c r="MC9" s="416">
        <v>8949251</v>
      </c>
      <c r="MD9" s="420">
        <v>20002580</v>
      </c>
      <c r="ME9" s="422">
        <v>20002580</v>
      </c>
      <c r="MF9" s="419">
        <v>0</v>
      </c>
      <c r="MG9" s="416">
        <v>0</v>
      </c>
      <c r="MH9" s="420">
        <v>0</v>
      </c>
      <c r="MI9" s="427"/>
      <c r="MJ9" s="416">
        <v>11331271</v>
      </c>
      <c r="MK9" s="416">
        <v>33606034</v>
      </c>
      <c r="ML9" s="416">
        <v>102186478</v>
      </c>
      <c r="MM9" s="416">
        <v>164307908</v>
      </c>
      <c r="MN9" s="416">
        <v>117764592</v>
      </c>
      <c r="MO9" s="420">
        <v>429196283</v>
      </c>
      <c r="MP9" s="426">
        <v>429196283</v>
      </c>
      <c r="MQ9" s="419">
        <v>0</v>
      </c>
      <c r="MR9" s="416">
        <v>0</v>
      </c>
      <c r="MS9" s="420">
        <v>0</v>
      </c>
      <c r="MT9" s="427"/>
      <c r="MU9" s="416">
        <v>1307569</v>
      </c>
      <c r="MV9" s="416">
        <v>5773549</v>
      </c>
      <c r="MW9" s="416">
        <v>54797494</v>
      </c>
      <c r="MX9" s="416">
        <v>92794574</v>
      </c>
      <c r="MY9" s="416">
        <v>72940261</v>
      </c>
      <c r="MZ9" s="420">
        <v>227613447</v>
      </c>
      <c r="NA9" s="426">
        <v>227613447</v>
      </c>
      <c r="NB9" s="419">
        <v>0</v>
      </c>
      <c r="NC9" s="416">
        <v>0</v>
      </c>
      <c r="ND9" s="420">
        <v>0</v>
      </c>
      <c r="NE9" s="427"/>
      <c r="NF9" s="416">
        <v>10023702</v>
      </c>
      <c r="NG9" s="416">
        <v>27598828</v>
      </c>
      <c r="NH9" s="416">
        <v>46432177</v>
      </c>
      <c r="NI9" s="416">
        <v>64827694</v>
      </c>
      <c r="NJ9" s="416">
        <v>35443754</v>
      </c>
      <c r="NK9" s="420">
        <v>184326155</v>
      </c>
      <c r="NL9" s="418">
        <v>184326155</v>
      </c>
      <c r="NM9" s="419">
        <v>0</v>
      </c>
      <c r="NN9" s="416">
        <v>0</v>
      </c>
      <c r="NO9" s="420">
        <v>0</v>
      </c>
      <c r="NP9" s="427"/>
      <c r="NQ9" s="416">
        <v>0</v>
      </c>
      <c r="NR9" s="416">
        <v>0</v>
      </c>
      <c r="NS9" s="416">
        <v>0</v>
      </c>
      <c r="NT9" s="416">
        <v>2783948</v>
      </c>
      <c r="NU9" s="416">
        <v>3993516</v>
      </c>
      <c r="NV9" s="420">
        <v>6777464</v>
      </c>
      <c r="NW9" s="422">
        <v>6777464</v>
      </c>
      <c r="NX9" s="419">
        <v>0</v>
      </c>
      <c r="NY9" s="416">
        <v>0</v>
      </c>
      <c r="NZ9" s="420">
        <v>0</v>
      </c>
      <c r="OA9" s="427"/>
      <c r="OB9" s="416">
        <v>0</v>
      </c>
      <c r="OC9" s="416">
        <v>233657</v>
      </c>
      <c r="OD9" s="416">
        <v>956807</v>
      </c>
      <c r="OE9" s="416">
        <v>3901692</v>
      </c>
      <c r="OF9" s="416">
        <v>5387061</v>
      </c>
      <c r="OG9" s="420">
        <v>10479217</v>
      </c>
      <c r="OH9" s="422">
        <v>10479217</v>
      </c>
      <c r="OI9" s="419">
        <v>26486483</v>
      </c>
      <c r="OJ9" s="416">
        <v>46260122</v>
      </c>
      <c r="OK9" s="417">
        <v>72746605</v>
      </c>
      <c r="OL9" s="423">
        <v>0</v>
      </c>
      <c r="OM9" s="416">
        <v>323725416</v>
      </c>
      <c r="ON9" s="416">
        <v>461876701</v>
      </c>
      <c r="OO9" s="416">
        <v>495801158</v>
      </c>
      <c r="OP9" s="416">
        <v>567188016</v>
      </c>
      <c r="OQ9" s="416">
        <v>398670725</v>
      </c>
      <c r="OR9" s="420">
        <v>2247262016</v>
      </c>
      <c r="OS9" s="426">
        <v>2320008621</v>
      </c>
    </row>
    <row r="10" spans="2:409" s="471" customFormat="1" ht="21" customHeight="1" x14ac:dyDescent="0.2">
      <c r="B10" s="472" t="s">
        <v>5</v>
      </c>
      <c r="C10" s="430">
        <v>12177031</v>
      </c>
      <c r="D10" s="431">
        <v>23600257</v>
      </c>
      <c r="E10" s="432">
        <v>35777288</v>
      </c>
      <c r="F10" s="433">
        <v>0</v>
      </c>
      <c r="G10" s="431">
        <v>97645020</v>
      </c>
      <c r="H10" s="431">
        <v>181605517</v>
      </c>
      <c r="I10" s="431">
        <v>141286111</v>
      </c>
      <c r="J10" s="431">
        <v>153362383</v>
      </c>
      <c r="K10" s="431">
        <v>101656384</v>
      </c>
      <c r="L10" s="433">
        <v>675555415</v>
      </c>
      <c r="M10" s="434">
        <v>711332703</v>
      </c>
      <c r="N10" s="430">
        <v>4048582</v>
      </c>
      <c r="O10" s="431">
        <v>8714407</v>
      </c>
      <c r="P10" s="432">
        <v>12762989</v>
      </c>
      <c r="Q10" s="430">
        <v>0</v>
      </c>
      <c r="R10" s="431">
        <v>31801263</v>
      </c>
      <c r="S10" s="431">
        <v>68925356</v>
      </c>
      <c r="T10" s="431">
        <v>45998900</v>
      </c>
      <c r="U10" s="431">
        <v>54689723</v>
      </c>
      <c r="V10" s="431">
        <v>48812547</v>
      </c>
      <c r="W10" s="432">
        <v>250227789</v>
      </c>
      <c r="X10" s="434">
        <v>262990778</v>
      </c>
      <c r="Y10" s="430">
        <v>5145</v>
      </c>
      <c r="Z10" s="431">
        <v>0</v>
      </c>
      <c r="AA10" s="432">
        <v>5145</v>
      </c>
      <c r="AB10" s="430">
        <v>0</v>
      </c>
      <c r="AC10" s="431">
        <v>12681116</v>
      </c>
      <c r="AD10" s="431">
        <v>28017911</v>
      </c>
      <c r="AE10" s="431">
        <v>20157674</v>
      </c>
      <c r="AF10" s="431">
        <v>27810976</v>
      </c>
      <c r="AG10" s="431">
        <v>25429467</v>
      </c>
      <c r="AH10" s="432">
        <v>114097144</v>
      </c>
      <c r="AI10" s="434">
        <v>114102289</v>
      </c>
      <c r="AJ10" s="430">
        <v>32536</v>
      </c>
      <c r="AK10" s="431">
        <v>28753</v>
      </c>
      <c r="AL10" s="432">
        <v>61289</v>
      </c>
      <c r="AM10" s="430">
        <v>0</v>
      </c>
      <c r="AN10" s="431">
        <v>53156</v>
      </c>
      <c r="AO10" s="431">
        <v>750271</v>
      </c>
      <c r="AP10" s="431">
        <v>1608098</v>
      </c>
      <c r="AQ10" s="431">
        <v>3045036</v>
      </c>
      <c r="AR10" s="431">
        <v>6649934</v>
      </c>
      <c r="AS10" s="432">
        <v>12106495</v>
      </c>
      <c r="AT10" s="434">
        <v>12167784</v>
      </c>
      <c r="AU10" s="430">
        <v>2478928</v>
      </c>
      <c r="AV10" s="431">
        <v>5638632</v>
      </c>
      <c r="AW10" s="432">
        <v>8117560</v>
      </c>
      <c r="AX10" s="430">
        <v>0</v>
      </c>
      <c r="AY10" s="431">
        <v>12471762</v>
      </c>
      <c r="AZ10" s="431">
        <v>28377015</v>
      </c>
      <c r="BA10" s="431">
        <v>16217663</v>
      </c>
      <c r="BB10" s="431">
        <v>13693381</v>
      </c>
      <c r="BC10" s="431">
        <v>10928194</v>
      </c>
      <c r="BD10" s="432">
        <v>81688015</v>
      </c>
      <c r="BE10" s="434">
        <v>89805575</v>
      </c>
      <c r="BF10" s="430">
        <v>180532</v>
      </c>
      <c r="BG10" s="431">
        <v>1175985</v>
      </c>
      <c r="BH10" s="435">
        <v>1356517</v>
      </c>
      <c r="BI10" s="436">
        <v>0</v>
      </c>
      <c r="BJ10" s="431">
        <v>993626</v>
      </c>
      <c r="BK10" s="431">
        <v>2626692</v>
      </c>
      <c r="BL10" s="431">
        <v>1116748</v>
      </c>
      <c r="BM10" s="431">
        <v>1757830</v>
      </c>
      <c r="BN10" s="431">
        <v>671396</v>
      </c>
      <c r="BO10" s="432">
        <v>7166292</v>
      </c>
      <c r="BP10" s="434">
        <v>8522809</v>
      </c>
      <c r="BQ10" s="430">
        <v>1351441</v>
      </c>
      <c r="BR10" s="431">
        <v>1871037</v>
      </c>
      <c r="BS10" s="432">
        <v>3222478</v>
      </c>
      <c r="BT10" s="430">
        <v>0</v>
      </c>
      <c r="BU10" s="431">
        <v>5601603</v>
      </c>
      <c r="BV10" s="431">
        <v>9153467</v>
      </c>
      <c r="BW10" s="431">
        <v>6898717</v>
      </c>
      <c r="BX10" s="431">
        <v>8382500</v>
      </c>
      <c r="BY10" s="431">
        <v>5133556</v>
      </c>
      <c r="BZ10" s="432">
        <v>35169843</v>
      </c>
      <c r="CA10" s="434">
        <v>38392321</v>
      </c>
      <c r="CB10" s="430">
        <v>1025007</v>
      </c>
      <c r="CC10" s="431">
        <v>2871463</v>
      </c>
      <c r="CD10" s="432">
        <v>3896470</v>
      </c>
      <c r="CE10" s="430">
        <v>0</v>
      </c>
      <c r="CF10" s="431">
        <v>22733560</v>
      </c>
      <c r="CG10" s="431">
        <v>37241423</v>
      </c>
      <c r="CH10" s="431">
        <v>25731831</v>
      </c>
      <c r="CI10" s="431">
        <v>16751698</v>
      </c>
      <c r="CJ10" s="431">
        <v>7987301</v>
      </c>
      <c r="CK10" s="432">
        <v>110445813</v>
      </c>
      <c r="CL10" s="434">
        <v>114342283</v>
      </c>
      <c r="CM10" s="430">
        <v>0</v>
      </c>
      <c r="CN10" s="431">
        <v>0</v>
      </c>
      <c r="CO10" s="432">
        <v>0</v>
      </c>
      <c r="CP10" s="436">
        <v>0</v>
      </c>
      <c r="CQ10" s="431">
        <v>18448651</v>
      </c>
      <c r="CR10" s="431">
        <v>25687842</v>
      </c>
      <c r="CS10" s="431">
        <v>17372003</v>
      </c>
      <c r="CT10" s="431">
        <v>10239213</v>
      </c>
      <c r="CU10" s="431">
        <v>4506551</v>
      </c>
      <c r="CV10" s="432">
        <v>76254260</v>
      </c>
      <c r="CW10" s="434">
        <v>76254260</v>
      </c>
      <c r="CX10" s="430">
        <v>1025007</v>
      </c>
      <c r="CY10" s="431">
        <v>2871463</v>
      </c>
      <c r="CZ10" s="432">
        <v>3896470</v>
      </c>
      <c r="DA10" s="430">
        <v>0</v>
      </c>
      <c r="DB10" s="431">
        <v>4284909</v>
      </c>
      <c r="DC10" s="431">
        <v>11553581</v>
      </c>
      <c r="DD10" s="431">
        <v>8359828</v>
      </c>
      <c r="DE10" s="431">
        <v>6512485</v>
      </c>
      <c r="DF10" s="431">
        <v>3480750</v>
      </c>
      <c r="DG10" s="432">
        <v>34191553</v>
      </c>
      <c r="DH10" s="434">
        <v>38088023</v>
      </c>
      <c r="DI10" s="430">
        <v>83332</v>
      </c>
      <c r="DJ10" s="431">
        <v>297677</v>
      </c>
      <c r="DK10" s="435">
        <v>381009</v>
      </c>
      <c r="DL10" s="436">
        <v>0</v>
      </c>
      <c r="DM10" s="431">
        <v>2864554</v>
      </c>
      <c r="DN10" s="431">
        <v>7686628</v>
      </c>
      <c r="DO10" s="431">
        <v>11642378</v>
      </c>
      <c r="DP10" s="431">
        <v>9925645</v>
      </c>
      <c r="DQ10" s="431">
        <v>5205293</v>
      </c>
      <c r="DR10" s="432">
        <v>37324498</v>
      </c>
      <c r="DS10" s="434">
        <v>37705507</v>
      </c>
      <c r="DT10" s="430">
        <v>83332</v>
      </c>
      <c r="DU10" s="431">
        <v>110361</v>
      </c>
      <c r="DV10" s="432">
        <v>193693</v>
      </c>
      <c r="DW10" s="430">
        <v>0</v>
      </c>
      <c r="DX10" s="431">
        <v>2507384</v>
      </c>
      <c r="DY10" s="431">
        <v>5751591</v>
      </c>
      <c r="DZ10" s="431">
        <v>9726145</v>
      </c>
      <c r="EA10" s="431">
        <v>7841205</v>
      </c>
      <c r="EB10" s="431">
        <v>3998419</v>
      </c>
      <c r="EC10" s="432">
        <v>29824744</v>
      </c>
      <c r="ED10" s="434">
        <v>30018437</v>
      </c>
      <c r="EE10" s="430">
        <v>0</v>
      </c>
      <c r="EF10" s="435">
        <v>187316</v>
      </c>
      <c r="EG10" s="432">
        <v>187316</v>
      </c>
      <c r="EH10" s="430">
        <v>0</v>
      </c>
      <c r="EI10" s="431">
        <v>357170</v>
      </c>
      <c r="EJ10" s="431">
        <v>1935037</v>
      </c>
      <c r="EK10" s="431">
        <v>1916233</v>
      </c>
      <c r="EL10" s="431">
        <v>2084440</v>
      </c>
      <c r="EM10" s="431">
        <v>1206874</v>
      </c>
      <c r="EN10" s="435">
        <v>7499754</v>
      </c>
      <c r="EO10" s="434">
        <v>7687070</v>
      </c>
      <c r="EP10" s="430">
        <v>0</v>
      </c>
      <c r="EQ10" s="431">
        <v>0</v>
      </c>
      <c r="ER10" s="435">
        <v>0</v>
      </c>
      <c r="ES10" s="436">
        <v>0</v>
      </c>
      <c r="ET10" s="431">
        <v>0</v>
      </c>
      <c r="EU10" s="431">
        <v>0</v>
      </c>
      <c r="EV10" s="431">
        <v>0</v>
      </c>
      <c r="EW10" s="431">
        <v>0</v>
      </c>
      <c r="EX10" s="431">
        <v>0</v>
      </c>
      <c r="EY10" s="432">
        <v>0</v>
      </c>
      <c r="EZ10" s="434">
        <v>0</v>
      </c>
      <c r="FA10" s="430">
        <v>0</v>
      </c>
      <c r="FB10" s="431">
        <v>0</v>
      </c>
      <c r="FC10" s="435">
        <v>0</v>
      </c>
      <c r="FD10" s="437"/>
      <c r="FE10" s="431">
        <v>0</v>
      </c>
      <c r="FF10" s="431">
        <v>0</v>
      </c>
      <c r="FG10" s="431">
        <v>0</v>
      </c>
      <c r="FH10" s="431">
        <v>0</v>
      </c>
      <c r="FI10" s="431">
        <v>0</v>
      </c>
      <c r="FJ10" s="432">
        <v>0</v>
      </c>
      <c r="FK10" s="434">
        <v>0</v>
      </c>
      <c r="FL10" s="430">
        <v>2574488</v>
      </c>
      <c r="FM10" s="431">
        <v>5059273</v>
      </c>
      <c r="FN10" s="432">
        <v>7633761</v>
      </c>
      <c r="FO10" s="430">
        <v>0</v>
      </c>
      <c r="FP10" s="431">
        <v>4374289</v>
      </c>
      <c r="FQ10" s="431">
        <v>15389115</v>
      </c>
      <c r="FR10" s="431">
        <v>11399064</v>
      </c>
      <c r="FS10" s="431">
        <v>10567757</v>
      </c>
      <c r="FT10" s="431">
        <v>6577269</v>
      </c>
      <c r="FU10" s="432">
        <v>48307494</v>
      </c>
      <c r="FV10" s="434">
        <v>55941255</v>
      </c>
      <c r="FW10" s="438">
        <v>811412</v>
      </c>
      <c r="FX10" s="431">
        <v>2605879</v>
      </c>
      <c r="FY10" s="435">
        <v>3417291</v>
      </c>
      <c r="FZ10" s="436">
        <v>0</v>
      </c>
      <c r="GA10" s="431">
        <v>2670388</v>
      </c>
      <c r="GB10" s="431">
        <v>12829769</v>
      </c>
      <c r="GC10" s="431">
        <v>8861076</v>
      </c>
      <c r="GD10" s="431">
        <v>8382920</v>
      </c>
      <c r="GE10" s="431">
        <v>5840695</v>
      </c>
      <c r="GF10" s="432">
        <v>38584848</v>
      </c>
      <c r="GG10" s="439">
        <v>42002139</v>
      </c>
      <c r="GH10" s="438">
        <v>76776</v>
      </c>
      <c r="GI10" s="431">
        <v>501192</v>
      </c>
      <c r="GJ10" s="435">
        <v>577968</v>
      </c>
      <c r="GK10" s="436">
        <v>0</v>
      </c>
      <c r="GL10" s="431">
        <v>565890</v>
      </c>
      <c r="GM10" s="431">
        <v>931124</v>
      </c>
      <c r="GN10" s="431">
        <v>521873</v>
      </c>
      <c r="GO10" s="431">
        <v>732827</v>
      </c>
      <c r="GP10" s="431">
        <v>228584</v>
      </c>
      <c r="GQ10" s="432">
        <v>2980298</v>
      </c>
      <c r="GR10" s="434">
        <v>3558266</v>
      </c>
      <c r="GS10" s="430">
        <v>1686300</v>
      </c>
      <c r="GT10" s="431">
        <v>1952202</v>
      </c>
      <c r="GU10" s="432">
        <v>3638502</v>
      </c>
      <c r="GV10" s="430">
        <v>0</v>
      </c>
      <c r="GW10" s="431">
        <v>1138011</v>
      </c>
      <c r="GX10" s="431">
        <v>1628222</v>
      </c>
      <c r="GY10" s="431">
        <v>2016115</v>
      </c>
      <c r="GZ10" s="431">
        <v>1452010</v>
      </c>
      <c r="HA10" s="431">
        <v>507990</v>
      </c>
      <c r="HB10" s="435">
        <v>6742348</v>
      </c>
      <c r="HC10" s="434">
        <v>10380850</v>
      </c>
      <c r="HD10" s="430">
        <v>4445622</v>
      </c>
      <c r="HE10" s="431">
        <v>6657437</v>
      </c>
      <c r="HF10" s="435">
        <v>11103059</v>
      </c>
      <c r="HG10" s="436">
        <v>0</v>
      </c>
      <c r="HH10" s="431">
        <v>35871354</v>
      </c>
      <c r="HI10" s="431">
        <v>52362995</v>
      </c>
      <c r="HJ10" s="431">
        <v>46513938</v>
      </c>
      <c r="HK10" s="431">
        <v>61427560</v>
      </c>
      <c r="HL10" s="431">
        <v>33073974</v>
      </c>
      <c r="HM10" s="432">
        <v>229249821</v>
      </c>
      <c r="HN10" s="433">
        <v>240352880</v>
      </c>
      <c r="HO10" s="473"/>
      <c r="HP10" s="474"/>
      <c r="HQ10" s="475"/>
      <c r="HR10" s="476"/>
      <c r="HS10" s="474"/>
      <c r="HT10" s="474"/>
      <c r="HU10" s="474"/>
      <c r="HV10" s="474"/>
      <c r="HW10" s="474"/>
      <c r="HX10" s="477"/>
      <c r="HY10" s="478"/>
      <c r="HZ10" s="440">
        <v>297757</v>
      </c>
      <c r="IA10" s="441">
        <v>695607</v>
      </c>
      <c r="IB10" s="442">
        <v>993364</v>
      </c>
      <c r="IC10" s="443">
        <v>0</v>
      </c>
      <c r="ID10" s="444">
        <v>21722626</v>
      </c>
      <c r="IE10" s="445">
        <v>34349424</v>
      </c>
      <c r="IF10" s="446">
        <v>33875350</v>
      </c>
      <c r="IG10" s="444">
        <v>26207630</v>
      </c>
      <c r="IH10" s="446">
        <v>20474771</v>
      </c>
      <c r="II10" s="447">
        <v>136629801</v>
      </c>
      <c r="IJ10" s="448">
        <v>137623165</v>
      </c>
      <c r="IK10" s="449">
        <v>0</v>
      </c>
      <c r="IL10" s="450">
        <v>0</v>
      </c>
      <c r="IM10" s="451">
        <v>0</v>
      </c>
      <c r="IN10" s="452"/>
      <c r="IO10" s="453">
        <v>528263</v>
      </c>
      <c r="IP10" s="453">
        <v>1341289</v>
      </c>
      <c r="IQ10" s="453">
        <v>1807235</v>
      </c>
      <c r="IR10" s="453">
        <v>2406303</v>
      </c>
      <c r="IS10" s="453">
        <v>2835536</v>
      </c>
      <c r="IT10" s="454">
        <v>8918626</v>
      </c>
      <c r="IU10" s="455">
        <v>8918626</v>
      </c>
      <c r="IV10" s="456">
        <v>0</v>
      </c>
      <c r="IW10" s="453">
        <v>0</v>
      </c>
      <c r="IX10" s="457">
        <v>0</v>
      </c>
      <c r="IY10" s="458"/>
      <c r="IZ10" s="453">
        <v>202832</v>
      </c>
      <c r="JA10" s="453">
        <v>290003</v>
      </c>
      <c r="JB10" s="453">
        <v>907688</v>
      </c>
      <c r="JC10" s="453">
        <v>641344</v>
      </c>
      <c r="JD10" s="453">
        <v>1010547</v>
      </c>
      <c r="JE10" s="457">
        <v>3052414</v>
      </c>
      <c r="JF10" s="459">
        <v>3052414</v>
      </c>
      <c r="JG10" s="456">
        <v>0</v>
      </c>
      <c r="JH10" s="453">
        <v>0</v>
      </c>
      <c r="JI10" s="454">
        <v>0</v>
      </c>
      <c r="JJ10" s="460">
        <v>0</v>
      </c>
      <c r="JK10" s="453">
        <v>9431406</v>
      </c>
      <c r="JL10" s="453">
        <v>14726586</v>
      </c>
      <c r="JM10" s="453">
        <v>9892815</v>
      </c>
      <c r="JN10" s="453">
        <v>5181222</v>
      </c>
      <c r="JO10" s="453">
        <v>3227596</v>
      </c>
      <c r="JP10" s="457">
        <v>42459625</v>
      </c>
      <c r="JQ10" s="455">
        <v>42459625</v>
      </c>
      <c r="JR10" s="456">
        <v>16374</v>
      </c>
      <c r="JS10" s="453">
        <v>0</v>
      </c>
      <c r="JT10" s="454">
        <v>16374</v>
      </c>
      <c r="JU10" s="460">
        <v>0</v>
      </c>
      <c r="JV10" s="453">
        <v>1945887</v>
      </c>
      <c r="JW10" s="453">
        <v>3242162</v>
      </c>
      <c r="JX10" s="453">
        <v>3553982</v>
      </c>
      <c r="JY10" s="453">
        <v>2432084</v>
      </c>
      <c r="JZ10" s="453">
        <v>1397503</v>
      </c>
      <c r="KA10" s="457">
        <v>12571618</v>
      </c>
      <c r="KB10" s="455">
        <v>12587992</v>
      </c>
      <c r="KC10" s="461">
        <v>281383</v>
      </c>
      <c r="KD10" s="462">
        <v>695607</v>
      </c>
      <c r="KE10" s="457">
        <v>976990</v>
      </c>
      <c r="KF10" s="460">
        <v>0</v>
      </c>
      <c r="KG10" s="453">
        <v>3115237</v>
      </c>
      <c r="KH10" s="453">
        <v>3128791</v>
      </c>
      <c r="KI10" s="453">
        <v>4623877</v>
      </c>
      <c r="KJ10" s="453">
        <v>5136715</v>
      </c>
      <c r="KK10" s="453">
        <v>2664892</v>
      </c>
      <c r="KL10" s="457">
        <v>18669512</v>
      </c>
      <c r="KM10" s="463">
        <v>19646502</v>
      </c>
      <c r="KN10" s="449">
        <v>0</v>
      </c>
      <c r="KO10" s="450">
        <v>0</v>
      </c>
      <c r="KP10" s="451">
        <v>0</v>
      </c>
      <c r="KQ10" s="452"/>
      <c r="KR10" s="453">
        <v>6186061</v>
      </c>
      <c r="KS10" s="453">
        <v>10635160</v>
      </c>
      <c r="KT10" s="453">
        <v>11339183</v>
      </c>
      <c r="KU10" s="453">
        <v>8643991</v>
      </c>
      <c r="KV10" s="453">
        <v>5439071</v>
      </c>
      <c r="KW10" s="457">
        <v>42243466</v>
      </c>
      <c r="KX10" s="455">
        <v>42243466</v>
      </c>
      <c r="KY10" s="456">
        <v>0</v>
      </c>
      <c r="KZ10" s="453">
        <v>0</v>
      </c>
      <c r="LA10" s="457">
        <v>0</v>
      </c>
      <c r="LB10" s="464"/>
      <c r="LC10" s="453">
        <v>0</v>
      </c>
      <c r="LD10" s="453">
        <v>0</v>
      </c>
      <c r="LE10" s="453">
        <v>0</v>
      </c>
      <c r="LF10" s="453">
        <v>0</v>
      </c>
      <c r="LG10" s="453">
        <v>0</v>
      </c>
      <c r="LH10" s="457">
        <v>0</v>
      </c>
      <c r="LI10" s="459">
        <v>0</v>
      </c>
      <c r="LJ10" s="456">
        <v>0</v>
      </c>
      <c r="LK10" s="453">
        <v>0</v>
      </c>
      <c r="LL10" s="457">
        <v>0</v>
      </c>
      <c r="LM10" s="464"/>
      <c r="LN10" s="453">
        <v>0</v>
      </c>
      <c r="LO10" s="453">
        <v>218771</v>
      </c>
      <c r="LP10" s="453">
        <v>0</v>
      </c>
      <c r="LQ10" s="453">
        <v>503426</v>
      </c>
      <c r="LR10" s="453">
        <v>0</v>
      </c>
      <c r="LS10" s="457">
        <v>722197</v>
      </c>
      <c r="LT10" s="455">
        <v>722197</v>
      </c>
      <c r="LU10" s="456">
        <v>0</v>
      </c>
      <c r="LV10" s="453">
        <v>0</v>
      </c>
      <c r="LW10" s="457">
        <v>0</v>
      </c>
      <c r="LX10" s="464"/>
      <c r="LY10" s="453">
        <v>312940</v>
      </c>
      <c r="LZ10" s="453">
        <v>766662</v>
      </c>
      <c r="MA10" s="453">
        <v>1750570</v>
      </c>
      <c r="MB10" s="453">
        <v>1262545</v>
      </c>
      <c r="MC10" s="453">
        <v>3899626</v>
      </c>
      <c r="MD10" s="457">
        <v>7992343</v>
      </c>
      <c r="ME10" s="459">
        <v>7992343</v>
      </c>
      <c r="MF10" s="456">
        <v>0</v>
      </c>
      <c r="MG10" s="453">
        <v>0</v>
      </c>
      <c r="MH10" s="457">
        <v>0</v>
      </c>
      <c r="MI10" s="464"/>
      <c r="MJ10" s="453">
        <v>4777271</v>
      </c>
      <c r="MK10" s="453">
        <v>17891867</v>
      </c>
      <c r="ML10" s="453">
        <v>51869196</v>
      </c>
      <c r="MM10" s="453">
        <v>76344193</v>
      </c>
      <c r="MN10" s="453">
        <v>54790040</v>
      </c>
      <c r="MO10" s="457">
        <v>205672567</v>
      </c>
      <c r="MP10" s="463">
        <v>205672567</v>
      </c>
      <c r="MQ10" s="456">
        <v>0</v>
      </c>
      <c r="MR10" s="453">
        <v>0</v>
      </c>
      <c r="MS10" s="457">
        <v>0</v>
      </c>
      <c r="MT10" s="464"/>
      <c r="MU10" s="453">
        <v>569004</v>
      </c>
      <c r="MV10" s="453">
        <v>4573031</v>
      </c>
      <c r="MW10" s="453">
        <v>28457803</v>
      </c>
      <c r="MX10" s="453">
        <v>42409358</v>
      </c>
      <c r="MY10" s="453">
        <v>32059954</v>
      </c>
      <c r="MZ10" s="457">
        <v>108069150</v>
      </c>
      <c r="NA10" s="463">
        <v>108069150</v>
      </c>
      <c r="NB10" s="456">
        <v>0</v>
      </c>
      <c r="NC10" s="453">
        <v>0</v>
      </c>
      <c r="ND10" s="457">
        <v>0</v>
      </c>
      <c r="NE10" s="464"/>
      <c r="NF10" s="453">
        <v>4208267</v>
      </c>
      <c r="NG10" s="453">
        <v>13318836</v>
      </c>
      <c r="NH10" s="453">
        <v>23058576</v>
      </c>
      <c r="NI10" s="453">
        <v>30904231</v>
      </c>
      <c r="NJ10" s="453">
        <v>19484650</v>
      </c>
      <c r="NK10" s="457">
        <v>90974560</v>
      </c>
      <c r="NL10" s="455">
        <v>90974560</v>
      </c>
      <c r="NM10" s="456">
        <v>0</v>
      </c>
      <c r="NN10" s="453">
        <v>0</v>
      </c>
      <c r="NO10" s="457">
        <v>0</v>
      </c>
      <c r="NP10" s="464"/>
      <c r="NQ10" s="453">
        <v>0</v>
      </c>
      <c r="NR10" s="453">
        <v>0</v>
      </c>
      <c r="NS10" s="453">
        <v>0</v>
      </c>
      <c r="NT10" s="453">
        <v>1141588</v>
      </c>
      <c r="NU10" s="453">
        <v>1502803</v>
      </c>
      <c r="NV10" s="457">
        <v>2644391</v>
      </c>
      <c r="NW10" s="459">
        <v>2644391</v>
      </c>
      <c r="NX10" s="456">
        <v>0</v>
      </c>
      <c r="NY10" s="453">
        <v>0</v>
      </c>
      <c r="NZ10" s="457">
        <v>0</v>
      </c>
      <c r="OA10" s="464"/>
      <c r="OB10" s="453">
        <v>0</v>
      </c>
      <c r="OC10" s="453">
        <v>0</v>
      </c>
      <c r="OD10" s="453">
        <v>352817</v>
      </c>
      <c r="OE10" s="453">
        <v>1889016</v>
      </c>
      <c r="OF10" s="453">
        <v>1742633</v>
      </c>
      <c r="OG10" s="457">
        <v>3984466</v>
      </c>
      <c r="OH10" s="459">
        <v>3984466</v>
      </c>
      <c r="OI10" s="456">
        <v>12474788</v>
      </c>
      <c r="OJ10" s="453">
        <v>24295864</v>
      </c>
      <c r="OK10" s="454">
        <v>36770652</v>
      </c>
      <c r="OL10" s="460">
        <v>0</v>
      </c>
      <c r="OM10" s="453">
        <v>124144917</v>
      </c>
      <c r="ON10" s="453">
        <v>233846808</v>
      </c>
      <c r="OO10" s="453">
        <v>227030657</v>
      </c>
      <c r="OP10" s="453">
        <v>255914206</v>
      </c>
      <c r="OQ10" s="453">
        <v>176921195</v>
      </c>
      <c r="OR10" s="457">
        <v>1017857783</v>
      </c>
      <c r="OS10" s="463">
        <v>1054628435</v>
      </c>
    </row>
    <row r="11" spans="2:409" ht="21" customHeight="1" x14ac:dyDescent="0.2">
      <c r="B11" s="126" t="s">
        <v>6</v>
      </c>
      <c r="C11" s="110">
        <v>3973940</v>
      </c>
      <c r="D11" s="114">
        <v>5989573</v>
      </c>
      <c r="E11" s="113">
        <v>9963513</v>
      </c>
      <c r="F11" s="109">
        <v>0</v>
      </c>
      <c r="G11" s="114">
        <v>49370277</v>
      </c>
      <c r="H11" s="114">
        <v>48381310</v>
      </c>
      <c r="I11" s="114">
        <v>49931049</v>
      </c>
      <c r="J11" s="114">
        <v>59804259</v>
      </c>
      <c r="K11" s="114">
        <v>38851151</v>
      </c>
      <c r="L11" s="109">
        <v>246338046</v>
      </c>
      <c r="M11" s="116">
        <v>256301559</v>
      </c>
      <c r="N11" s="110">
        <v>1221515</v>
      </c>
      <c r="O11" s="114">
        <v>2520139</v>
      </c>
      <c r="P11" s="113">
        <v>3741654</v>
      </c>
      <c r="Q11" s="110">
        <v>0</v>
      </c>
      <c r="R11" s="114">
        <v>17190178</v>
      </c>
      <c r="S11" s="114">
        <v>17707046</v>
      </c>
      <c r="T11" s="114">
        <v>17744710</v>
      </c>
      <c r="U11" s="114">
        <v>22587806</v>
      </c>
      <c r="V11" s="114">
        <v>18719615</v>
      </c>
      <c r="W11" s="113">
        <v>93949355</v>
      </c>
      <c r="X11" s="116">
        <v>97691009</v>
      </c>
      <c r="Y11" s="110">
        <v>0</v>
      </c>
      <c r="Z11" s="114">
        <v>0</v>
      </c>
      <c r="AA11" s="113">
        <v>0</v>
      </c>
      <c r="AB11" s="110">
        <v>0</v>
      </c>
      <c r="AC11" s="114">
        <v>6170523</v>
      </c>
      <c r="AD11" s="114">
        <v>6883001</v>
      </c>
      <c r="AE11" s="114">
        <v>8126790</v>
      </c>
      <c r="AF11" s="114">
        <v>11456087</v>
      </c>
      <c r="AG11" s="114">
        <v>10863308</v>
      </c>
      <c r="AH11" s="113">
        <v>43499709</v>
      </c>
      <c r="AI11" s="116">
        <v>43499709</v>
      </c>
      <c r="AJ11" s="110">
        <v>0</v>
      </c>
      <c r="AK11" s="114">
        <v>8880</v>
      </c>
      <c r="AL11" s="113">
        <v>8880</v>
      </c>
      <c r="AM11" s="110">
        <v>0</v>
      </c>
      <c r="AN11" s="114">
        <v>138616</v>
      </c>
      <c r="AO11" s="114">
        <v>331175</v>
      </c>
      <c r="AP11" s="114">
        <v>523244</v>
      </c>
      <c r="AQ11" s="114">
        <v>1534331</v>
      </c>
      <c r="AR11" s="114">
        <v>1694492</v>
      </c>
      <c r="AS11" s="113">
        <v>4221858</v>
      </c>
      <c r="AT11" s="116">
        <v>4230738</v>
      </c>
      <c r="AU11" s="110">
        <v>615971</v>
      </c>
      <c r="AV11" s="114">
        <v>2053921</v>
      </c>
      <c r="AW11" s="113">
        <v>2669892</v>
      </c>
      <c r="AX11" s="110">
        <v>0</v>
      </c>
      <c r="AY11" s="114">
        <v>7614472</v>
      </c>
      <c r="AZ11" s="114">
        <v>7396377</v>
      </c>
      <c r="BA11" s="114">
        <v>5416740</v>
      </c>
      <c r="BB11" s="114">
        <v>5845456</v>
      </c>
      <c r="BC11" s="114">
        <v>3529605</v>
      </c>
      <c r="BD11" s="113">
        <v>29802650</v>
      </c>
      <c r="BE11" s="116">
        <v>32472542</v>
      </c>
      <c r="BF11" s="110">
        <v>95258</v>
      </c>
      <c r="BG11" s="114">
        <v>0</v>
      </c>
      <c r="BH11" s="112">
        <v>95258</v>
      </c>
      <c r="BI11" s="111">
        <v>0</v>
      </c>
      <c r="BJ11" s="114">
        <v>515252</v>
      </c>
      <c r="BK11" s="114">
        <v>511568</v>
      </c>
      <c r="BL11" s="114">
        <v>961019</v>
      </c>
      <c r="BM11" s="114">
        <v>450116</v>
      </c>
      <c r="BN11" s="114">
        <v>347270</v>
      </c>
      <c r="BO11" s="113">
        <v>2785225</v>
      </c>
      <c r="BP11" s="116">
        <v>2880483</v>
      </c>
      <c r="BQ11" s="110">
        <v>510286</v>
      </c>
      <c r="BR11" s="114">
        <v>457338</v>
      </c>
      <c r="BS11" s="113">
        <v>967624</v>
      </c>
      <c r="BT11" s="110">
        <v>0</v>
      </c>
      <c r="BU11" s="114">
        <v>2751315</v>
      </c>
      <c r="BV11" s="114">
        <v>2584925</v>
      </c>
      <c r="BW11" s="114">
        <v>2716917</v>
      </c>
      <c r="BX11" s="114">
        <v>3301816</v>
      </c>
      <c r="BY11" s="114">
        <v>2284940</v>
      </c>
      <c r="BZ11" s="113">
        <v>13639913</v>
      </c>
      <c r="CA11" s="116">
        <v>14607537</v>
      </c>
      <c r="CB11" s="110">
        <v>191177</v>
      </c>
      <c r="CC11" s="114">
        <v>416847</v>
      </c>
      <c r="CD11" s="113">
        <v>608024</v>
      </c>
      <c r="CE11" s="110">
        <v>0</v>
      </c>
      <c r="CF11" s="114">
        <v>12772317</v>
      </c>
      <c r="CG11" s="114">
        <v>12402323</v>
      </c>
      <c r="CH11" s="114">
        <v>8450912</v>
      </c>
      <c r="CI11" s="114">
        <v>7425404</v>
      </c>
      <c r="CJ11" s="114">
        <v>3253579</v>
      </c>
      <c r="CK11" s="113">
        <v>44304535</v>
      </c>
      <c r="CL11" s="116">
        <v>44912559</v>
      </c>
      <c r="CM11" s="110">
        <v>0</v>
      </c>
      <c r="CN11" s="114">
        <v>0</v>
      </c>
      <c r="CO11" s="113">
        <v>0</v>
      </c>
      <c r="CP11" s="111">
        <v>0</v>
      </c>
      <c r="CQ11" s="114">
        <v>10670522</v>
      </c>
      <c r="CR11" s="114">
        <v>9266072</v>
      </c>
      <c r="CS11" s="114">
        <v>6018506</v>
      </c>
      <c r="CT11" s="114">
        <v>4581335</v>
      </c>
      <c r="CU11" s="114">
        <v>2559905</v>
      </c>
      <c r="CV11" s="113">
        <v>33096340</v>
      </c>
      <c r="CW11" s="116">
        <v>33096340</v>
      </c>
      <c r="CX11" s="110">
        <v>191177</v>
      </c>
      <c r="CY11" s="114">
        <v>416847</v>
      </c>
      <c r="CZ11" s="113">
        <v>608024</v>
      </c>
      <c r="DA11" s="110">
        <v>0</v>
      </c>
      <c r="DB11" s="114">
        <v>2101795</v>
      </c>
      <c r="DC11" s="114">
        <v>3136251</v>
      </c>
      <c r="DD11" s="114">
        <v>2432406</v>
      </c>
      <c r="DE11" s="114">
        <v>2844069</v>
      </c>
      <c r="DF11" s="114">
        <v>693674</v>
      </c>
      <c r="DG11" s="113">
        <v>11208195</v>
      </c>
      <c r="DH11" s="116">
        <v>11816219</v>
      </c>
      <c r="DI11" s="110">
        <v>43411</v>
      </c>
      <c r="DJ11" s="114">
        <v>22817</v>
      </c>
      <c r="DK11" s="112">
        <v>66228</v>
      </c>
      <c r="DL11" s="111">
        <v>0</v>
      </c>
      <c r="DM11" s="114">
        <v>1496661</v>
      </c>
      <c r="DN11" s="114">
        <v>1548890</v>
      </c>
      <c r="DO11" s="114">
        <v>4075397</v>
      </c>
      <c r="DP11" s="114">
        <v>3041004</v>
      </c>
      <c r="DQ11" s="114">
        <v>1600502</v>
      </c>
      <c r="DR11" s="113">
        <v>11762454</v>
      </c>
      <c r="DS11" s="116">
        <v>11828682</v>
      </c>
      <c r="DT11" s="110">
        <v>43411</v>
      </c>
      <c r="DU11" s="114">
        <v>22817</v>
      </c>
      <c r="DV11" s="113">
        <v>66228</v>
      </c>
      <c r="DW11" s="110">
        <v>0</v>
      </c>
      <c r="DX11" s="114">
        <v>1257062</v>
      </c>
      <c r="DY11" s="114">
        <v>1060561</v>
      </c>
      <c r="DZ11" s="114">
        <v>3423124</v>
      </c>
      <c r="EA11" s="114">
        <v>2123416</v>
      </c>
      <c r="EB11" s="114">
        <v>1160622</v>
      </c>
      <c r="EC11" s="113">
        <v>9024785</v>
      </c>
      <c r="ED11" s="116">
        <v>9091013</v>
      </c>
      <c r="EE11" s="110">
        <v>0</v>
      </c>
      <c r="EF11" s="112">
        <v>0</v>
      </c>
      <c r="EG11" s="113">
        <v>0</v>
      </c>
      <c r="EH11" s="110">
        <v>0</v>
      </c>
      <c r="EI11" s="114">
        <v>239599</v>
      </c>
      <c r="EJ11" s="114">
        <v>488329</v>
      </c>
      <c r="EK11" s="114">
        <v>652273</v>
      </c>
      <c r="EL11" s="114">
        <v>917588</v>
      </c>
      <c r="EM11" s="114">
        <v>439880</v>
      </c>
      <c r="EN11" s="112">
        <v>2737669</v>
      </c>
      <c r="EO11" s="116">
        <v>2737669</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5"/>
      <c r="FE11" s="114">
        <v>0</v>
      </c>
      <c r="FF11" s="114">
        <v>0</v>
      </c>
      <c r="FG11" s="114">
        <v>0</v>
      </c>
      <c r="FH11" s="114">
        <v>0</v>
      </c>
      <c r="FI11" s="114">
        <v>0</v>
      </c>
      <c r="FJ11" s="113">
        <v>0</v>
      </c>
      <c r="FK11" s="116">
        <v>0</v>
      </c>
      <c r="FL11" s="110">
        <v>858550</v>
      </c>
      <c r="FM11" s="114">
        <v>1286567</v>
      </c>
      <c r="FN11" s="113">
        <v>2145117</v>
      </c>
      <c r="FO11" s="110">
        <v>0</v>
      </c>
      <c r="FP11" s="114">
        <v>2421566</v>
      </c>
      <c r="FQ11" s="114">
        <v>4417840</v>
      </c>
      <c r="FR11" s="114">
        <v>4072465</v>
      </c>
      <c r="FS11" s="114">
        <v>3793657</v>
      </c>
      <c r="FT11" s="114">
        <v>2231660</v>
      </c>
      <c r="FU11" s="113">
        <v>16937188</v>
      </c>
      <c r="FV11" s="116">
        <v>19082305</v>
      </c>
      <c r="FW11" s="115">
        <v>427840</v>
      </c>
      <c r="FX11" s="114">
        <v>825363</v>
      </c>
      <c r="FY11" s="112">
        <v>1253203</v>
      </c>
      <c r="FZ11" s="111">
        <v>0</v>
      </c>
      <c r="GA11" s="114">
        <v>2163588</v>
      </c>
      <c r="GB11" s="114">
        <v>3912566</v>
      </c>
      <c r="GC11" s="114">
        <v>3720360</v>
      </c>
      <c r="GD11" s="114">
        <v>3420382</v>
      </c>
      <c r="GE11" s="114">
        <v>2186905</v>
      </c>
      <c r="GF11" s="113">
        <v>15403801</v>
      </c>
      <c r="GG11" s="316">
        <v>16657004</v>
      </c>
      <c r="GH11" s="115">
        <v>20020</v>
      </c>
      <c r="GI11" s="114">
        <v>102594</v>
      </c>
      <c r="GJ11" s="112">
        <v>122614</v>
      </c>
      <c r="GK11" s="111">
        <v>0</v>
      </c>
      <c r="GL11" s="114">
        <v>164808</v>
      </c>
      <c r="GM11" s="114">
        <v>226268</v>
      </c>
      <c r="GN11" s="114">
        <v>212748</v>
      </c>
      <c r="GO11" s="114">
        <v>153475</v>
      </c>
      <c r="GP11" s="114">
        <v>44755</v>
      </c>
      <c r="GQ11" s="113">
        <v>802054</v>
      </c>
      <c r="GR11" s="116">
        <v>924668</v>
      </c>
      <c r="GS11" s="110">
        <v>410690</v>
      </c>
      <c r="GT11" s="114">
        <v>358610</v>
      </c>
      <c r="GU11" s="113">
        <v>769300</v>
      </c>
      <c r="GV11" s="110">
        <v>0</v>
      </c>
      <c r="GW11" s="114">
        <v>93170</v>
      </c>
      <c r="GX11" s="114">
        <v>279006</v>
      </c>
      <c r="GY11" s="114">
        <v>139357</v>
      </c>
      <c r="GZ11" s="114">
        <v>219800</v>
      </c>
      <c r="HA11" s="114">
        <v>0</v>
      </c>
      <c r="HB11" s="112">
        <v>731333</v>
      </c>
      <c r="HC11" s="116">
        <v>1500633</v>
      </c>
      <c r="HD11" s="110">
        <v>1659287</v>
      </c>
      <c r="HE11" s="114">
        <v>1743203</v>
      </c>
      <c r="HF11" s="112">
        <v>3402490</v>
      </c>
      <c r="HG11" s="111">
        <v>0</v>
      </c>
      <c r="HH11" s="114">
        <v>15489555</v>
      </c>
      <c r="HI11" s="114">
        <v>12305211</v>
      </c>
      <c r="HJ11" s="114">
        <v>15587565</v>
      </c>
      <c r="HK11" s="114">
        <v>22956388</v>
      </c>
      <c r="HL11" s="114">
        <v>13045795</v>
      </c>
      <c r="HM11" s="113">
        <v>79384514</v>
      </c>
      <c r="HN11" s="109">
        <v>82787004</v>
      </c>
      <c r="HO11" s="326"/>
      <c r="HP11" s="327"/>
      <c r="HQ11" s="328"/>
      <c r="HR11" s="329"/>
      <c r="HS11" s="327"/>
      <c r="HT11" s="327"/>
      <c r="HU11" s="327"/>
      <c r="HV11" s="327"/>
      <c r="HW11" s="327"/>
      <c r="HX11" s="330"/>
      <c r="HY11" s="331"/>
      <c r="HZ11" s="131">
        <v>71307</v>
      </c>
      <c r="IA11" s="132">
        <v>266016</v>
      </c>
      <c r="IB11" s="133">
        <v>337323</v>
      </c>
      <c r="IC11" s="146">
        <v>0</v>
      </c>
      <c r="ID11" s="132">
        <v>11558341</v>
      </c>
      <c r="IE11" s="147">
        <v>12151642</v>
      </c>
      <c r="IF11" s="133">
        <v>18822670</v>
      </c>
      <c r="IG11" s="132">
        <v>10371531</v>
      </c>
      <c r="IH11" s="133">
        <v>9289636</v>
      </c>
      <c r="II11" s="148">
        <v>62193820</v>
      </c>
      <c r="IJ11" s="139">
        <v>62531143</v>
      </c>
      <c r="IK11" s="232">
        <v>0</v>
      </c>
      <c r="IL11" s="236">
        <v>0</v>
      </c>
      <c r="IM11" s="237">
        <v>0</v>
      </c>
      <c r="IN11" s="140"/>
      <c r="IO11" s="119">
        <v>557350</v>
      </c>
      <c r="IP11" s="119">
        <v>614130</v>
      </c>
      <c r="IQ11" s="119">
        <v>1142777</v>
      </c>
      <c r="IR11" s="119">
        <v>1122145</v>
      </c>
      <c r="IS11" s="119">
        <v>1458593</v>
      </c>
      <c r="IT11" s="141">
        <v>4894995</v>
      </c>
      <c r="IU11" s="318">
        <v>4894995</v>
      </c>
      <c r="IV11" s="142">
        <v>0</v>
      </c>
      <c r="IW11" s="119">
        <v>0</v>
      </c>
      <c r="IX11" s="120">
        <v>0</v>
      </c>
      <c r="IY11" s="144"/>
      <c r="IZ11" s="119">
        <v>63266</v>
      </c>
      <c r="JA11" s="119">
        <v>77759</v>
      </c>
      <c r="JB11" s="119">
        <v>255284</v>
      </c>
      <c r="JC11" s="119">
        <v>134278</v>
      </c>
      <c r="JD11" s="119">
        <v>195203</v>
      </c>
      <c r="JE11" s="120">
        <v>725790</v>
      </c>
      <c r="JF11" s="121">
        <v>725790</v>
      </c>
      <c r="JG11" s="142">
        <v>0</v>
      </c>
      <c r="JH11" s="119">
        <v>0</v>
      </c>
      <c r="JI11" s="141">
        <v>0</v>
      </c>
      <c r="JJ11" s="118">
        <v>0</v>
      </c>
      <c r="JK11" s="119">
        <v>4647239</v>
      </c>
      <c r="JL11" s="119">
        <v>3392639</v>
      </c>
      <c r="JM11" s="119">
        <v>3088311</v>
      </c>
      <c r="JN11" s="119">
        <v>1325221</v>
      </c>
      <c r="JO11" s="119">
        <v>673726</v>
      </c>
      <c r="JP11" s="120">
        <v>13127136</v>
      </c>
      <c r="JQ11" s="318">
        <v>13127136</v>
      </c>
      <c r="JR11" s="142">
        <v>0</v>
      </c>
      <c r="JS11" s="119">
        <v>0</v>
      </c>
      <c r="JT11" s="141">
        <v>0</v>
      </c>
      <c r="JU11" s="118">
        <v>0</v>
      </c>
      <c r="JV11" s="119">
        <v>948014</v>
      </c>
      <c r="JW11" s="119">
        <v>1486226</v>
      </c>
      <c r="JX11" s="119">
        <v>2189683</v>
      </c>
      <c r="JY11" s="119">
        <v>363645</v>
      </c>
      <c r="JZ11" s="119">
        <v>543146</v>
      </c>
      <c r="KA11" s="120">
        <v>5530714</v>
      </c>
      <c r="KB11" s="318">
        <v>5530714</v>
      </c>
      <c r="KC11" s="234">
        <v>71307</v>
      </c>
      <c r="KD11" s="230">
        <v>266016</v>
      </c>
      <c r="KE11" s="120">
        <v>337323</v>
      </c>
      <c r="KF11" s="118">
        <v>0</v>
      </c>
      <c r="KG11" s="119">
        <v>1741964</v>
      </c>
      <c r="KH11" s="119">
        <v>775243</v>
      </c>
      <c r="KI11" s="119">
        <v>1424611</v>
      </c>
      <c r="KJ11" s="119">
        <v>658309</v>
      </c>
      <c r="KK11" s="119">
        <v>683541</v>
      </c>
      <c r="KL11" s="120">
        <v>5283668</v>
      </c>
      <c r="KM11" s="143">
        <v>5620991</v>
      </c>
      <c r="KN11" s="232">
        <v>0</v>
      </c>
      <c r="KO11" s="236">
        <v>0</v>
      </c>
      <c r="KP11" s="237">
        <v>0</v>
      </c>
      <c r="KQ11" s="140"/>
      <c r="KR11" s="119">
        <v>3152789</v>
      </c>
      <c r="KS11" s="119">
        <v>4698793</v>
      </c>
      <c r="KT11" s="119">
        <v>6671744</v>
      </c>
      <c r="KU11" s="119">
        <v>4658686</v>
      </c>
      <c r="KV11" s="119">
        <v>3109971</v>
      </c>
      <c r="KW11" s="120">
        <v>22291983</v>
      </c>
      <c r="KX11" s="318">
        <v>22291983</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98517</v>
      </c>
      <c r="LO11" s="119">
        <v>0</v>
      </c>
      <c r="LP11" s="119">
        <v>2371097</v>
      </c>
      <c r="LQ11" s="119">
        <v>1020324</v>
      </c>
      <c r="LR11" s="119">
        <v>855191</v>
      </c>
      <c r="LS11" s="120">
        <v>4445129</v>
      </c>
      <c r="LT11" s="318">
        <v>4445129</v>
      </c>
      <c r="LU11" s="142">
        <v>0</v>
      </c>
      <c r="LV11" s="119">
        <v>0</v>
      </c>
      <c r="LW11" s="120">
        <v>0</v>
      </c>
      <c r="LX11" s="145"/>
      <c r="LY11" s="119">
        <v>249202</v>
      </c>
      <c r="LZ11" s="119">
        <v>1106852</v>
      </c>
      <c r="MA11" s="119">
        <v>1679163</v>
      </c>
      <c r="MB11" s="119">
        <v>1088923</v>
      </c>
      <c r="MC11" s="119">
        <v>1770265</v>
      </c>
      <c r="MD11" s="120">
        <v>5894405</v>
      </c>
      <c r="ME11" s="121">
        <v>5894405</v>
      </c>
      <c r="MF11" s="142">
        <v>0</v>
      </c>
      <c r="MG11" s="119">
        <v>0</v>
      </c>
      <c r="MH11" s="120">
        <v>0</v>
      </c>
      <c r="MI11" s="145"/>
      <c r="MJ11" s="119">
        <v>1543214</v>
      </c>
      <c r="MK11" s="119">
        <v>3255868</v>
      </c>
      <c r="ML11" s="119">
        <v>11683974</v>
      </c>
      <c r="MM11" s="119">
        <v>24551609</v>
      </c>
      <c r="MN11" s="119">
        <v>17249068</v>
      </c>
      <c r="MO11" s="120">
        <v>58283733</v>
      </c>
      <c r="MP11" s="143">
        <v>58283733</v>
      </c>
      <c r="MQ11" s="142">
        <v>0</v>
      </c>
      <c r="MR11" s="119">
        <v>0</v>
      </c>
      <c r="MS11" s="120">
        <v>0</v>
      </c>
      <c r="MT11" s="145"/>
      <c r="MU11" s="119">
        <v>178714</v>
      </c>
      <c r="MV11" s="119">
        <v>412110</v>
      </c>
      <c r="MW11" s="119">
        <v>6703127</v>
      </c>
      <c r="MX11" s="119">
        <v>12083262</v>
      </c>
      <c r="MY11" s="119">
        <v>9362632</v>
      </c>
      <c r="MZ11" s="120">
        <v>28739845</v>
      </c>
      <c r="NA11" s="143">
        <v>28739845</v>
      </c>
      <c r="NB11" s="142">
        <v>0</v>
      </c>
      <c r="NC11" s="119">
        <v>0</v>
      </c>
      <c r="ND11" s="120">
        <v>0</v>
      </c>
      <c r="NE11" s="145"/>
      <c r="NF11" s="119">
        <v>1364500</v>
      </c>
      <c r="NG11" s="119">
        <v>2843758</v>
      </c>
      <c r="NH11" s="119">
        <v>4980847</v>
      </c>
      <c r="NI11" s="119">
        <v>10505319</v>
      </c>
      <c r="NJ11" s="119">
        <v>5696163</v>
      </c>
      <c r="NK11" s="120">
        <v>25390587</v>
      </c>
      <c r="NL11" s="318">
        <v>25390587</v>
      </c>
      <c r="NM11" s="142">
        <v>0</v>
      </c>
      <c r="NN11" s="119">
        <v>0</v>
      </c>
      <c r="NO11" s="120">
        <v>0</v>
      </c>
      <c r="NP11" s="145"/>
      <c r="NQ11" s="119">
        <v>0</v>
      </c>
      <c r="NR11" s="119">
        <v>0</v>
      </c>
      <c r="NS11" s="119">
        <v>0</v>
      </c>
      <c r="NT11" s="119">
        <v>1388624</v>
      </c>
      <c r="NU11" s="119">
        <v>1505003</v>
      </c>
      <c r="NV11" s="120">
        <v>2893627</v>
      </c>
      <c r="NW11" s="121">
        <v>2893627</v>
      </c>
      <c r="NX11" s="142">
        <v>0</v>
      </c>
      <c r="NY11" s="119">
        <v>0</v>
      </c>
      <c r="NZ11" s="120">
        <v>0</v>
      </c>
      <c r="OA11" s="145"/>
      <c r="OB11" s="119">
        <v>0</v>
      </c>
      <c r="OC11" s="119">
        <v>0</v>
      </c>
      <c r="OD11" s="119">
        <v>0</v>
      </c>
      <c r="OE11" s="119">
        <v>574404</v>
      </c>
      <c r="OF11" s="119">
        <v>685270</v>
      </c>
      <c r="OG11" s="120">
        <v>1259674</v>
      </c>
      <c r="OH11" s="121">
        <v>1259674</v>
      </c>
      <c r="OI11" s="142">
        <v>4045247</v>
      </c>
      <c r="OJ11" s="119">
        <v>6255589</v>
      </c>
      <c r="OK11" s="141">
        <v>10300836</v>
      </c>
      <c r="OL11" s="118">
        <v>0</v>
      </c>
      <c r="OM11" s="119">
        <v>62471832</v>
      </c>
      <c r="ON11" s="119">
        <v>63788820</v>
      </c>
      <c r="OO11" s="119">
        <v>80437693</v>
      </c>
      <c r="OP11" s="119">
        <v>94727399</v>
      </c>
      <c r="OQ11" s="119">
        <v>65389855</v>
      </c>
      <c r="OR11" s="120">
        <v>366815599</v>
      </c>
      <c r="OS11" s="143">
        <v>377116435</v>
      </c>
    </row>
    <row r="12" spans="2:409" ht="21" customHeight="1" x14ac:dyDescent="0.2">
      <c r="B12" s="126" t="s">
        <v>14</v>
      </c>
      <c r="C12" s="110">
        <v>923483</v>
      </c>
      <c r="D12" s="114">
        <v>2615077</v>
      </c>
      <c r="E12" s="113">
        <v>3538560</v>
      </c>
      <c r="F12" s="109">
        <v>0</v>
      </c>
      <c r="G12" s="114">
        <v>13583053</v>
      </c>
      <c r="H12" s="114">
        <v>22013247</v>
      </c>
      <c r="I12" s="114">
        <v>21161207</v>
      </c>
      <c r="J12" s="114">
        <v>18719748</v>
      </c>
      <c r="K12" s="114">
        <v>13540967</v>
      </c>
      <c r="L12" s="112">
        <v>89018222</v>
      </c>
      <c r="M12" s="116">
        <v>92556782</v>
      </c>
      <c r="N12" s="110">
        <v>165520</v>
      </c>
      <c r="O12" s="114">
        <v>973381</v>
      </c>
      <c r="P12" s="113">
        <v>1138901</v>
      </c>
      <c r="Q12" s="110">
        <v>0</v>
      </c>
      <c r="R12" s="114">
        <v>3133326</v>
      </c>
      <c r="S12" s="114">
        <v>7156100</v>
      </c>
      <c r="T12" s="114">
        <v>6933609</v>
      </c>
      <c r="U12" s="114">
        <v>7466304</v>
      </c>
      <c r="V12" s="114">
        <v>6990491</v>
      </c>
      <c r="W12" s="113">
        <v>31679830</v>
      </c>
      <c r="X12" s="116">
        <v>32818731</v>
      </c>
      <c r="Y12" s="110">
        <v>0</v>
      </c>
      <c r="Z12" s="114">
        <v>0</v>
      </c>
      <c r="AA12" s="113">
        <v>0</v>
      </c>
      <c r="AB12" s="110">
        <v>0</v>
      </c>
      <c r="AC12" s="114">
        <v>1508097</v>
      </c>
      <c r="AD12" s="114">
        <v>2799138</v>
      </c>
      <c r="AE12" s="114">
        <v>3501267</v>
      </c>
      <c r="AF12" s="114">
        <v>4153263</v>
      </c>
      <c r="AG12" s="114">
        <v>3570526</v>
      </c>
      <c r="AH12" s="113">
        <v>15532291</v>
      </c>
      <c r="AI12" s="116">
        <v>15532291</v>
      </c>
      <c r="AJ12" s="110">
        <v>0</v>
      </c>
      <c r="AK12" s="114">
        <v>0</v>
      </c>
      <c r="AL12" s="113">
        <v>0</v>
      </c>
      <c r="AM12" s="110">
        <v>0</v>
      </c>
      <c r="AN12" s="114">
        <v>0</v>
      </c>
      <c r="AO12" s="114">
        <v>54067</v>
      </c>
      <c r="AP12" s="114">
        <v>293980</v>
      </c>
      <c r="AQ12" s="114">
        <v>545526</v>
      </c>
      <c r="AR12" s="114">
        <v>1001021</v>
      </c>
      <c r="AS12" s="113">
        <v>1894594</v>
      </c>
      <c r="AT12" s="116">
        <v>1894594</v>
      </c>
      <c r="AU12" s="110">
        <v>87253</v>
      </c>
      <c r="AV12" s="114">
        <v>633973</v>
      </c>
      <c r="AW12" s="113">
        <v>721226</v>
      </c>
      <c r="AX12" s="110">
        <v>0</v>
      </c>
      <c r="AY12" s="114">
        <v>752271</v>
      </c>
      <c r="AZ12" s="114">
        <v>3089826</v>
      </c>
      <c r="BA12" s="114">
        <v>1919770</v>
      </c>
      <c r="BB12" s="114">
        <v>1728906</v>
      </c>
      <c r="BC12" s="114">
        <v>1567562</v>
      </c>
      <c r="BD12" s="113">
        <v>9058335</v>
      </c>
      <c r="BE12" s="116">
        <v>9779561</v>
      </c>
      <c r="BF12" s="110">
        <v>0</v>
      </c>
      <c r="BG12" s="114">
        <v>107309</v>
      </c>
      <c r="BH12" s="112">
        <v>107309</v>
      </c>
      <c r="BI12" s="111">
        <v>0</v>
      </c>
      <c r="BJ12" s="114">
        <v>63261</v>
      </c>
      <c r="BK12" s="114">
        <v>200323</v>
      </c>
      <c r="BL12" s="114">
        <v>179813</v>
      </c>
      <c r="BM12" s="114">
        <v>98314</v>
      </c>
      <c r="BN12" s="114">
        <v>18200</v>
      </c>
      <c r="BO12" s="113">
        <v>559911</v>
      </c>
      <c r="BP12" s="116">
        <v>667220</v>
      </c>
      <c r="BQ12" s="110">
        <v>78267</v>
      </c>
      <c r="BR12" s="114">
        <v>232099</v>
      </c>
      <c r="BS12" s="113">
        <v>310366</v>
      </c>
      <c r="BT12" s="110">
        <v>0</v>
      </c>
      <c r="BU12" s="114">
        <v>809697</v>
      </c>
      <c r="BV12" s="114">
        <v>1012746</v>
      </c>
      <c r="BW12" s="114">
        <v>1038779</v>
      </c>
      <c r="BX12" s="114">
        <v>940295</v>
      </c>
      <c r="BY12" s="114">
        <v>833182</v>
      </c>
      <c r="BZ12" s="113">
        <v>4634699</v>
      </c>
      <c r="CA12" s="116">
        <v>4945065</v>
      </c>
      <c r="CB12" s="110">
        <v>55178</v>
      </c>
      <c r="CC12" s="114">
        <v>128701</v>
      </c>
      <c r="CD12" s="113">
        <v>183879</v>
      </c>
      <c r="CE12" s="110">
        <v>0</v>
      </c>
      <c r="CF12" s="114">
        <v>4374646</v>
      </c>
      <c r="CG12" s="114">
        <v>6638709</v>
      </c>
      <c r="CH12" s="114">
        <v>5513753</v>
      </c>
      <c r="CI12" s="114">
        <v>2460115</v>
      </c>
      <c r="CJ12" s="114">
        <v>1131724</v>
      </c>
      <c r="CK12" s="113">
        <v>20118947</v>
      </c>
      <c r="CL12" s="116">
        <v>20302826</v>
      </c>
      <c r="CM12" s="110">
        <v>0</v>
      </c>
      <c r="CN12" s="114">
        <v>0</v>
      </c>
      <c r="CO12" s="113">
        <v>0</v>
      </c>
      <c r="CP12" s="111">
        <v>0</v>
      </c>
      <c r="CQ12" s="114">
        <v>4097508</v>
      </c>
      <c r="CR12" s="114">
        <v>5609671</v>
      </c>
      <c r="CS12" s="114">
        <v>4542946</v>
      </c>
      <c r="CT12" s="114">
        <v>1857385</v>
      </c>
      <c r="CU12" s="114">
        <v>1131724</v>
      </c>
      <c r="CV12" s="113">
        <v>17239234</v>
      </c>
      <c r="CW12" s="116">
        <v>17239234</v>
      </c>
      <c r="CX12" s="110">
        <v>55178</v>
      </c>
      <c r="CY12" s="114">
        <v>128701</v>
      </c>
      <c r="CZ12" s="113">
        <v>183879</v>
      </c>
      <c r="DA12" s="110">
        <v>0</v>
      </c>
      <c r="DB12" s="114">
        <v>277138</v>
      </c>
      <c r="DC12" s="114">
        <v>1029038</v>
      </c>
      <c r="DD12" s="114">
        <v>970807</v>
      </c>
      <c r="DE12" s="114">
        <v>602730</v>
      </c>
      <c r="DF12" s="114">
        <v>0</v>
      </c>
      <c r="DG12" s="113">
        <v>2879713</v>
      </c>
      <c r="DH12" s="116">
        <v>3063592</v>
      </c>
      <c r="DI12" s="110">
        <v>0</v>
      </c>
      <c r="DJ12" s="114">
        <v>25512</v>
      </c>
      <c r="DK12" s="112">
        <v>25512</v>
      </c>
      <c r="DL12" s="111">
        <v>0</v>
      </c>
      <c r="DM12" s="114">
        <v>364116</v>
      </c>
      <c r="DN12" s="114">
        <v>1413950</v>
      </c>
      <c r="DO12" s="114">
        <v>1684692</v>
      </c>
      <c r="DP12" s="114">
        <v>2273186</v>
      </c>
      <c r="DQ12" s="114">
        <v>774117</v>
      </c>
      <c r="DR12" s="113">
        <v>6510061</v>
      </c>
      <c r="DS12" s="116">
        <v>6535573</v>
      </c>
      <c r="DT12" s="110">
        <v>0</v>
      </c>
      <c r="DU12" s="114">
        <v>25512</v>
      </c>
      <c r="DV12" s="113">
        <v>25512</v>
      </c>
      <c r="DW12" s="110">
        <v>0</v>
      </c>
      <c r="DX12" s="114">
        <v>364116</v>
      </c>
      <c r="DY12" s="114">
        <v>1339519</v>
      </c>
      <c r="DZ12" s="114">
        <v>1594151</v>
      </c>
      <c r="EA12" s="114">
        <v>2214170</v>
      </c>
      <c r="EB12" s="114">
        <v>774117</v>
      </c>
      <c r="EC12" s="113">
        <v>6286073</v>
      </c>
      <c r="ED12" s="116">
        <v>6311585</v>
      </c>
      <c r="EE12" s="110">
        <v>0</v>
      </c>
      <c r="EF12" s="112">
        <v>0</v>
      </c>
      <c r="EG12" s="113">
        <v>0</v>
      </c>
      <c r="EH12" s="110">
        <v>0</v>
      </c>
      <c r="EI12" s="114">
        <v>0</v>
      </c>
      <c r="EJ12" s="114">
        <v>74431</v>
      </c>
      <c r="EK12" s="114">
        <v>90541</v>
      </c>
      <c r="EL12" s="114">
        <v>59016</v>
      </c>
      <c r="EM12" s="114">
        <v>0</v>
      </c>
      <c r="EN12" s="112">
        <v>223988</v>
      </c>
      <c r="EO12" s="116">
        <v>223988</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5"/>
      <c r="FE12" s="114">
        <v>0</v>
      </c>
      <c r="FF12" s="114">
        <v>0</v>
      </c>
      <c r="FG12" s="114">
        <v>0</v>
      </c>
      <c r="FH12" s="114">
        <v>0</v>
      </c>
      <c r="FI12" s="114">
        <v>0</v>
      </c>
      <c r="FJ12" s="113">
        <v>0</v>
      </c>
      <c r="FK12" s="116">
        <v>0</v>
      </c>
      <c r="FL12" s="110">
        <v>296933</v>
      </c>
      <c r="FM12" s="114">
        <v>716400</v>
      </c>
      <c r="FN12" s="113">
        <v>1013333</v>
      </c>
      <c r="FO12" s="110">
        <v>0</v>
      </c>
      <c r="FP12" s="114">
        <v>576917</v>
      </c>
      <c r="FQ12" s="114">
        <v>2489477</v>
      </c>
      <c r="FR12" s="114">
        <v>1853089</v>
      </c>
      <c r="FS12" s="114">
        <v>1504042</v>
      </c>
      <c r="FT12" s="114">
        <v>1163204</v>
      </c>
      <c r="FU12" s="113">
        <v>7586729</v>
      </c>
      <c r="FV12" s="116">
        <v>8600062</v>
      </c>
      <c r="FW12" s="115">
        <v>146783</v>
      </c>
      <c r="FX12" s="114">
        <v>492870</v>
      </c>
      <c r="FY12" s="112">
        <v>639653</v>
      </c>
      <c r="FZ12" s="111">
        <v>0</v>
      </c>
      <c r="GA12" s="114">
        <v>426657</v>
      </c>
      <c r="GB12" s="114">
        <v>1912155</v>
      </c>
      <c r="GC12" s="114">
        <v>1595139</v>
      </c>
      <c r="GD12" s="114">
        <v>1273581</v>
      </c>
      <c r="GE12" s="114">
        <v>1021104</v>
      </c>
      <c r="GF12" s="113">
        <v>6228636</v>
      </c>
      <c r="GG12" s="316">
        <v>6868289</v>
      </c>
      <c r="GH12" s="115">
        <v>0</v>
      </c>
      <c r="GI12" s="114">
        <v>81077</v>
      </c>
      <c r="GJ12" s="112">
        <v>81077</v>
      </c>
      <c r="GK12" s="111">
        <v>0</v>
      </c>
      <c r="GL12" s="114">
        <v>28000</v>
      </c>
      <c r="GM12" s="114">
        <v>67232</v>
      </c>
      <c r="GN12" s="114">
        <v>65450</v>
      </c>
      <c r="GO12" s="114">
        <v>153475</v>
      </c>
      <c r="GP12" s="114">
        <v>70000</v>
      </c>
      <c r="GQ12" s="113">
        <v>384157</v>
      </c>
      <c r="GR12" s="116">
        <v>465234</v>
      </c>
      <c r="GS12" s="110">
        <v>150150</v>
      </c>
      <c r="GT12" s="114">
        <v>142453</v>
      </c>
      <c r="GU12" s="113">
        <v>292603</v>
      </c>
      <c r="GV12" s="110">
        <v>0</v>
      </c>
      <c r="GW12" s="114">
        <v>122260</v>
      </c>
      <c r="GX12" s="114">
        <v>510090</v>
      </c>
      <c r="GY12" s="114">
        <v>192500</v>
      </c>
      <c r="GZ12" s="114">
        <v>76986</v>
      </c>
      <c r="HA12" s="114">
        <v>72100</v>
      </c>
      <c r="HB12" s="112">
        <v>973936</v>
      </c>
      <c r="HC12" s="116">
        <v>1266539</v>
      </c>
      <c r="HD12" s="110">
        <v>405852</v>
      </c>
      <c r="HE12" s="114">
        <v>771083</v>
      </c>
      <c r="HF12" s="112">
        <v>1176935</v>
      </c>
      <c r="HG12" s="111">
        <v>0</v>
      </c>
      <c r="HH12" s="114">
        <v>5134048</v>
      </c>
      <c r="HI12" s="114">
        <v>4315011</v>
      </c>
      <c r="HJ12" s="114">
        <v>5176064</v>
      </c>
      <c r="HK12" s="114">
        <v>5016101</v>
      </c>
      <c r="HL12" s="114">
        <v>3481431</v>
      </c>
      <c r="HM12" s="113">
        <v>23122655</v>
      </c>
      <c r="HN12" s="109">
        <v>24299590</v>
      </c>
      <c r="HO12" s="326"/>
      <c r="HP12" s="327"/>
      <c r="HQ12" s="328"/>
      <c r="HR12" s="329"/>
      <c r="HS12" s="327"/>
      <c r="HT12" s="327"/>
      <c r="HU12" s="327"/>
      <c r="HV12" s="327"/>
      <c r="HW12" s="327"/>
      <c r="HX12" s="330"/>
      <c r="HY12" s="331"/>
      <c r="HZ12" s="131">
        <v>0</v>
      </c>
      <c r="IA12" s="132">
        <v>67075</v>
      </c>
      <c r="IB12" s="133">
        <v>67075</v>
      </c>
      <c r="IC12" s="134">
        <v>0</v>
      </c>
      <c r="ID12" s="135">
        <v>3506319</v>
      </c>
      <c r="IE12" s="136">
        <v>4798371</v>
      </c>
      <c r="IF12" s="137">
        <v>5740447</v>
      </c>
      <c r="IG12" s="135">
        <v>2828018</v>
      </c>
      <c r="IH12" s="137">
        <v>2043123</v>
      </c>
      <c r="II12" s="138">
        <v>18916278</v>
      </c>
      <c r="IJ12" s="139">
        <v>18983353</v>
      </c>
      <c r="IK12" s="232">
        <v>0</v>
      </c>
      <c r="IL12" s="236">
        <v>0</v>
      </c>
      <c r="IM12" s="237">
        <v>0</v>
      </c>
      <c r="IN12" s="140"/>
      <c r="IO12" s="119">
        <v>50820</v>
      </c>
      <c r="IP12" s="119">
        <v>171988</v>
      </c>
      <c r="IQ12" s="119">
        <v>0</v>
      </c>
      <c r="IR12" s="119">
        <v>259326</v>
      </c>
      <c r="IS12" s="119">
        <v>214034</v>
      </c>
      <c r="IT12" s="141">
        <v>696168</v>
      </c>
      <c r="IU12" s="318">
        <v>696168</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1597647</v>
      </c>
      <c r="JL12" s="119">
        <v>1868471</v>
      </c>
      <c r="JM12" s="119">
        <v>2107914</v>
      </c>
      <c r="JN12" s="119">
        <v>223903</v>
      </c>
      <c r="JO12" s="119">
        <v>259341</v>
      </c>
      <c r="JP12" s="120">
        <v>6057276</v>
      </c>
      <c r="JQ12" s="318">
        <v>6057276</v>
      </c>
      <c r="JR12" s="142">
        <v>0</v>
      </c>
      <c r="JS12" s="119">
        <v>0</v>
      </c>
      <c r="JT12" s="141">
        <v>0</v>
      </c>
      <c r="JU12" s="118">
        <v>0</v>
      </c>
      <c r="JV12" s="119">
        <v>0</v>
      </c>
      <c r="JW12" s="119">
        <v>114578</v>
      </c>
      <c r="JX12" s="119">
        <v>0</v>
      </c>
      <c r="JY12" s="119">
        <v>0</v>
      </c>
      <c r="JZ12" s="119">
        <v>24907</v>
      </c>
      <c r="KA12" s="120">
        <v>139485</v>
      </c>
      <c r="KB12" s="318">
        <v>139485</v>
      </c>
      <c r="KC12" s="234">
        <v>0</v>
      </c>
      <c r="KD12" s="230">
        <v>67075</v>
      </c>
      <c r="KE12" s="120">
        <v>67075</v>
      </c>
      <c r="KF12" s="118">
        <v>0</v>
      </c>
      <c r="KG12" s="119">
        <v>206307</v>
      </c>
      <c r="KH12" s="119">
        <v>1160811</v>
      </c>
      <c r="KI12" s="119">
        <v>736011</v>
      </c>
      <c r="KJ12" s="119">
        <v>487647</v>
      </c>
      <c r="KK12" s="119">
        <v>252491</v>
      </c>
      <c r="KL12" s="120">
        <v>2843267</v>
      </c>
      <c r="KM12" s="143">
        <v>2910342</v>
      </c>
      <c r="KN12" s="232">
        <v>0</v>
      </c>
      <c r="KO12" s="236">
        <v>0</v>
      </c>
      <c r="KP12" s="237">
        <v>0</v>
      </c>
      <c r="KQ12" s="140"/>
      <c r="KR12" s="119">
        <v>1522401</v>
      </c>
      <c r="KS12" s="119">
        <v>1300464</v>
      </c>
      <c r="KT12" s="119">
        <v>2696380</v>
      </c>
      <c r="KU12" s="119">
        <v>1605338</v>
      </c>
      <c r="KV12" s="119">
        <v>933646</v>
      </c>
      <c r="KW12" s="120">
        <v>8058229</v>
      </c>
      <c r="KX12" s="318">
        <v>8058229</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82059</v>
      </c>
      <c r="LP12" s="119">
        <v>200142</v>
      </c>
      <c r="LQ12" s="119">
        <v>0</v>
      </c>
      <c r="LR12" s="119">
        <v>0</v>
      </c>
      <c r="LS12" s="120">
        <v>382201</v>
      </c>
      <c r="LT12" s="318">
        <v>382201</v>
      </c>
      <c r="LU12" s="142">
        <v>0</v>
      </c>
      <c r="LV12" s="119">
        <v>0</v>
      </c>
      <c r="LW12" s="120">
        <v>0</v>
      </c>
      <c r="LX12" s="145"/>
      <c r="LY12" s="119">
        <v>129144</v>
      </c>
      <c r="LZ12" s="119">
        <v>0</v>
      </c>
      <c r="MA12" s="119">
        <v>0</v>
      </c>
      <c r="MB12" s="119">
        <v>251804</v>
      </c>
      <c r="MC12" s="119">
        <v>358704</v>
      </c>
      <c r="MD12" s="120">
        <v>739652</v>
      </c>
      <c r="ME12" s="121">
        <v>739652</v>
      </c>
      <c r="MF12" s="142">
        <v>0</v>
      </c>
      <c r="MG12" s="119">
        <v>0</v>
      </c>
      <c r="MH12" s="120">
        <v>0</v>
      </c>
      <c r="MI12" s="145"/>
      <c r="MJ12" s="119">
        <v>338685</v>
      </c>
      <c r="MK12" s="119">
        <v>1903941</v>
      </c>
      <c r="ML12" s="119">
        <v>5423136</v>
      </c>
      <c r="MM12" s="119">
        <v>12032356</v>
      </c>
      <c r="MN12" s="119">
        <v>7667596</v>
      </c>
      <c r="MO12" s="120">
        <v>27365714</v>
      </c>
      <c r="MP12" s="143">
        <v>27365714</v>
      </c>
      <c r="MQ12" s="142">
        <v>0</v>
      </c>
      <c r="MR12" s="119">
        <v>0</v>
      </c>
      <c r="MS12" s="120">
        <v>0</v>
      </c>
      <c r="MT12" s="145"/>
      <c r="MU12" s="119">
        <v>0</v>
      </c>
      <c r="MV12" s="119">
        <v>0</v>
      </c>
      <c r="MW12" s="119">
        <v>3400642</v>
      </c>
      <c r="MX12" s="119">
        <v>7809251</v>
      </c>
      <c r="MY12" s="119">
        <v>5475962</v>
      </c>
      <c r="MZ12" s="120">
        <v>16685855</v>
      </c>
      <c r="NA12" s="143">
        <v>16685855</v>
      </c>
      <c r="NB12" s="142">
        <v>0</v>
      </c>
      <c r="NC12" s="119">
        <v>0</v>
      </c>
      <c r="ND12" s="120">
        <v>0</v>
      </c>
      <c r="NE12" s="145"/>
      <c r="NF12" s="119">
        <v>338685</v>
      </c>
      <c r="NG12" s="119">
        <v>1903941</v>
      </c>
      <c r="NH12" s="119">
        <v>1739276</v>
      </c>
      <c r="NI12" s="119">
        <v>3702911</v>
      </c>
      <c r="NJ12" s="119">
        <v>1289050</v>
      </c>
      <c r="NK12" s="120">
        <v>8973863</v>
      </c>
      <c r="NL12" s="318">
        <v>8973863</v>
      </c>
      <c r="NM12" s="142">
        <v>0</v>
      </c>
      <c r="NN12" s="119">
        <v>0</v>
      </c>
      <c r="NO12" s="120">
        <v>0</v>
      </c>
      <c r="NP12" s="145"/>
      <c r="NQ12" s="119">
        <v>0</v>
      </c>
      <c r="NR12" s="119">
        <v>0</v>
      </c>
      <c r="NS12" s="119">
        <v>0</v>
      </c>
      <c r="NT12" s="119">
        <v>0</v>
      </c>
      <c r="NU12" s="119">
        <v>544524</v>
      </c>
      <c r="NV12" s="120">
        <v>544524</v>
      </c>
      <c r="NW12" s="121">
        <v>544524</v>
      </c>
      <c r="NX12" s="142">
        <v>0</v>
      </c>
      <c r="NY12" s="119">
        <v>0</v>
      </c>
      <c r="NZ12" s="120">
        <v>0</v>
      </c>
      <c r="OA12" s="145"/>
      <c r="OB12" s="119">
        <v>0</v>
      </c>
      <c r="OC12" s="119">
        <v>0</v>
      </c>
      <c r="OD12" s="119">
        <v>283218</v>
      </c>
      <c r="OE12" s="119">
        <v>520194</v>
      </c>
      <c r="OF12" s="119">
        <v>358060</v>
      </c>
      <c r="OG12" s="120">
        <v>1161472</v>
      </c>
      <c r="OH12" s="121">
        <v>1161472</v>
      </c>
      <c r="OI12" s="142">
        <v>923483</v>
      </c>
      <c r="OJ12" s="119">
        <v>2682152</v>
      </c>
      <c r="OK12" s="141">
        <v>3605635</v>
      </c>
      <c r="OL12" s="118">
        <v>0</v>
      </c>
      <c r="OM12" s="119">
        <v>17428057</v>
      </c>
      <c r="ON12" s="119">
        <v>28715559</v>
      </c>
      <c r="OO12" s="119">
        <v>32324790</v>
      </c>
      <c r="OP12" s="119">
        <v>33580122</v>
      </c>
      <c r="OQ12" s="119">
        <v>23251686</v>
      </c>
      <c r="OR12" s="120">
        <v>135300214</v>
      </c>
      <c r="OS12" s="143">
        <v>138905849</v>
      </c>
    </row>
    <row r="13" spans="2:409" ht="21" customHeight="1" x14ac:dyDescent="0.2">
      <c r="B13" s="126" t="s">
        <v>7</v>
      </c>
      <c r="C13" s="110">
        <v>724232</v>
      </c>
      <c r="D13" s="114">
        <v>764205</v>
      </c>
      <c r="E13" s="113">
        <v>1488437</v>
      </c>
      <c r="F13" s="109">
        <v>0</v>
      </c>
      <c r="G13" s="114">
        <v>11766423</v>
      </c>
      <c r="H13" s="114">
        <v>9031681</v>
      </c>
      <c r="I13" s="114">
        <v>9604741</v>
      </c>
      <c r="J13" s="114">
        <v>11497835</v>
      </c>
      <c r="K13" s="114">
        <v>5939337</v>
      </c>
      <c r="L13" s="109">
        <v>47840017</v>
      </c>
      <c r="M13" s="116">
        <v>49328454</v>
      </c>
      <c r="N13" s="110">
        <v>106424</v>
      </c>
      <c r="O13" s="114">
        <v>31920</v>
      </c>
      <c r="P13" s="113">
        <v>138344</v>
      </c>
      <c r="Q13" s="110">
        <v>0</v>
      </c>
      <c r="R13" s="114">
        <v>3816462</v>
      </c>
      <c r="S13" s="114">
        <v>2856127</v>
      </c>
      <c r="T13" s="114">
        <v>3065780</v>
      </c>
      <c r="U13" s="114">
        <v>3273203</v>
      </c>
      <c r="V13" s="114">
        <v>3286879</v>
      </c>
      <c r="W13" s="113">
        <v>16298451</v>
      </c>
      <c r="X13" s="116">
        <v>16436795</v>
      </c>
      <c r="Y13" s="110">
        <v>0</v>
      </c>
      <c r="Z13" s="114">
        <v>0</v>
      </c>
      <c r="AA13" s="113">
        <v>0</v>
      </c>
      <c r="AB13" s="110">
        <v>0</v>
      </c>
      <c r="AC13" s="114">
        <v>1777686</v>
      </c>
      <c r="AD13" s="114">
        <v>1082015</v>
      </c>
      <c r="AE13" s="114">
        <v>1474075</v>
      </c>
      <c r="AF13" s="114">
        <v>1519599</v>
      </c>
      <c r="AG13" s="114">
        <v>1696108</v>
      </c>
      <c r="AH13" s="113">
        <v>7549483</v>
      </c>
      <c r="AI13" s="116">
        <v>7549483</v>
      </c>
      <c r="AJ13" s="110">
        <v>0</v>
      </c>
      <c r="AK13" s="114">
        <v>0</v>
      </c>
      <c r="AL13" s="113">
        <v>0</v>
      </c>
      <c r="AM13" s="110">
        <v>0</v>
      </c>
      <c r="AN13" s="114">
        <v>51149</v>
      </c>
      <c r="AO13" s="114">
        <v>134597</v>
      </c>
      <c r="AP13" s="114">
        <v>90021</v>
      </c>
      <c r="AQ13" s="114">
        <v>178393</v>
      </c>
      <c r="AR13" s="114">
        <v>445612</v>
      </c>
      <c r="AS13" s="113">
        <v>899772</v>
      </c>
      <c r="AT13" s="116">
        <v>899772</v>
      </c>
      <c r="AU13" s="110">
        <v>0</v>
      </c>
      <c r="AV13" s="114">
        <v>0</v>
      </c>
      <c r="AW13" s="113">
        <v>0</v>
      </c>
      <c r="AX13" s="110">
        <v>0</v>
      </c>
      <c r="AY13" s="114">
        <v>1238952</v>
      </c>
      <c r="AZ13" s="114">
        <v>989704</v>
      </c>
      <c r="BA13" s="114">
        <v>926588</v>
      </c>
      <c r="BB13" s="114">
        <v>799717</v>
      </c>
      <c r="BC13" s="114">
        <v>888455</v>
      </c>
      <c r="BD13" s="113">
        <v>4843416</v>
      </c>
      <c r="BE13" s="116">
        <v>4843416</v>
      </c>
      <c r="BF13" s="110">
        <v>18196</v>
      </c>
      <c r="BG13" s="114">
        <v>0</v>
      </c>
      <c r="BH13" s="112">
        <v>18196</v>
      </c>
      <c r="BI13" s="111">
        <v>0</v>
      </c>
      <c r="BJ13" s="114">
        <v>122861</v>
      </c>
      <c r="BK13" s="114">
        <v>154631</v>
      </c>
      <c r="BL13" s="114">
        <v>23615</v>
      </c>
      <c r="BM13" s="114">
        <v>128246</v>
      </c>
      <c r="BN13" s="114">
        <v>0</v>
      </c>
      <c r="BO13" s="113">
        <v>429353</v>
      </c>
      <c r="BP13" s="116">
        <v>447549</v>
      </c>
      <c r="BQ13" s="110">
        <v>88228</v>
      </c>
      <c r="BR13" s="114">
        <v>31920</v>
      </c>
      <c r="BS13" s="113">
        <v>120148</v>
      </c>
      <c r="BT13" s="110">
        <v>0</v>
      </c>
      <c r="BU13" s="114">
        <v>625814</v>
      </c>
      <c r="BV13" s="114">
        <v>495180</v>
      </c>
      <c r="BW13" s="114">
        <v>551481</v>
      </c>
      <c r="BX13" s="114">
        <v>647248</v>
      </c>
      <c r="BY13" s="114">
        <v>256704</v>
      </c>
      <c r="BZ13" s="113">
        <v>2576427</v>
      </c>
      <c r="CA13" s="116">
        <v>2696575</v>
      </c>
      <c r="CB13" s="110">
        <v>15161</v>
      </c>
      <c r="CC13" s="114">
        <v>72031</v>
      </c>
      <c r="CD13" s="113">
        <v>87192</v>
      </c>
      <c r="CE13" s="110">
        <v>0</v>
      </c>
      <c r="CF13" s="114">
        <v>3627745</v>
      </c>
      <c r="CG13" s="114">
        <v>2274318</v>
      </c>
      <c r="CH13" s="114">
        <v>1720153</v>
      </c>
      <c r="CI13" s="114">
        <v>1141834</v>
      </c>
      <c r="CJ13" s="114">
        <v>360803</v>
      </c>
      <c r="CK13" s="113">
        <v>9124853</v>
      </c>
      <c r="CL13" s="116">
        <v>9212045</v>
      </c>
      <c r="CM13" s="110">
        <v>0</v>
      </c>
      <c r="CN13" s="114">
        <v>0</v>
      </c>
      <c r="CO13" s="113">
        <v>0</v>
      </c>
      <c r="CP13" s="111">
        <v>0</v>
      </c>
      <c r="CQ13" s="114">
        <v>2785782</v>
      </c>
      <c r="CR13" s="114">
        <v>1975949</v>
      </c>
      <c r="CS13" s="114">
        <v>1373617</v>
      </c>
      <c r="CT13" s="114">
        <v>636536</v>
      </c>
      <c r="CU13" s="114">
        <v>213991</v>
      </c>
      <c r="CV13" s="113">
        <v>6985875</v>
      </c>
      <c r="CW13" s="116">
        <v>6985875</v>
      </c>
      <c r="CX13" s="110">
        <v>15161</v>
      </c>
      <c r="CY13" s="114">
        <v>72031</v>
      </c>
      <c r="CZ13" s="113">
        <v>87192</v>
      </c>
      <c r="DA13" s="110">
        <v>0</v>
      </c>
      <c r="DB13" s="114">
        <v>841963</v>
      </c>
      <c r="DC13" s="114">
        <v>298369</v>
      </c>
      <c r="DD13" s="114">
        <v>346536</v>
      </c>
      <c r="DE13" s="114">
        <v>505298</v>
      </c>
      <c r="DF13" s="114">
        <v>146812</v>
      </c>
      <c r="DG13" s="113">
        <v>2138978</v>
      </c>
      <c r="DH13" s="116">
        <v>2226170</v>
      </c>
      <c r="DI13" s="110">
        <v>0</v>
      </c>
      <c r="DJ13" s="114">
        <v>0</v>
      </c>
      <c r="DK13" s="112">
        <v>0</v>
      </c>
      <c r="DL13" s="111">
        <v>0</v>
      </c>
      <c r="DM13" s="114">
        <v>103052</v>
      </c>
      <c r="DN13" s="114">
        <v>732950</v>
      </c>
      <c r="DO13" s="114">
        <v>398508</v>
      </c>
      <c r="DP13" s="114">
        <v>870147</v>
      </c>
      <c r="DQ13" s="114">
        <v>235749</v>
      </c>
      <c r="DR13" s="113">
        <v>2340406</v>
      </c>
      <c r="DS13" s="116">
        <v>2340406</v>
      </c>
      <c r="DT13" s="110">
        <v>0</v>
      </c>
      <c r="DU13" s="114">
        <v>0</v>
      </c>
      <c r="DV13" s="113">
        <v>0</v>
      </c>
      <c r="DW13" s="110">
        <v>0</v>
      </c>
      <c r="DX13" s="114">
        <v>103052</v>
      </c>
      <c r="DY13" s="114">
        <v>732950</v>
      </c>
      <c r="DZ13" s="114">
        <v>398508</v>
      </c>
      <c r="EA13" s="114">
        <v>568647</v>
      </c>
      <c r="EB13" s="114">
        <v>235749</v>
      </c>
      <c r="EC13" s="113">
        <v>2038906</v>
      </c>
      <c r="ED13" s="116">
        <v>2038906</v>
      </c>
      <c r="EE13" s="110">
        <v>0</v>
      </c>
      <c r="EF13" s="112">
        <v>0</v>
      </c>
      <c r="EG13" s="113">
        <v>0</v>
      </c>
      <c r="EH13" s="110">
        <v>0</v>
      </c>
      <c r="EI13" s="114">
        <v>0</v>
      </c>
      <c r="EJ13" s="114">
        <v>0</v>
      </c>
      <c r="EK13" s="114">
        <v>0</v>
      </c>
      <c r="EL13" s="114">
        <v>301500</v>
      </c>
      <c r="EM13" s="114">
        <v>0</v>
      </c>
      <c r="EN13" s="112">
        <v>301500</v>
      </c>
      <c r="EO13" s="116">
        <v>301500</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5"/>
      <c r="FE13" s="114">
        <v>0</v>
      </c>
      <c r="FF13" s="114">
        <v>0</v>
      </c>
      <c r="FG13" s="114">
        <v>0</v>
      </c>
      <c r="FH13" s="114">
        <v>0</v>
      </c>
      <c r="FI13" s="114">
        <v>0</v>
      </c>
      <c r="FJ13" s="113">
        <v>0</v>
      </c>
      <c r="FK13" s="116">
        <v>0</v>
      </c>
      <c r="FL13" s="110">
        <v>120316</v>
      </c>
      <c r="FM13" s="114">
        <v>299323</v>
      </c>
      <c r="FN13" s="113">
        <v>419639</v>
      </c>
      <c r="FO13" s="110">
        <v>0</v>
      </c>
      <c r="FP13" s="114">
        <v>639555</v>
      </c>
      <c r="FQ13" s="114">
        <v>815913</v>
      </c>
      <c r="FR13" s="114">
        <v>717689</v>
      </c>
      <c r="FS13" s="114">
        <v>472703</v>
      </c>
      <c r="FT13" s="114">
        <v>281897</v>
      </c>
      <c r="FU13" s="113">
        <v>2927757</v>
      </c>
      <c r="FV13" s="116">
        <v>3347396</v>
      </c>
      <c r="FW13" s="115">
        <v>55916</v>
      </c>
      <c r="FX13" s="114">
        <v>91742</v>
      </c>
      <c r="FY13" s="112">
        <v>147658</v>
      </c>
      <c r="FZ13" s="111">
        <v>0</v>
      </c>
      <c r="GA13" s="114">
        <v>380135</v>
      </c>
      <c r="GB13" s="114">
        <v>788347</v>
      </c>
      <c r="GC13" s="114">
        <v>656089</v>
      </c>
      <c r="GD13" s="114">
        <v>472703</v>
      </c>
      <c r="GE13" s="114">
        <v>281897</v>
      </c>
      <c r="GF13" s="113">
        <v>2579171</v>
      </c>
      <c r="GG13" s="316">
        <v>2726829</v>
      </c>
      <c r="GH13" s="115">
        <v>0</v>
      </c>
      <c r="GI13" s="114">
        <v>8855</v>
      </c>
      <c r="GJ13" s="112">
        <v>8855</v>
      </c>
      <c r="GK13" s="111">
        <v>0</v>
      </c>
      <c r="GL13" s="114">
        <v>27720</v>
      </c>
      <c r="GM13" s="114">
        <v>27566</v>
      </c>
      <c r="GN13" s="114">
        <v>61600</v>
      </c>
      <c r="GO13" s="114">
        <v>0</v>
      </c>
      <c r="GP13" s="114">
        <v>0</v>
      </c>
      <c r="GQ13" s="113">
        <v>116886</v>
      </c>
      <c r="GR13" s="116">
        <v>125741</v>
      </c>
      <c r="GS13" s="110">
        <v>64400</v>
      </c>
      <c r="GT13" s="114">
        <v>198726</v>
      </c>
      <c r="GU13" s="113">
        <v>263126</v>
      </c>
      <c r="GV13" s="110">
        <v>0</v>
      </c>
      <c r="GW13" s="114">
        <v>231700</v>
      </c>
      <c r="GX13" s="114">
        <v>0</v>
      </c>
      <c r="GY13" s="114">
        <v>0</v>
      </c>
      <c r="GZ13" s="114">
        <v>0</v>
      </c>
      <c r="HA13" s="114">
        <v>0</v>
      </c>
      <c r="HB13" s="112">
        <v>231700</v>
      </c>
      <c r="HC13" s="116">
        <v>494826</v>
      </c>
      <c r="HD13" s="110">
        <v>482331</v>
      </c>
      <c r="HE13" s="114">
        <v>360931</v>
      </c>
      <c r="HF13" s="112">
        <v>843262</v>
      </c>
      <c r="HG13" s="111">
        <v>0</v>
      </c>
      <c r="HH13" s="114">
        <v>3579609</v>
      </c>
      <c r="HI13" s="114">
        <v>2352373</v>
      </c>
      <c r="HJ13" s="114">
        <v>3702611</v>
      </c>
      <c r="HK13" s="114">
        <v>5739948</v>
      </c>
      <c r="HL13" s="114">
        <v>1774009</v>
      </c>
      <c r="HM13" s="113">
        <v>17148550</v>
      </c>
      <c r="HN13" s="109">
        <v>17991812</v>
      </c>
      <c r="HO13" s="326"/>
      <c r="HP13" s="327"/>
      <c r="HQ13" s="328"/>
      <c r="HR13" s="329"/>
      <c r="HS13" s="327"/>
      <c r="HT13" s="327"/>
      <c r="HU13" s="327"/>
      <c r="HV13" s="327"/>
      <c r="HW13" s="327"/>
      <c r="HX13" s="330"/>
      <c r="HY13" s="331"/>
      <c r="HZ13" s="131">
        <v>42744</v>
      </c>
      <c r="IA13" s="132">
        <v>0</v>
      </c>
      <c r="IB13" s="133">
        <v>42744</v>
      </c>
      <c r="IC13" s="146">
        <v>0</v>
      </c>
      <c r="ID13" s="132">
        <v>1891453</v>
      </c>
      <c r="IE13" s="147">
        <v>2189436</v>
      </c>
      <c r="IF13" s="133">
        <v>3407404</v>
      </c>
      <c r="IG13" s="132">
        <v>2115103</v>
      </c>
      <c r="IH13" s="133">
        <v>322904</v>
      </c>
      <c r="II13" s="148">
        <v>9926300</v>
      </c>
      <c r="IJ13" s="139">
        <v>9969044</v>
      </c>
      <c r="IK13" s="232">
        <v>0</v>
      </c>
      <c r="IL13" s="236">
        <v>0</v>
      </c>
      <c r="IM13" s="237">
        <v>0</v>
      </c>
      <c r="IN13" s="140"/>
      <c r="IO13" s="119">
        <v>0</v>
      </c>
      <c r="IP13" s="119">
        <v>96621</v>
      </c>
      <c r="IQ13" s="119">
        <v>394525</v>
      </c>
      <c r="IR13" s="119">
        <v>211273</v>
      </c>
      <c r="IS13" s="119">
        <v>0</v>
      </c>
      <c r="IT13" s="141">
        <v>702419</v>
      </c>
      <c r="IU13" s="318">
        <v>702419</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992956</v>
      </c>
      <c r="JL13" s="119">
        <v>1071514</v>
      </c>
      <c r="JM13" s="119">
        <v>692502</v>
      </c>
      <c r="JN13" s="119">
        <v>258027</v>
      </c>
      <c r="JO13" s="119">
        <v>95840</v>
      </c>
      <c r="JP13" s="120">
        <v>3110839</v>
      </c>
      <c r="JQ13" s="318">
        <v>3110839</v>
      </c>
      <c r="JR13" s="142">
        <v>0</v>
      </c>
      <c r="JS13" s="119">
        <v>0</v>
      </c>
      <c r="JT13" s="141">
        <v>0</v>
      </c>
      <c r="JU13" s="118">
        <v>0</v>
      </c>
      <c r="JV13" s="119">
        <v>164868</v>
      </c>
      <c r="JW13" s="119">
        <v>292936</v>
      </c>
      <c r="JX13" s="119">
        <v>739551</v>
      </c>
      <c r="JY13" s="119">
        <v>721014</v>
      </c>
      <c r="JZ13" s="119">
        <v>0</v>
      </c>
      <c r="KA13" s="120">
        <v>1918369</v>
      </c>
      <c r="KB13" s="318">
        <v>1918369</v>
      </c>
      <c r="KC13" s="234">
        <v>42744</v>
      </c>
      <c r="KD13" s="230">
        <v>0</v>
      </c>
      <c r="KE13" s="120">
        <v>42744</v>
      </c>
      <c r="KF13" s="118">
        <v>0</v>
      </c>
      <c r="KG13" s="119">
        <v>95406</v>
      </c>
      <c r="KH13" s="119">
        <v>136629</v>
      </c>
      <c r="KI13" s="119">
        <v>181345</v>
      </c>
      <c r="KJ13" s="119">
        <v>0</v>
      </c>
      <c r="KK13" s="119">
        <v>0</v>
      </c>
      <c r="KL13" s="120">
        <v>413380</v>
      </c>
      <c r="KM13" s="143">
        <v>456124</v>
      </c>
      <c r="KN13" s="232">
        <v>0</v>
      </c>
      <c r="KO13" s="236">
        <v>0</v>
      </c>
      <c r="KP13" s="237">
        <v>0</v>
      </c>
      <c r="KQ13" s="140"/>
      <c r="KR13" s="119">
        <v>638223</v>
      </c>
      <c r="KS13" s="119">
        <v>445255</v>
      </c>
      <c r="KT13" s="119">
        <v>1352905</v>
      </c>
      <c r="KU13" s="119">
        <v>924789</v>
      </c>
      <c r="KV13" s="119">
        <v>227064</v>
      </c>
      <c r="KW13" s="120">
        <v>3588236</v>
      </c>
      <c r="KX13" s="318">
        <v>3588236</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18">
        <v>0</v>
      </c>
      <c r="LU13" s="142">
        <v>0</v>
      </c>
      <c r="LV13" s="119">
        <v>0</v>
      </c>
      <c r="LW13" s="120">
        <v>0</v>
      </c>
      <c r="LX13" s="145"/>
      <c r="LY13" s="119">
        <v>0</v>
      </c>
      <c r="LZ13" s="119">
        <v>146481</v>
      </c>
      <c r="MA13" s="119">
        <v>46576</v>
      </c>
      <c r="MB13" s="119">
        <v>0</v>
      </c>
      <c r="MC13" s="119">
        <v>0</v>
      </c>
      <c r="MD13" s="120">
        <v>193057</v>
      </c>
      <c r="ME13" s="121">
        <v>193057</v>
      </c>
      <c r="MF13" s="142">
        <v>0</v>
      </c>
      <c r="MG13" s="119">
        <v>0</v>
      </c>
      <c r="MH13" s="120">
        <v>0</v>
      </c>
      <c r="MI13" s="145"/>
      <c r="MJ13" s="119">
        <v>568169</v>
      </c>
      <c r="MK13" s="119">
        <v>349597</v>
      </c>
      <c r="ML13" s="119">
        <v>1643403</v>
      </c>
      <c r="MM13" s="119">
        <v>6341166</v>
      </c>
      <c r="MN13" s="119">
        <v>2976250</v>
      </c>
      <c r="MO13" s="120">
        <v>11878585</v>
      </c>
      <c r="MP13" s="143">
        <v>11878585</v>
      </c>
      <c r="MQ13" s="142">
        <v>0</v>
      </c>
      <c r="MR13" s="119">
        <v>0</v>
      </c>
      <c r="MS13" s="120">
        <v>0</v>
      </c>
      <c r="MT13" s="145"/>
      <c r="MU13" s="119">
        <v>366188</v>
      </c>
      <c r="MV13" s="119">
        <v>0</v>
      </c>
      <c r="MW13" s="119">
        <v>432080</v>
      </c>
      <c r="MX13" s="119">
        <v>4591197</v>
      </c>
      <c r="MY13" s="119">
        <v>2976250</v>
      </c>
      <c r="MZ13" s="120">
        <v>8365715</v>
      </c>
      <c r="NA13" s="143">
        <v>8365715</v>
      </c>
      <c r="NB13" s="142">
        <v>0</v>
      </c>
      <c r="NC13" s="119">
        <v>0</v>
      </c>
      <c r="ND13" s="120">
        <v>0</v>
      </c>
      <c r="NE13" s="145"/>
      <c r="NF13" s="119">
        <v>201981</v>
      </c>
      <c r="NG13" s="119">
        <v>349597</v>
      </c>
      <c r="NH13" s="119">
        <v>1211323</v>
      </c>
      <c r="NI13" s="119">
        <v>1749969</v>
      </c>
      <c r="NJ13" s="119">
        <v>0</v>
      </c>
      <c r="NK13" s="120">
        <v>3512870</v>
      </c>
      <c r="NL13" s="318">
        <v>3512870</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766976</v>
      </c>
      <c r="OJ13" s="119">
        <v>764205</v>
      </c>
      <c r="OK13" s="141">
        <v>1531181</v>
      </c>
      <c r="OL13" s="118">
        <v>0</v>
      </c>
      <c r="OM13" s="119">
        <v>14226045</v>
      </c>
      <c r="ON13" s="119">
        <v>11570714</v>
      </c>
      <c r="OO13" s="119">
        <v>14655548</v>
      </c>
      <c r="OP13" s="119">
        <v>19954104</v>
      </c>
      <c r="OQ13" s="119">
        <v>9238491</v>
      </c>
      <c r="OR13" s="120">
        <v>69644902</v>
      </c>
      <c r="OS13" s="143">
        <v>71176083</v>
      </c>
    </row>
    <row r="14" spans="2:409" ht="21" customHeight="1" x14ac:dyDescent="0.2">
      <c r="B14" s="126" t="s">
        <v>8</v>
      </c>
      <c r="C14" s="110">
        <v>619375</v>
      </c>
      <c r="D14" s="114">
        <v>589387</v>
      </c>
      <c r="E14" s="113">
        <v>1208762</v>
      </c>
      <c r="F14" s="109">
        <v>0</v>
      </c>
      <c r="G14" s="114">
        <v>5028556</v>
      </c>
      <c r="H14" s="114">
        <v>6250679</v>
      </c>
      <c r="I14" s="114">
        <v>4786029</v>
      </c>
      <c r="J14" s="114">
        <v>7148195</v>
      </c>
      <c r="K14" s="114">
        <v>4300465</v>
      </c>
      <c r="L14" s="109">
        <v>27513924</v>
      </c>
      <c r="M14" s="116">
        <v>28722686</v>
      </c>
      <c r="N14" s="110">
        <v>175683</v>
      </c>
      <c r="O14" s="114">
        <v>186150</v>
      </c>
      <c r="P14" s="113">
        <v>361833</v>
      </c>
      <c r="Q14" s="110">
        <v>0</v>
      </c>
      <c r="R14" s="114">
        <v>1714114</v>
      </c>
      <c r="S14" s="114">
        <v>1874838</v>
      </c>
      <c r="T14" s="114">
        <v>1538926</v>
      </c>
      <c r="U14" s="114">
        <v>1969245</v>
      </c>
      <c r="V14" s="114">
        <v>1854373</v>
      </c>
      <c r="W14" s="113">
        <v>8951496</v>
      </c>
      <c r="X14" s="116">
        <v>9313329</v>
      </c>
      <c r="Y14" s="110">
        <v>0</v>
      </c>
      <c r="Z14" s="114">
        <v>0</v>
      </c>
      <c r="AA14" s="113">
        <v>0</v>
      </c>
      <c r="AB14" s="110">
        <v>0</v>
      </c>
      <c r="AC14" s="114">
        <v>815554</v>
      </c>
      <c r="AD14" s="114">
        <v>645863</v>
      </c>
      <c r="AE14" s="114">
        <v>882989</v>
      </c>
      <c r="AF14" s="114">
        <v>705621</v>
      </c>
      <c r="AG14" s="114">
        <v>1002000</v>
      </c>
      <c r="AH14" s="113">
        <v>4052027</v>
      </c>
      <c r="AI14" s="116">
        <v>4052027</v>
      </c>
      <c r="AJ14" s="110">
        <v>0</v>
      </c>
      <c r="AK14" s="114">
        <v>0</v>
      </c>
      <c r="AL14" s="113">
        <v>0</v>
      </c>
      <c r="AM14" s="110">
        <v>0</v>
      </c>
      <c r="AN14" s="114">
        <v>0</v>
      </c>
      <c r="AO14" s="114">
        <v>52781</v>
      </c>
      <c r="AP14" s="114">
        <v>28777</v>
      </c>
      <c r="AQ14" s="114">
        <v>195501</v>
      </c>
      <c r="AR14" s="114">
        <v>144105</v>
      </c>
      <c r="AS14" s="113">
        <v>421164</v>
      </c>
      <c r="AT14" s="116">
        <v>421164</v>
      </c>
      <c r="AU14" s="110">
        <v>84610</v>
      </c>
      <c r="AV14" s="114">
        <v>115042</v>
      </c>
      <c r="AW14" s="113">
        <v>199652</v>
      </c>
      <c r="AX14" s="110">
        <v>0</v>
      </c>
      <c r="AY14" s="114">
        <v>576556</v>
      </c>
      <c r="AZ14" s="114">
        <v>684504</v>
      </c>
      <c r="BA14" s="114">
        <v>440506</v>
      </c>
      <c r="BB14" s="114">
        <v>642197</v>
      </c>
      <c r="BC14" s="114">
        <v>465791</v>
      </c>
      <c r="BD14" s="113">
        <v>2809554</v>
      </c>
      <c r="BE14" s="116">
        <v>3009206</v>
      </c>
      <c r="BF14" s="110">
        <v>27737</v>
      </c>
      <c r="BG14" s="114">
        <v>22745</v>
      </c>
      <c r="BH14" s="112">
        <v>50482</v>
      </c>
      <c r="BI14" s="111">
        <v>0</v>
      </c>
      <c r="BJ14" s="114">
        <v>185973</v>
      </c>
      <c r="BK14" s="114">
        <v>220979</v>
      </c>
      <c r="BL14" s="114">
        <v>74129</v>
      </c>
      <c r="BM14" s="114">
        <v>131275</v>
      </c>
      <c r="BN14" s="114">
        <v>34563</v>
      </c>
      <c r="BO14" s="113">
        <v>646919</v>
      </c>
      <c r="BP14" s="116">
        <v>697401</v>
      </c>
      <c r="BQ14" s="110">
        <v>63336</v>
      </c>
      <c r="BR14" s="114">
        <v>48363</v>
      </c>
      <c r="BS14" s="113">
        <v>111699</v>
      </c>
      <c r="BT14" s="110">
        <v>0</v>
      </c>
      <c r="BU14" s="114">
        <v>136031</v>
      </c>
      <c r="BV14" s="114">
        <v>270711</v>
      </c>
      <c r="BW14" s="114">
        <v>112525</v>
      </c>
      <c r="BX14" s="114">
        <v>294651</v>
      </c>
      <c r="BY14" s="114">
        <v>207914</v>
      </c>
      <c r="BZ14" s="113">
        <v>1021832</v>
      </c>
      <c r="CA14" s="116">
        <v>1133531</v>
      </c>
      <c r="CB14" s="110">
        <v>0</v>
      </c>
      <c r="CC14" s="114">
        <v>136095</v>
      </c>
      <c r="CD14" s="113">
        <v>136095</v>
      </c>
      <c r="CE14" s="110">
        <v>0</v>
      </c>
      <c r="CF14" s="114">
        <v>1511401</v>
      </c>
      <c r="CG14" s="114">
        <v>1981089</v>
      </c>
      <c r="CH14" s="114">
        <v>978249</v>
      </c>
      <c r="CI14" s="114">
        <v>1899310</v>
      </c>
      <c r="CJ14" s="114">
        <v>530437</v>
      </c>
      <c r="CK14" s="113">
        <v>6900486</v>
      </c>
      <c r="CL14" s="116">
        <v>7036581</v>
      </c>
      <c r="CM14" s="110">
        <v>0</v>
      </c>
      <c r="CN14" s="114">
        <v>0</v>
      </c>
      <c r="CO14" s="113">
        <v>0</v>
      </c>
      <c r="CP14" s="111">
        <v>0</v>
      </c>
      <c r="CQ14" s="114">
        <v>1186852</v>
      </c>
      <c r="CR14" s="114">
        <v>1583275</v>
      </c>
      <c r="CS14" s="114">
        <v>383733</v>
      </c>
      <c r="CT14" s="114">
        <v>1026117</v>
      </c>
      <c r="CU14" s="114">
        <v>289562</v>
      </c>
      <c r="CV14" s="113">
        <v>4469539</v>
      </c>
      <c r="CW14" s="116">
        <v>4469539</v>
      </c>
      <c r="CX14" s="110">
        <v>0</v>
      </c>
      <c r="CY14" s="114">
        <v>136095</v>
      </c>
      <c r="CZ14" s="113">
        <v>136095</v>
      </c>
      <c r="DA14" s="110">
        <v>0</v>
      </c>
      <c r="DB14" s="114">
        <v>324549</v>
      </c>
      <c r="DC14" s="114">
        <v>397814</v>
      </c>
      <c r="DD14" s="114">
        <v>594516</v>
      </c>
      <c r="DE14" s="114">
        <v>873193</v>
      </c>
      <c r="DF14" s="114">
        <v>240875</v>
      </c>
      <c r="DG14" s="113">
        <v>2430947</v>
      </c>
      <c r="DH14" s="116">
        <v>2567042</v>
      </c>
      <c r="DI14" s="110">
        <v>0</v>
      </c>
      <c r="DJ14" s="114">
        <v>51620</v>
      </c>
      <c r="DK14" s="112">
        <v>51620</v>
      </c>
      <c r="DL14" s="111">
        <v>0</v>
      </c>
      <c r="DM14" s="114">
        <v>142697</v>
      </c>
      <c r="DN14" s="114">
        <v>475619</v>
      </c>
      <c r="DO14" s="114">
        <v>572455</v>
      </c>
      <c r="DP14" s="114">
        <v>498218</v>
      </c>
      <c r="DQ14" s="114">
        <v>0</v>
      </c>
      <c r="DR14" s="113">
        <v>1688989</v>
      </c>
      <c r="DS14" s="116">
        <v>1740609</v>
      </c>
      <c r="DT14" s="110">
        <v>0</v>
      </c>
      <c r="DU14" s="114">
        <v>51620</v>
      </c>
      <c r="DV14" s="113">
        <v>51620</v>
      </c>
      <c r="DW14" s="110">
        <v>0</v>
      </c>
      <c r="DX14" s="114">
        <v>142697</v>
      </c>
      <c r="DY14" s="114">
        <v>475619</v>
      </c>
      <c r="DZ14" s="114">
        <v>572455</v>
      </c>
      <c r="EA14" s="114">
        <v>498218</v>
      </c>
      <c r="EB14" s="114">
        <v>0</v>
      </c>
      <c r="EC14" s="113">
        <v>1688989</v>
      </c>
      <c r="ED14" s="116">
        <v>1740609</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5"/>
      <c r="FE14" s="114">
        <v>0</v>
      </c>
      <c r="FF14" s="114">
        <v>0</v>
      </c>
      <c r="FG14" s="114">
        <v>0</v>
      </c>
      <c r="FH14" s="114">
        <v>0</v>
      </c>
      <c r="FI14" s="114">
        <v>0</v>
      </c>
      <c r="FJ14" s="113">
        <v>0</v>
      </c>
      <c r="FK14" s="116">
        <v>0</v>
      </c>
      <c r="FL14" s="110">
        <v>75978</v>
      </c>
      <c r="FM14" s="114">
        <v>56700</v>
      </c>
      <c r="FN14" s="113">
        <v>132678</v>
      </c>
      <c r="FO14" s="110">
        <v>0</v>
      </c>
      <c r="FP14" s="114">
        <v>208180</v>
      </c>
      <c r="FQ14" s="114">
        <v>552062</v>
      </c>
      <c r="FR14" s="114">
        <v>294882</v>
      </c>
      <c r="FS14" s="114">
        <v>465626</v>
      </c>
      <c r="FT14" s="114">
        <v>264726</v>
      </c>
      <c r="FU14" s="113">
        <v>1785476</v>
      </c>
      <c r="FV14" s="116">
        <v>1918154</v>
      </c>
      <c r="FW14" s="115">
        <v>75978</v>
      </c>
      <c r="FX14" s="114">
        <v>56700</v>
      </c>
      <c r="FY14" s="112">
        <v>132678</v>
      </c>
      <c r="FZ14" s="111">
        <v>0</v>
      </c>
      <c r="GA14" s="114">
        <v>208180</v>
      </c>
      <c r="GB14" s="114">
        <v>552062</v>
      </c>
      <c r="GC14" s="114">
        <v>294882</v>
      </c>
      <c r="GD14" s="114">
        <v>465626</v>
      </c>
      <c r="GE14" s="114">
        <v>264726</v>
      </c>
      <c r="GF14" s="113">
        <v>1785476</v>
      </c>
      <c r="GG14" s="316">
        <v>1918154</v>
      </c>
      <c r="GH14" s="115">
        <v>0</v>
      </c>
      <c r="GI14" s="114">
        <v>0</v>
      </c>
      <c r="GJ14" s="112">
        <v>0</v>
      </c>
      <c r="GK14" s="111">
        <v>0</v>
      </c>
      <c r="GL14" s="114">
        <v>0</v>
      </c>
      <c r="GM14" s="114">
        <v>0</v>
      </c>
      <c r="GN14" s="114">
        <v>0</v>
      </c>
      <c r="GO14" s="114">
        <v>0</v>
      </c>
      <c r="GP14" s="114">
        <v>0</v>
      </c>
      <c r="GQ14" s="113">
        <v>0</v>
      </c>
      <c r="GR14" s="116">
        <v>0</v>
      </c>
      <c r="GS14" s="110">
        <v>0</v>
      </c>
      <c r="GT14" s="114">
        <v>0</v>
      </c>
      <c r="GU14" s="113">
        <v>0</v>
      </c>
      <c r="GV14" s="110">
        <v>0</v>
      </c>
      <c r="GW14" s="114">
        <v>0</v>
      </c>
      <c r="GX14" s="114">
        <v>0</v>
      </c>
      <c r="GY14" s="114">
        <v>0</v>
      </c>
      <c r="GZ14" s="114">
        <v>0</v>
      </c>
      <c r="HA14" s="114">
        <v>0</v>
      </c>
      <c r="HB14" s="112">
        <v>0</v>
      </c>
      <c r="HC14" s="116">
        <v>0</v>
      </c>
      <c r="HD14" s="110">
        <v>367714</v>
      </c>
      <c r="HE14" s="114">
        <v>158822</v>
      </c>
      <c r="HF14" s="112">
        <v>526536</v>
      </c>
      <c r="HG14" s="111">
        <v>0</v>
      </c>
      <c r="HH14" s="114">
        <v>1452164</v>
      </c>
      <c r="HI14" s="114">
        <v>1367071</v>
      </c>
      <c r="HJ14" s="114">
        <v>1401517</v>
      </c>
      <c r="HK14" s="114">
        <v>2315796</v>
      </c>
      <c r="HL14" s="114">
        <v>1650929</v>
      </c>
      <c r="HM14" s="113">
        <v>8187477</v>
      </c>
      <c r="HN14" s="109">
        <v>8714013</v>
      </c>
      <c r="HO14" s="326"/>
      <c r="HP14" s="327"/>
      <c r="HQ14" s="328"/>
      <c r="HR14" s="329"/>
      <c r="HS14" s="327"/>
      <c r="HT14" s="327"/>
      <c r="HU14" s="327"/>
      <c r="HV14" s="327"/>
      <c r="HW14" s="327"/>
      <c r="HX14" s="330"/>
      <c r="HY14" s="331"/>
      <c r="HZ14" s="131">
        <v>0</v>
      </c>
      <c r="IA14" s="132">
        <v>0</v>
      </c>
      <c r="IB14" s="133">
        <v>0</v>
      </c>
      <c r="IC14" s="134">
        <v>0</v>
      </c>
      <c r="ID14" s="135">
        <v>1292563</v>
      </c>
      <c r="IE14" s="136">
        <v>1218607</v>
      </c>
      <c r="IF14" s="137">
        <v>694272</v>
      </c>
      <c r="IG14" s="135">
        <v>1785599</v>
      </c>
      <c r="IH14" s="137">
        <v>1212700</v>
      </c>
      <c r="II14" s="138">
        <v>6203741</v>
      </c>
      <c r="IJ14" s="139">
        <v>6203741</v>
      </c>
      <c r="IK14" s="232">
        <v>0</v>
      </c>
      <c r="IL14" s="236">
        <v>0</v>
      </c>
      <c r="IM14" s="237">
        <v>0</v>
      </c>
      <c r="IN14" s="140"/>
      <c r="IO14" s="119">
        <v>0</v>
      </c>
      <c r="IP14" s="119">
        <v>0</v>
      </c>
      <c r="IQ14" s="119">
        <v>0</v>
      </c>
      <c r="IR14" s="119">
        <v>215000</v>
      </c>
      <c r="IS14" s="119">
        <v>0</v>
      </c>
      <c r="IT14" s="141">
        <v>215000</v>
      </c>
      <c r="IU14" s="318">
        <v>215000</v>
      </c>
      <c r="IV14" s="142">
        <v>0</v>
      </c>
      <c r="IW14" s="119">
        <v>0</v>
      </c>
      <c r="IX14" s="120">
        <v>0</v>
      </c>
      <c r="IY14" s="144"/>
      <c r="IZ14" s="119">
        <v>0</v>
      </c>
      <c r="JA14" s="119">
        <v>0</v>
      </c>
      <c r="JB14" s="119">
        <v>0</v>
      </c>
      <c r="JC14" s="119">
        <v>29974</v>
      </c>
      <c r="JD14" s="119">
        <v>0</v>
      </c>
      <c r="JE14" s="120">
        <v>29974</v>
      </c>
      <c r="JF14" s="121">
        <v>29974</v>
      </c>
      <c r="JG14" s="142">
        <v>0</v>
      </c>
      <c r="JH14" s="119">
        <v>0</v>
      </c>
      <c r="JI14" s="141">
        <v>0</v>
      </c>
      <c r="JJ14" s="118">
        <v>0</v>
      </c>
      <c r="JK14" s="119">
        <v>1061977</v>
      </c>
      <c r="JL14" s="119">
        <v>1001294</v>
      </c>
      <c r="JM14" s="119">
        <v>150349</v>
      </c>
      <c r="JN14" s="119">
        <v>438779</v>
      </c>
      <c r="JO14" s="119">
        <v>0</v>
      </c>
      <c r="JP14" s="120">
        <v>2652399</v>
      </c>
      <c r="JQ14" s="318">
        <v>2652399</v>
      </c>
      <c r="JR14" s="142">
        <v>0</v>
      </c>
      <c r="JS14" s="119">
        <v>0</v>
      </c>
      <c r="JT14" s="141">
        <v>0</v>
      </c>
      <c r="JU14" s="118">
        <v>0</v>
      </c>
      <c r="JV14" s="119">
        <v>0</v>
      </c>
      <c r="JW14" s="119">
        <v>0</v>
      </c>
      <c r="JX14" s="119">
        <v>102258</v>
      </c>
      <c r="JY14" s="119">
        <v>0</v>
      </c>
      <c r="JZ14" s="119">
        <v>0</v>
      </c>
      <c r="KA14" s="120">
        <v>102258</v>
      </c>
      <c r="KB14" s="318">
        <v>102258</v>
      </c>
      <c r="KC14" s="234">
        <v>0</v>
      </c>
      <c r="KD14" s="230">
        <v>0</v>
      </c>
      <c r="KE14" s="120">
        <v>0</v>
      </c>
      <c r="KF14" s="118">
        <v>0</v>
      </c>
      <c r="KG14" s="119">
        <v>230586</v>
      </c>
      <c r="KH14" s="119">
        <v>0</v>
      </c>
      <c r="KI14" s="119">
        <v>213079</v>
      </c>
      <c r="KJ14" s="119">
        <v>0</v>
      </c>
      <c r="KK14" s="119">
        <v>710900</v>
      </c>
      <c r="KL14" s="120">
        <v>1154565</v>
      </c>
      <c r="KM14" s="143">
        <v>1154565</v>
      </c>
      <c r="KN14" s="232">
        <v>0</v>
      </c>
      <c r="KO14" s="236">
        <v>0</v>
      </c>
      <c r="KP14" s="237">
        <v>0</v>
      </c>
      <c r="KQ14" s="140"/>
      <c r="KR14" s="119">
        <v>0</v>
      </c>
      <c r="KS14" s="119">
        <v>217313</v>
      </c>
      <c r="KT14" s="119">
        <v>228586</v>
      </c>
      <c r="KU14" s="119">
        <v>909748</v>
      </c>
      <c r="KV14" s="119">
        <v>237254</v>
      </c>
      <c r="KW14" s="120">
        <v>1592901</v>
      </c>
      <c r="KX14" s="318">
        <v>1592901</v>
      </c>
      <c r="KY14" s="142">
        <v>0</v>
      </c>
      <c r="KZ14" s="119">
        <v>0</v>
      </c>
      <c r="LA14" s="120">
        <v>0</v>
      </c>
      <c r="LB14" s="145"/>
      <c r="LC14" s="119">
        <v>0</v>
      </c>
      <c r="LD14" s="119">
        <v>0</v>
      </c>
      <c r="LE14" s="119">
        <v>0</v>
      </c>
      <c r="LF14" s="119">
        <v>192098</v>
      </c>
      <c r="LG14" s="119">
        <v>0</v>
      </c>
      <c r="LH14" s="120">
        <v>192098</v>
      </c>
      <c r="LI14" s="121">
        <v>192098</v>
      </c>
      <c r="LJ14" s="142">
        <v>0</v>
      </c>
      <c r="LK14" s="119">
        <v>0</v>
      </c>
      <c r="LL14" s="120">
        <v>0</v>
      </c>
      <c r="LM14" s="145"/>
      <c r="LN14" s="119">
        <v>0</v>
      </c>
      <c r="LO14" s="119">
        <v>0</v>
      </c>
      <c r="LP14" s="119">
        <v>0</v>
      </c>
      <c r="LQ14" s="119">
        <v>0</v>
      </c>
      <c r="LR14" s="119">
        <v>264546</v>
      </c>
      <c r="LS14" s="120">
        <v>264546</v>
      </c>
      <c r="LT14" s="318">
        <v>264546</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38996</v>
      </c>
      <c r="MK14" s="119">
        <v>1178394</v>
      </c>
      <c r="ML14" s="119">
        <v>3263955</v>
      </c>
      <c r="MM14" s="119">
        <v>3737023</v>
      </c>
      <c r="MN14" s="119">
        <v>2221245</v>
      </c>
      <c r="MO14" s="120">
        <v>10439613</v>
      </c>
      <c r="MP14" s="143">
        <v>10439613</v>
      </c>
      <c r="MQ14" s="142">
        <v>0</v>
      </c>
      <c r="MR14" s="119">
        <v>0</v>
      </c>
      <c r="MS14" s="120">
        <v>0</v>
      </c>
      <c r="MT14" s="145"/>
      <c r="MU14" s="119">
        <v>-234</v>
      </c>
      <c r="MV14" s="119">
        <v>-241</v>
      </c>
      <c r="MW14" s="119">
        <v>1488992</v>
      </c>
      <c r="MX14" s="119">
        <v>2425506</v>
      </c>
      <c r="MY14" s="119">
        <v>986791</v>
      </c>
      <c r="MZ14" s="120">
        <v>4900814</v>
      </c>
      <c r="NA14" s="143">
        <v>4900814</v>
      </c>
      <c r="NB14" s="142">
        <v>0</v>
      </c>
      <c r="NC14" s="119">
        <v>0</v>
      </c>
      <c r="ND14" s="120">
        <v>0</v>
      </c>
      <c r="NE14" s="145"/>
      <c r="NF14" s="119">
        <v>39230</v>
      </c>
      <c r="NG14" s="119">
        <v>944978</v>
      </c>
      <c r="NH14" s="119">
        <v>1774963</v>
      </c>
      <c r="NI14" s="119">
        <v>1311517</v>
      </c>
      <c r="NJ14" s="119">
        <v>1234454</v>
      </c>
      <c r="NK14" s="120">
        <v>5305142</v>
      </c>
      <c r="NL14" s="318">
        <v>5305142</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233657</v>
      </c>
      <c r="OD14" s="119">
        <v>0</v>
      </c>
      <c r="OE14" s="119">
        <v>0</v>
      </c>
      <c r="OF14" s="119">
        <v>0</v>
      </c>
      <c r="OG14" s="120">
        <v>233657</v>
      </c>
      <c r="OH14" s="121">
        <v>233657</v>
      </c>
      <c r="OI14" s="142">
        <v>619375</v>
      </c>
      <c r="OJ14" s="119">
        <v>589387</v>
      </c>
      <c r="OK14" s="141">
        <v>1208762</v>
      </c>
      <c r="OL14" s="118">
        <v>0</v>
      </c>
      <c r="OM14" s="119">
        <v>6360115</v>
      </c>
      <c r="ON14" s="119">
        <v>8647680</v>
      </c>
      <c r="OO14" s="119">
        <v>8744256</v>
      </c>
      <c r="OP14" s="119">
        <v>12670817</v>
      </c>
      <c r="OQ14" s="119">
        <v>7734410</v>
      </c>
      <c r="OR14" s="120">
        <v>44157278</v>
      </c>
      <c r="OS14" s="143">
        <v>45366040</v>
      </c>
    </row>
    <row r="15" spans="2:409" ht="21" customHeight="1" x14ac:dyDescent="0.2">
      <c r="B15" s="126" t="s">
        <v>9</v>
      </c>
      <c r="C15" s="110">
        <v>1114319</v>
      </c>
      <c r="D15" s="114">
        <v>1658433</v>
      </c>
      <c r="E15" s="113">
        <v>2772752</v>
      </c>
      <c r="F15" s="111">
        <v>0</v>
      </c>
      <c r="G15" s="114">
        <v>13305767</v>
      </c>
      <c r="H15" s="114">
        <v>11287993</v>
      </c>
      <c r="I15" s="114">
        <v>10822534</v>
      </c>
      <c r="J15" s="114">
        <v>15340780</v>
      </c>
      <c r="K15" s="114">
        <v>13499912</v>
      </c>
      <c r="L15" s="109">
        <v>64256986</v>
      </c>
      <c r="M15" s="116">
        <v>67029738</v>
      </c>
      <c r="N15" s="110">
        <v>286900</v>
      </c>
      <c r="O15" s="114">
        <v>519004</v>
      </c>
      <c r="P15" s="113">
        <v>805904</v>
      </c>
      <c r="Q15" s="110">
        <v>0</v>
      </c>
      <c r="R15" s="114">
        <v>4832594</v>
      </c>
      <c r="S15" s="114">
        <v>4531885</v>
      </c>
      <c r="T15" s="114">
        <v>3986919</v>
      </c>
      <c r="U15" s="114">
        <v>4978721</v>
      </c>
      <c r="V15" s="114">
        <v>7767383</v>
      </c>
      <c r="W15" s="113">
        <v>26097502</v>
      </c>
      <c r="X15" s="116">
        <v>26903406</v>
      </c>
      <c r="Y15" s="110">
        <v>0</v>
      </c>
      <c r="Z15" s="114">
        <v>0</v>
      </c>
      <c r="AA15" s="113">
        <v>0</v>
      </c>
      <c r="AB15" s="110">
        <v>0</v>
      </c>
      <c r="AC15" s="114">
        <v>1931113</v>
      </c>
      <c r="AD15" s="114">
        <v>2212699</v>
      </c>
      <c r="AE15" s="114">
        <v>2027959</v>
      </c>
      <c r="AF15" s="114">
        <v>2589688</v>
      </c>
      <c r="AG15" s="114">
        <v>4380933</v>
      </c>
      <c r="AH15" s="113">
        <v>13142392</v>
      </c>
      <c r="AI15" s="116">
        <v>13142392</v>
      </c>
      <c r="AJ15" s="110">
        <v>0</v>
      </c>
      <c r="AK15" s="114">
        <v>0</v>
      </c>
      <c r="AL15" s="113">
        <v>0</v>
      </c>
      <c r="AM15" s="110">
        <v>0</v>
      </c>
      <c r="AN15" s="114">
        <v>84520</v>
      </c>
      <c r="AO15" s="114">
        <v>52822</v>
      </c>
      <c r="AP15" s="114">
        <v>12244</v>
      </c>
      <c r="AQ15" s="114">
        <v>479788</v>
      </c>
      <c r="AR15" s="114">
        <v>1087222</v>
      </c>
      <c r="AS15" s="113">
        <v>1716596</v>
      </c>
      <c r="AT15" s="116">
        <v>1716596</v>
      </c>
      <c r="AU15" s="110">
        <v>130240</v>
      </c>
      <c r="AV15" s="114">
        <v>370406</v>
      </c>
      <c r="AW15" s="113">
        <v>500646</v>
      </c>
      <c r="AX15" s="110">
        <v>0</v>
      </c>
      <c r="AY15" s="114">
        <v>2014719</v>
      </c>
      <c r="AZ15" s="114">
        <v>1282536</v>
      </c>
      <c r="BA15" s="114">
        <v>1056554</v>
      </c>
      <c r="BB15" s="114">
        <v>930884</v>
      </c>
      <c r="BC15" s="114">
        <v>1441792</v>
      </c>
      <c r="BD15" s="113">
        <v>6726485</v>
      </c>
      <c r="BE15" s="116">
        <v>7227131</v>
      </c>
      <c r="BF15" s="110">
        <v>0</v>
      </c>
      <c r="BG15" s="114">
        <v>35933</v>
      </c>
      <c r="BH15" s="112">
        <v>35933</v>
      </c>
      <c r="BI15" s="111">
        <v>0</v>
      </c>
      <c r="BJ15" s="114">
        <v>91252</v>
      </c>
      <c r="BK15" s="114">
        <v>296729</v>
      </c>
      <c r="BL15" s="114">
        <v>143297</v>
      </c>
      <c r="BM15" s="114">
        <v>257711</v>
      </c>
      <c r="BN15" s="114">
        <v>140188</v>
      </c>
      <c r="BO15" s="113">
        <v>929177</v>
      </c>
      <c r="BP15" s="116">
        <v>965110</v>
      </c>
      <c r="BQ15" s="110">
        <v>156660</v>
      </c>
      <c r="BR15" s="114">
        <v>112665</v>
      </c>
      <c r="BS15" s="113">
        <v>269325</v>
      </c>
      <c r="BT15" s="110">
        <v>0</v>
      </c>
      <c r="BU15" s="114">
        <v>710990</v>
      </c>
      <c r="BV15" s="114">
        <v>687099</v>
      </c>
      <c r="BW15" s="114">
        <v>746865</v>
      </c>
      <c r="BX15" s="114">
        <v>720650</v>
      </c>
      <c r="BY15" s="114">
        <v>717248</v>
      </c>
      <c r="BZ15" s="113">
        <v>3582852</v>
      </c>
      <c r="CA15" s="116">
        <v>3852177</v>
      </c>
      <c r="CB15" s="110">
        <v>53651</v>
      </c>
      <c r="CC15" s="114">
        <v>304580</v>
      </c>
      <c r="CD15" s="113">
        <v>358231</v>
      </c>
      <c r="CE15" s="110">
        <v>0</v>
      </c>
      <c r="CF15" s="114">
        <v>2924276</v>
      </c>
      <c r="CG15" s="114">
        <v>2289678</v>
      </c>
      <c r="CH15" s="114">
        <v>1940144</v>
      </c>
      <c r="CI15" s="114">
        <v>2101149</v>
      </c>
      <c r="CJ15" s="114">
        <v>385548</v>
      </c>
      <c r="CK15" s="113">
        <v>9640795</v>
      </c>
      <c r="CL15" s="116">
        <v>9999026</v>
      </c>
      <c r="CM15" s="110">
        <v>0</v>
      </c>
      <c r="CN15" s="114">
        <v>0</v>
      </c>
      <c r="CO15" s="113">
        <v>0</v>
      </c>
      <c r="CP15" s="111">
        <v>0</v>
      </c>
      <c r="CQ15" s="114">
        <v>2493003</v>
      </c>
      <c r="CR15" s="114">
        <v>1725055</v>
      </c>
      <c r="CS15" s="114">
        <v>1533442</v>
      </c>
      <c r="CT15" s="114">
        <v>1330901</v>
      </c>
      <c r="CU15" s="114">
        <v>385548</v>
      </c>
      <c r="CV15" s="113">
        <v>7467949</v>
      </c>
      <c r="CW15" s="116">
        <v>7467949</v>
      </c>
      <c r="CX15" s="110">
        <v>53651</v>
      </c>
      <c r="CY15" s="114">
        <v>304580</v>
      </c>
      <c r="CZ15" s="113">
        <v>358231</v>
      </c>
      <c r="DA15" s="110">
        <v>0</v>
      </c>
      <c r="DB15" s="114">
        <v>431273</v>
      </c>
      <c r="DC15" s="114">
        <v>564623</v>
      </c>
      <c r="DD15" s="114">
        <v>406702</v>
      </c>
      <c r="DE15" s="114">
        <v>770248</v>
      </c>
      <c r="DF15" s="114">
        <v>0</v>
      </c>
      <c r="DG15" s="113">
        <v>2172846</v>
      </c>
      <c r="DH15" s="116">
        <v>2531077</v>
      </c>
      <c r="DI15" s="110">
        <v>44492</v>
      </c>
      <c r="DJ15" s="114">
        <v>0</v>
      </c>
      <c r="DK15" s="112">
        <v>44492</v>
      </c>
      <c r="DL15" s="111">
        <v>0</v>
      </c>
      <c r="DM15" s="114">
        <v>222429</v>
      </c>
      <c r="DN15" s="114">
        <v>649132</v>
      </c>
      <c r="DO15" s="114">
        <v>948285</v>
      </c>
      <c r="DP15" s="114">
        <v>1186589</v>
      </c>
      <c r="DQ15" s="114">
        <v>556618</v>
      </c>
      <c r="DR15" s="113">
        <v>3563053</v>
      </c>
      <c r="DS15" s="116">
        <v>3607545</v>
      </c>
      <c r="DT15" s="110">
        <v>44492</v>
      </c>
      <c r="DU15" s="114">
        <v>0</v>
      </c>
      <c r="DV15" s="113">
        <v>44492</v>
      </c>
      <c r="DW15" s="110">
        <v>0</v>
      </c>
      <c r="DX15" s="114">
        <v>222429</v>
      </c>
      <c r="DY15" s="114">
        <v>554188</v>
      </c>
      <c r="DZ15" s="114">
        <v>854403</v>
      </c>
      <c r="EA15" s="114">
        <v>1138422</v>
      </c>
      <c r="EB15" s="114">
        <v>483004</v>
      </c>
      <c r="EC15" s="113">
        <v>3252446</v>
      </c>
      <c r="ED15" s="116">
        <v>3296938</v>
      </c>
      <c r="EE15" s="110">
        <v>0</v>
      </c>
      <c r="EF15" s="112">
        <v>0</v>
      </c>
      <c r="EG15" s="113">
        <v>0</v>
      </c>
      <c r="EH15" s="110">
        <v>0</v>
      </c>
      <c r="EI15" s="114">
        <v>0</v>
      </c>
      <c r="EJ15" s="114">
        <v>94944</v>
      </c>
      <c r="EK15" s="114">
        <v>93882</v>
      </c>
      <c r="EL15" s="114">
        <v>48167</v>
      </c>
      <c r="EM15" s="114">
        <v>73614</v>
      </c>
      <c r="EN15" s="112">
        <v>310607</v>
      </c>
      <c r="EO15" s="116">
        <v>310607</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5"/>
      <c r="FE15" s="114">
        <v>0</v>
      </c>
      <c r="FF15" s="114">
        <v>0</v>
      </c>
      <c r="FG15" s="114">
        <v>0</v>
      </c>
      <c r="FH15" s="114">
        <v>0</v>
      </c>
      <c r="FI15" s="114">
        <v>0</v>
      </c>
      <c r="FJ15" s="113">
        <v>0</v>
      </c>
      <c r="FK15" s="116">
        <v>0</v>
      </c>
      <c r="FL15" s="110">
        <v>275436</v>
      </c>
      <c r="FM15" s="114">
        <v>187852</v>
      </c>
      <c r="FN15" s="113">
        <v>463288</v>
      </c>
      <c r="FO15" s="110">
        <v>0</v>
      </c>
      <c r="FP15" s="114">
        <v>782691</v>
      </c>
      <c r="FQ15" s="114">
        <v>1054069</v>
      </c>
      <c r="FR15" s="114">
        <v>725816</v>
      </c>
      <c r="FS15" s="114">
        <v>1099553</v>
      </c>
      <c r="FT15" s="114">
        <v>925771</v>
      </c>
      <c r="FU15" s="113">
        <v>4587900</v>
      </c>
      <c r="FV15" s="116">
        <v>5051188</v>
      </c>
      <c r="FW15" s="115">
        <v>116956</v>
      </c>
      <c r="FX15" s="114">
        <v>160482</v>
      </c>
      <c r="FY15" s="112">
        <v>277438</v>
      </c>
      <c r="FZ15" s="111">
        <v>0</v>
      </c>
      <c r="GA15" s="114">
        <v>579971</v>
      </c>
      <c r="GB15" s="114">
        <v>949641</v>
      </c>
      <c r="GC15" s="114">
        <v>725816</v>
      </c>
      <c r="GD15" s="114">
        <v>1076453</v>
      </c>
      <c r="GE15" s="114">
        <v>925771</v>
      </c>
      <c r="GF15" s="113">
        <v>4257652</v>
      </c>
      <c r="GG15" s="316">
        <v>4535090</v>
      </c>
      <c r="GH15" s="115">
        <v>18480</v>
      </c>
      <c r="GI15" s="114">
        <v>0</v>
      </c>
      <c r="GJ15" s="112">
        <v>18480</v>
      </c>
      <c r="GK15" s="111">
        <v>0</v>
      </c>
      <c r="GL15" s="114">
        <v>62720</v>
      </c>
      <c r="GM15" s="114">
        <v>13428</v>
      </c>
      <c r="GN15" s="114">
        <v>0</v>
      </c>
      <c r="GO15" s="114">
        <v>0</v>
      </c>
      <c r="GP15" s="114">
        <v>0</v>
      </c>
      <c r="GQ15" s="113">
        <v>76148</v>
      </c>
      <c r="GR15" s="116">
        <v>94628</v>
      </c>
      <c r="GS15" s="110">
        <v>140000</v>
      </c>
      <c r="GT15" s="114">
        <v>27370</v>
      </c>
      <c r="GU15" s="113">
        <v>167370</v>
      </c>
      <c r="GV15" s="110">
        <v>0</v>
      </c>
      <c r="GW15" s="114">
        <v>140000</v>
      </c>
      <c r="GX15" s="114">
        <v>91000</v>
      </c>
      <c r="GY15" s="114">
        <v>0</v>
      </c>
      <c r="GZ15" s="114">
        <v>23100</v>
      </c>
      <c r="HA15" s="114">
        <v>0</v>
      </c>
      <c r="HB15" s="112">
        <v>254100</v>
      </c>
      <c r="HC15" s="116">
        <v>421470</v>
      </c>
      <c r="HD15" s="110">
        <v>453840</v>
      </c>
      <c r="HE15" s="114">
        <v>646997</v>
      </c>
      <c r="HF15" s="112">
        <v>1100837</v>
      </c>
      <c r="HG15" s="111">
        <v>0</v>
      </c>
      <c r="HH15" s="114">
        <v>4543777</v>
      </c>
      <c r="HI15" s="114">
        <v>2763229</v>
      </c>
      <c r="HJ15" s="114">
        <v>3221370</v>
      </c>
      <c r="HK15" s="114">
        <v>5974768</v>
      </c>
      <c r="HL15" s="114">
        <v>3864592</v>
      </c>
      <c r="HM15" s="113">
        <v>20367736</v>
      </c>
      <c r="HN15" s="109">
        <v>21468573</v>
      </c>
      <c r="HO15" s="326"/>
      <c r="HP15" s="327"/>
      <c r="HQ15" s="328"/>
      <c r="HR15" s="329"/>
      <c r="HS15" s="327"/>
      <c r="HT15" s="327"/>
      <c r="HU15" s="327"/>
      <c r="HV15" s="327"/>
      <c r="HW15" s="327"/>
      <c r="HX15" s="330"/>
      <c r="HY15" s="331"/>
      <c r="HZ15" s="128">
        <v>38048</v>
      </c>
      <c r="IA15" s="149">
        <v>141976</v>
      </c>
      <c r="IB15" s="129">
        <v>180024</v>
      </c>
      <c r="IC15" s="146">
        <v>0</v>
      </c>
      <c r="ID15" s="132">
        <v>1940767</v>
      </c>
      <c r="IE15" s="147">
        <v>2747276</v>
      </c>
      <c r="IF15" s="133">
        <v>4375207</v>
      </c>
      <c r="IG15" s="132">
        <v>2300245</v>
      </c>
      <c r="IH15" s="133">
        <v>1492364</v>
      </c>
      <c r="II15" s="148">
        <v>12855859</v>
      </c>
      <c r="IJ15" s="130">
        <v>13035883</v>
      </c>
      <c r="IK15" s="232">
        <v>0</v>
      </c>
      <c r="IL15" s="236">
        <v>0</v>
      </c>
      <c r="IM15" s="237">
        <v>0</v>
      </c>
      <c r="IN15" s="140"/>
      <c r="IO15" s="119">
        <v>61067</v>
      </c>
      <c r="IP15" s="119">
        <v>101846</v>
      </c>
      <c r="IQ15" s="119">
        <v>175375</v>
      </c>
      <c r="IR15" s="119">
        <v>413396</v>
      </c>
      <c r="IS15" s="119">
        <v>0</v>
      </c>
      <c r="IT15" s="141">
        <v>751684</v>
      </c>
      <c r="IU15" s="318">
        <v>751684</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519584</v>
      </c>
      <c r="JL15" s="119">
        <v>1047407</v>
      </c>
      <c r="JM15" s="119">
        <v>1164006</v>
      </c>
      <c r="JN15" s="119">
        <v>589783</v>
      </c>
      <c r="JO15" s="119">
        <v>285941</v>
      </c>
      <c r="JP15" s="120">
        <v>4606721</v>
      </c>
      <c r="JQ15" s="318">
        <v>4606721</v>
      </c>
      <c r="JR15" s="142">
        <v>0</v>
      </c>
      <c r="JS15" s="119">
        <v>0</v>
      </c>
      <c r="JT15" s="141">
        <v>0</v>
      </c>
      <c r="JU15" s="118">
        <v>0</v>
      </c>
      <c r="JV15" s="119">
        <v>0</v>
      </c>
      <c r="JW15" s="119">
        <v>0</v>
      </c>
      <c r="JX15" s="119">
        <v>289479</v>
      </c>
      <c r="JY15" s="119">
        <v>198356</v>
      </c>
      <c r="JZ15" s="119">
        <v>114965</v>
      </c>
      <c r="KA15" s="120">
        <v>602800</v>
      </c>
      <c r="KB15" s="318">
        <v>602800</v>
      </c>
      <c r="KC15" s="234">
        <v>38048</v>
      </c>
      <c r="KD15" s="230">
        <v>141976</v>
      </c>
      <c r="KE15" s="120">
        <v>180024</v>
      </c>
      <c r="KF15" s="118">
        <v>0</v>
      </c>
      <c r="KG15" s="119">
        <v>360116</v>
      </c>
      <c r="KH15" s="119">
        <v>0</v>
      </c>
      <c r="KI15" s="119">
        <v>482930</v>
      </c>
      <c r="KJ15" s="119">
        <v>582772</v>
      </c>
      <c r="KK15" s="119">
        <v>281321</v>
      </c>
      <c r="KL15" s="120">
        <v>1707139</v>
      </c>
      <c r="KM15" s="143">
        <v>1887163</v>
      </c>
      <c r="KN15" s="232">
        <v>0</v>
      </c>
      <c r="KO15" s="236">
        <v>0</v>
      </c>
      <c r="KP15" s="237">
        <v>0</v>
      </c>
      <c r="KQ15" s="140"/>
      <c r="KR15" s="119">
        <v>0</v>
      </c>
      <c r="KS15" s="119">
        <v>1117753</v>
      </c>
      <c r="KT15" s="119">
        <v>1778796</v>
      </c>
      <c r="KU15" s="119">
        <v>321152</v>
      </c>
      <c r="KV15" s="119">
        <v>236772</v>
      </c>
      <c r="KW15" s="120">
        <v>3454473</v>
      </c>
      <c r="KX15" s="318">
        <v>3454473</v>
      </c>
      <c r="KY15" s="142">
        <v>0</v>
      </c>
      <c r="KZ15" s="119">
        <v>0</v>
      </c>
      <c r="LA15" s="120">
        <v>0</v>
      </c>
      <c r="LB15" s="145"/>
      <c r="LC15" s="119">
        <v>0</v>
      </c>
      <c r="LD15" s="119">
        <v>480270</v>
      </c>
      <c r="LE15" s="119">
        <v>0</v>
      </c>
      <c r="LF15" s="119">
        <v>194786</v>
      </c>
      <c r="LG15" s="119">
        <v>0</v>
      </c>
      <c r="LH15" s="120">
        <v>675056</v>
      </c>
      <c r="LI15" s="121">
        <v>675056</v>
      </c>
      <c r="LJ15" s="142">
        <v>0</v>
      </c>
      <c r="LK15" s="119">
        <v>0</v>
      </c>
      <c r="LL15" s="120">
        <v>0</v>
      </c>
      <c r="LM15" s="145"/>
      <c r="LN15" s="119">
        <v>0</v>
      </c>
      <c r="LO15" s="119">
        <v>0</v>
      </c>
      <c r="LP15" s="119">
        <v>0</v>
      </c>
      <c r="LQ15" s="119">
        <v>0</v>
      </c>
      <c r="LR15" s="119">
        <v>0</v>
      </c>
      <c r="LS15" s="120">
        <v>0</v>
      </c>
      <c r="LT15" s="318">
        <v>0</v>
      </c>
      <c r="LU15" s="142">
        <v>0</v>
      </c>
      <c r="LV15" s="119">
        <v>0</v>
      </c>
      <c r="LW15" s="120">
        <v>0</v>
      </c>
      <c r="LX15" s="145"/>
      <c r="LY15" s="119">
        <v>0</v>
      </c>
      <c r="LZ15" s="119">
        <v>0</v>
      </c>
      <c r="MA15" s="119">
        <v>484621</v>
      </c>
      <c r="MB15" s="119">
        <v>0</v>
      </c>
      <c r="MC15" s="119">
        <v>573365</v>
      </c>
      <c r="MD15" s="120">
        <v>1057986</v>
      </c>
      <c r="ME15" s="121">
        <v>1057986</v>
      </c>
      <c r="MF15" s="142">
        <v>0</v>
      </c>
      <c r="MG15" s="119">
        <v>0</v>
      </c>
      <c r="MH15" s="120">
        <v>0</v>
      </c>
      <c r="MI15" s="145"/>
      <c r="MJ15" s="119">
        <v>640621</v>
      </c>
      <c r="MK15" s="119">
        <v>1287837</v>
      </c>
      <c r="ML15" s="119">
        <v>3302949</v>
      </c>
      <c r="MM15" s="119">
        <v>5533760</v>
      </c>
      <c r="MN15" s="119">
        <v>5250719</v>
      </c>
      <c r="MO15" s="120">
        <v>16015886</v>
      </c>
      <c r="MP15" s="143">
        <v>16015886</v>
      </c>
      <c r="MQ15" s="142">
        <v>0</v>
      </c>
      <c r="MR15" s="119">
        <v>0</v>
      </c>
      <c r="MS15" s="120">
        <v>0</v>
      </c>
      <c r="MT15" s="145"/>
      <c r="MU15" s="119">
        <v>193897</v>
      </c>
      <c r="MV15" s="119">
        <v>0</v>
      </c>
      <c r="MW15" s="119">
        <v>869383</v>
      </c>
      <c r="MX15" s="119">
        <v>4203143</v>
      </c>
      <c r="MY15" s="119">
        <v>3574368</v>
      </c>
      <c r="MZ15" s="120">
        <v>8840791</v>
      </c>
      <c r="NA15" s="143">
        <v>8840791</v>
      </c>
      <c r="NB15" s="142">
        <v>0</v>
      </c>
      <c r="NC15" s="119">
        <v>0</v>
      </c>
      <c r="ND15" s="120">
        <v>0</v>
      </c>
      <c r="NE15" s="145"/>
      <c r="NF15" s="119">
        <v>446724</v>
      </c>
      <c r="NG15" s="119">
        <v>1287837</v>
      </c>
      <c r="NH15" s="119">
        <v>2433566</v>
      </c>
      <c r="NI15" s="119">
        <v>1330617</v>
      </c>
      <c r="NJ15" s="119">
        <v>1335841</v>
      </c>
      <c r="NK15" s="120">
        <v>6834585</v>
      </c>
      <c r="NL15" s="318">
        <v>6834585</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340510</v>
      </c>
      <c r="OG15" s="120">
        <v>340510</v>
      </c>
      <c r="OH15" s="121">
        <v>340510</v>
      </c>
      <c r="OI15" s="142">
        <v>1152367</v>
      </c>
      <c r="OJ15" s="119">
        <v>1800409</v>
      </c>
      <c r="OK15" s="141">
        <v>2952776</v>
      </c>
      <c r="OL15" s="118">
        <v>0</v>
      </c>
      <c r="OM15" s="119">
        <v>15887155</v>
      </c>
      <c r="ON15" s="119">
        <v>15323106</v>
      </c>
      <c r="OO15" s="119">
        <v>18500690</v>
      </c>
      <c r="OP15" s="119">
        <v>23174785</v>
      </c>
      <c r="OQ15" s="119">
        <v>20242995</v>
      </c>
      <c r="OR15" s="120">
        <v>93128731</v>
      </c>
      <c r="OS15" s="143">
        <v>96081507</v>
      </c>
    </row>
    <row r="16" spans="2:409" ht="21" customHeight="1" x14ac:dyDescent="0.2">
      <c r="B16" s="126" t="s">
        <v>10</v>
      </c>
      <c r="C16" s="110">
        <v>1610291</v>
      </c>
      <c r="D16" s="114">
        <v>2407242</v>
      </c>
      <c r="E16" s="113">
        <v>4017533</v>
      </c>
      <c r="F16" s="172">
        <v>0</v>
      </c>
      <c r="G16" s="114">
        <v>18745381</v>
      </c>
      <c r="H16" s="114">
        <v>15687797</v>
      </c>
      <c r="I16" s="114">
        <v>13292383</v>
      </c>
      <c r="J16" s="114">
        <v>14259095</v>
      </c>
      <c r="K16" s="114">
        <v>12920248</v>
      </c>
      <c r="L16" s="109">
        <v>74904904</v>
      </c>
      <c r="M16" s="116">
        <v>78922437</v>
      </c>
      <c r="N16" s="110">
        <v>513181</v>
      </c>
      <c r="O16" s="114">
        <v>967124</v>
      </c>
      <c r="P16" s="113">
        <v>1480305</v>
      </c>
      <c r="Q16" s="110">
        <v>0</v>
      </c>
      <c r="R16" s="114">
        <v>7529268</v>
      </c>
      <c r="S16" s="114">
        <v>4616685</v>
      </c>
      <c r="T16" s="114">
        <v>4833389</v>
      </c>
      <c r="U16" s="114">
        <v>5651069</v>
      </c>
      <c r="V16" s="114">
        <v>6383092</v>
      </c>
      <c r="W16" s="113">
        <v>29013503</v>
      </c>
      <c r="X16" s="116">
        <v>30493808</v>
      </c>
      <c r="Y16" s="110">
        <v>0</v>
      </c>
      <c r="Z16" s="114">
        <v>0</v>
      </c>
      <c r="AA16" s="113">
        <v>0</v>
      </c>
      <c r="AB16" s="110">
        <v>0</v>
      </c>
      <c r="AC16" s="114">
        <v>3168380</v>
      </c>
      <c r="AD16" s="114">
        <v>1950066</v>
      </c>
      <c r="AE16" s="114">
        <v>3072774</v>
      </c>
      <c r="AF16" s="114">
        <v>3667169</v>
      </c>
      <c r="AG16" s="114">
        <v>3941108</v>
      </c>
      <c r="AH16" s="113">
        <v>15799497</v>
      </c>
      <c r="AI16" s="116">
        <v>15799497</v>
      </c>
      <c r="AJ16" s="110">
        <v>0</v>
      </c>
      <c r="AK16" s="114">
        <v>0</v>
      </c>
      <c r="AL16" s="113">
        <v>0</v>
      </c>
      <c r="AM16" s="110">
        <v>0</v>
      </c>
      <c r="AN16" s="114">
        <v>93279</v>
      </c>
      <c r="AO16" s="114">
        <v>75315</v>
      </c>
      <c r="AP16" s="114">
        <v>51818</v>
      </c>
      <c r="AQ16" s="114">
        <v>249125</v>
      </c>
      <c r="AR16" s="114">
        <v>438059</v>
      </c>
      <c r="AS16" s="113">
        <v>907596</v>
      </c>
      <c r="AT16" s="116">
        <v>907596</v>
      </c>
      <c r="AU16" s="110">
        <v>252331</v>
      </c>
      <c r="AV16" s="114">
        <v>627999</v>
      </c>
      <c r="AW16" s="113">
        <v>880330</v>
      </c>
      <c r="AX16" s="110">
        <v>0</v>
      </c>
      <c r="AY16" s="114">
        <v>2866194</v>
      </c>
      <c r="AZ16" s="114">
        <v>1438695</v>
      </c>
      <c r="BA16" s="114">
        <v>797329</v>
      </c>
      <c r="BB16" s="114">
        <v>846982</v>
      </c>
      <c r="BC16" s="114">
        <v>1023331</v>
      </c>
      <c r="BD16" s="113">
        <v>6972531</v>
      </c>
      <c r="BE16" s="116">
        <v>7852861</v>
      </c>
      <c r="BF16" s="110">
        <v>61350</v>
      </c>
      <c r="BG16" s="114">
        <v>124330</v>
      </c>
      <c r="BH16" s="112">
        <v>185680</v>
      </c>
      <c r="BI16" s="111">
        <v>0</v>
      </c>
      <c r="BJ16" s="114">
        <v>315729</v>
      </c>
      <c r="BK16" s="114">
        <v>288151</v>
      </c>
      <c r="BL16" s="114">
        <v>112852</v>
      </c>
      <c r="BM16" s="114">
        <v>23132</v>
      </c>
      <c r="BN16" s="114">
        <v>81521</v>
      </c>
      <c r="BO16" s="113">
        <v>821385</v>
      </c>
      <c r="BP16" s="116">
        <v>1007065</v>
      </c>
      <c r="BQ16" s="110">
        <v>199500</v>
      </c>
      <c r="BR16" s="114">
        <v>214795</v>
      </c>
      <c r="BS16" s="113">
        <v>414295</v>
      </c>
      <c r="BT16" s="110">
        <v>0</v>
      </c>
      <c r="BU16" s="114">
        <v>1085686</v>
      </c>
      <c r="BV16" s="114">
        <v>864458</v>
      </c>
      <c r="BW16" s="114">
        <v>798616</v>
      </c>
      <c r="BX16" s="114">
        <v>864661</v>
      </c>
      <c r="BY16" s="114">
        <v>899073</v>
      </c>
      <c r="BZ16" s="113">
        <v>4512494</v>
      </c>
      <c r="CA16" s="116">
        <v>4926789</v>
      </c>
      <c r="CB16" s="110">
        <v>71695</v>
      </c>
      <c r="CC16" s="114">
        <v>243023</v>
      </c>
      <c r="CD16" s="113">
        <v>314718</v>
      </c>
      <c r="CE16" s="110">
        <v>0</v>
      </c>
      <c r="CF16" s="114">
        <v>5466521</v>
      </c>
      <c r="CG16" s="114">
        <v>4214351</v>
      </c>
      <c r="CH16" s="114">
        <v>2917030</v>
      </c>
      <c r="CI16" s="114">
        <v>1072120</v>
      </c>
      <c r="CJ16" s="114">
        <v>369888</v>
      </c>
      <c r="CK16" s="113">
        <v>14039910</v>
      </c>
      <c r="CL16" s="116">
        <v>14354628</v>
      </c>
      <c r="CM16" s="110">
        <v>0</v>
      </c>
      <c r="CN16" s="114">
        <v>0</v>
      </c>
      <c r="CO16" s="113">
        <v>0</v>
      </c>
      <c r="CP16" s="111">
        <v>0</v>
      </c>
      <c r="CQ16" s="114">
        <v>4626744</v>
      </c>
      <c r="CR16" s="114">
        <v>3352367</v>
      </c>
      <c r="CS16" s="114">
        <v>2771942</v>
      </c>
      <c r="CT16" s="114">
        <v>892086</v>
      </c>
      <c r="CU16" s="114">
        <v>369888</v>
      </c>
      <c r="CV16" s="113">
        <v>12013027</v>
      </c>
      <c r="CW16" s="116">
        <v>12013027</v>
      </c>
      <c r="CX16" s="110">
        <v>71695</v>
      </c>
      <c r="CY16" s="114">
        <v>243023</v>
      </c>
      <c r="CZ16" s="113">
        <v>314718</v>
      </c>
      <c r="DA16" s="110">
        <v>0</v>
      </c>
      <c r="DB16" s="114">
        <v>839777</v>
      </c>
      <c r="DC16" s="114">
        <v>861984</v>
      </c>
      <c r="DD16" s="114">
        <v>145088</v>
      </c>
      <c r="DE16" s="114">
        <v>180034</v>
      </c>
      <c r="DF16" s="114">
        <v>0</v>
      </c>
      <c r="DG16" s="113">
        <v>2026883</v>
      </c>
      <c r="DH16" s="116">
        <v>2341601</v>
      </c>
      <c r="DI16" s="110">
        <v>0</v>
      </c>
      <c r="DJ16" s="114">
        <v>29758</v>
      </c>
      <c r="DK16" s="112">
        <v>29758</v>
      </c>
      <c r="DL16" s="111">
        <v>0</v>
      </c>
      <c r="DM16" s="114">
        <v>314630</v>
      </c>
      <c r="DN16" s="114">
        <v>286496</v>
      </c>
      <c r="DO16" s="114">
        <v>1023999</v>
      </c>
      <c r="DP16" s="114">
        <v>1940054</v>
      </c>
      <c r="DQ16" s="114">
        <v>372142</v>
      </c>
      <c r="DR16" s="113">
        <v>3937321</v>
      </c>
      <c r="DS16" s="116">
        <v>3967079</v>
      </c>
      <c r="DT16" s="110">
        <v>0</v>
      </c>
      <c r="DU16" s="114">
        <v>29758</v>
      </c>
      <c r="DV16" s="113">
        <v>29758</v>
      </c>
      <c r="DW16" s="110">
        <v>0</v>
      </c>
      <c r="DX16" s="114">
        <v>229968</v>
      </c>
      <c r="DY16" s="114">
        <v>254625</v>
      </c>
      <c r="DZ16" s="114">
        <v>1023999</v>
      </c>
      <c r="EA16" s="114">
        <v>1940054</v>
      </c>
      <c r="EB16" s="114">
        <v>372142</v>
      </c>
      <c r="EC16" s="113">
        <v>3820788</v>
      </c>
      <c r="ED16" s="116">
        <v>3850546</v>
      </c>
      <c r="EE16" s="110">
        <v>0</v>
      </c>
      <c r="EF16" s="112">
        <v>0</v>
      </c>
      <c r="EG16" s="113">
        <v>0</v>
      </c>
      <c r="EH16" s="110">
        <v>0</v>
      </c>
      <c r="EI16" s="114">
        <v>84662</v>
      </c>
      <c r="EJ16" s="114">
        <v>31871</v>
      </c>
      <c r="EK16" s="114">
        <v>0</v>
      </c>
      <c r="EL16" s="114">
        <v>0</v>
      </c>
      <c r="EM16" s="114">
        <v>0</v>
      </c>
      <c r="EN16" s="112">
        <v>116533</v>
      </c>
      <c r="EO16" s="116">
        <v>116533</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5"/>
      <c r="FE16" s="114">
        <v>0</v>
      </c>
      <c r="FF16" s="114">
        <v>0</v>
      </c>
      <c r="FG16" s="114">
        <v>0</v>
      </c>
      <c r="FH16" s="114">
        <v>0</v>
      </c>
      <c r="FI16" s="114">
        <v>0</v>
      </c>
      <c r="FJ16" s="113">
        <v>0</v>
      </c>
      <c r="FK16" s="116">
        <v>0</v>
      </c>
      <c r="FL16" s="110">
        <v>367668</v>
      </c>
      <c r="FM16" s="114">
        <v>748786</v>
      </c>
      <c r="FN16" s="113">
        <v>1116454</v>
      </c>
      <c r="FO16" s="110">
        <v>0</v>
      </c>
      <c r="FP16" s="114">
        <v>1249374</v>
      </c>
      <c r="FQ16" s="114">
        <v>1530410</v>
      </c>
      <c r="FR16" s="114">
        <v>966989</v>
      </c>
      <c r="FS16" s="114">
        <v>648711</v>
      </c>
      <c r="FT16" s="114">
        <v>837620</v>
      </c>
      <c r="FU16" s="113">
        <v>5233104</v>
      </c>
      <c r="FV16" s="116">
        <v>6349558</v>
      </c>
      <c r="FW16" s="115">
        <v>207312</v>
      </c>
      <c r="FX16" s="114">
        <v>531468</v>
      </c>
      <c r="FY16" s="112">
        <v>738780</v>
      </c>
      <c r="FZ16" s="111">
        <v>0</v>
      </c>
      <c r="GA16" s="114">
        <v>1051764</v>
      </c>
      <c r="GB16" s="114">
        <v>1364510</v>
      </c>
      <c r="GC16" s="114">
        <v>829969</v>
      </c>
      <c r="GD16" s="114">
        <v>648711</v>
      </c>
      <c r="GE16" s="114">
        <v>791210</v>
      </c>
      <c r="GF16" s="113">
        <v>4686164</v>
      </c>
      <c r="GG16" s="316">
        <v>5424944</v>
      </c>
      <c r="GH16" s="115">
        <v>60475</v>
      </c>
      <c r="GI16" s="114">
        <v>33918</v>
      </c>
      <c r="GJ16" s="112">
        <v>94393</v>
      </c>
      <c r="GK16" s="111">
        <v>0</v>
      </c>
      <c r="GL16" s="114">
        <v>52710</v>
      </c>
      <c r="GM16" s="114">
        <v>39900</v>
      </c>
      <c r="GN16" s="114">
        <v>137020</v>
      </c>
      <c r="GO16" s="114">
        <v>0</v>
      </c>
      <c r="GP16" s="114">
        <v>46410</v>
      </c>
      <c r="GQ16" s="113">
        <v>276040</v>
      </c>
      <c r="GR16" s="116">
        <v>370433</v>
      </c>
      <c r="GS16" s="110">
        <v>99881</v>
      </c>
      <c r="GT16" s="114">
        <v>183400</v>
      </c>
      <c r="GU16" s="113">
        <v>283281</v>
      </c>
      <c r="GV16" s="110">
        <v>0</v>
      </c>
      <c r="GW16" s="114">
        <v>144900</v>
      </c>
      <c r="GX16" s="114">
        <v>126000</v>
      </c>
      <c r="GY16" s="114">
        <v>0</v>
      </c>
      <c r="GZ16" s="114">
        <v>0</v>
      </c>
      <c r="HA16" s="114">
        <v>0</v>
      </c>
      <c r="HB16" s="112">
        <v>270900</v>
      </c>
      <c r="HC16" s="116">
        <v>554181</v>
      </c>
      <c r="HD16" s="110">
        <v>657747</v>
      </c>
      <c r="HE16" s="114">
        <v>418551</v>
      </c>
      <c r="HF16" s="112">
        <v>1076298</v>
      </c>
      <c r="HG16" s="111">
        <v>0</v>
      </c>
      <c r="HH16" s="114">
        <v>4185588</v>
      </c>
      <c r="HI16" s="114">
        <v>5039855</v>
      </c>
      <c r="HJ16" s="114">
        <v>3550976</v>
      </c>
      <c r="HK16" s="114">
        <v>4947141</v>
      </c>
      <c r="HL16" s="114">
        <v>4957506</v>
      </c>
      <c r="HM16" s="113">
        <v>22681066</v>
      </c>
      <c r="HN16" s="109">
        <v>23757364</v>
      </c>
      <c r="HO16" s="326"/>
      <c r="HP16" s="327"/>
      <c r="HQ16" s="328"/>
      <c r="HR16" s="329"/>
      <c r="HS16" s="327"/>
      <c r="HT16" s="327"/>
      <c r="HU16" s="327"/>
      <c r="HV16" s="327"/>
      <c r="HW16" s="327"/>
      <c r="HX16" s="330"/>
      <c r="HY16" s="331"/>
      <c r="HZ16" s="150">
        <v>40399</v>
      </c>
      <c r="IA16" s="135">
        <v>70030</v>
      </c>
      <c r="IB16" s="150">
        <v>110429</v>
      </c>
      <c r="IC16" s="134">
        <v>0</v>
      </c>
      <c r="ID16" s="135">
        <v>2927335</v>
      </c>
      <c r="IE16" s="136">
        <v>3003653</v>
      </c>
      <c r="IF16" s="137">
        <v>4551658</v>
      </c>
      <c r="IG16" s="135">
        <v>2951399</v>
      </c>
      <c r="IH16" s="137">
        <v>2862414</v>
      </c>
      <c r="II16" s="138">
        <v>16296459</v>
      </c>
      <c r="IJ16" s="150">
        <v>16406888</v>
      </c>
      <c r="IK16" s="232">
        <v>0</v>
      </c>
      <c r="IL16" s="236">
        <v>0</v>
      </c>
      <c r="IM16" s="237">
        <v>0</v>
      </c>
      <c r="IN16" s="140"/>
      <c r="IO16" s="119">
        <v>0</v>
      </c>
      <c r="IP16" s="119">
        <v>107028</v>
      </c>
      <c r="IQ16" s="119">
        <v>196255</v>
      </c>
      <c r="IR16" s="119">
        <v>0</v>
      </c>
      <c r="IS16" s="119">
        <v>0</v>
      </c>
      <c r="IT16" s="141">
        <v>303283</v>
      </c>
      <c r="IU16" s="318">
        <v>303283</v>
      </c>
      <c r="IV16" s="142">
        <v>0</v>
      </c>
      <c r="IW16" s="119">
        <v>0</v>
      </c>
      <c r="IX16" s="120">
        <v>0</v>
      </c>
      <c r="IY16" s="144"/>
      <c r="IZ16" s="119">
        <v>0</v>
      </c>
      <c r="JA16" s="119">
        <v>9355</v>
      </c>
      <c r="JB16" s="119">
        <v>9355</v>
      </c>
      <c r="JC16" s="119">
        <v>0</v>
      </c>
      <c r="JD16" s="119">
        <v>0</v>
      </c>
      <c r="JE16" s="120">
        <v>18710</v>
      </c>
      <c r="JF16" s="121">
        <v>18710</v>
      </c>
      <c r="JG16" s="142">
        <v>0</v>
      </c>
      <c r="JH16" s="119">
        <v>0</v>
      </c>
      <c r="JI16" s="141">
        <v>0</v>
      </c>
      <c r="JJ16" s="118">
        <v>0</v>
      </c>
      <c r="JK16" s="119">
        <v>1229434</v>
      </c>
      <c r="JL16" s="119">
        <v>797841</v>
      </c>
      <c r="JM16" s="119">
        <v>214055</v>
      </c>
      <c r="JN16" s="119">
        <v>460324</v>
      </c>
      <c r="JO16" s="119">
        <v>0</v>
      </c>
      <c r="JP16" s="120">
        <v>2701654</v>
      </c>
      <c r="JQ16" s="318">
        <v>2701654</v>
      </c>
      <c r="JR16" s="142">
        <v>0</v>
      </c>
      <c r="JS16" s="119">
        <v>0</v>
      </c>
      <c r="JT16" s="141">
        <v>0</v>
      </c>
      <c r="JU16" s="118">
        <v>0</v>
      </c>
      <c r="JV16" s="119">
        <v>0</v>
      </c>
      <c r="JW16" s="119">
        <v>364822</v>
      </c>
      <c r="JX16" s="119">
        <v>394325</v>
      </c>
      <c r="JY16" s="119">
        <v>0</v>
      </c>
      <c r="JZ16" s="119">
        <v>0</v>
      </c>
      <c r="KA16" s="120">
        <v>759147</v>
      </c>
      <c r="KB16" s="318">
        <v>759147</v>
      </c>
      <c r="KC16" s="234">
        <v>40399</v>
      </c>
      <c r="KD16" s="230">
        <v>70030</v>
      </c>
      <c r="KE16" s="120">
        <v>110429</v>
      </c>
      <c r="KF16" s="118">
        <v>0</v>
      </c>
      <c r="KG16" s="119">
        <v>510439</v>
      </c>
      <c r="KH16" s="119">
        <v>150798</v>
      </c>
      <c r="KI16" s="119">
        <v>632969</v>
      </c>
      <c r="KJ16" s="119">
        <v>214308</v>
      </c>
      <c r="KK16" s="119">
        <v>302240</v>
      </c>
      <c r="KL16" s="120">
        <v>1810754</v>
      </c>
      <c r="KM16" s="143">
        <v>1921183</v>
      </c>
      <c r="KN16" s="232">
        <v>0</v>
      </c>
      <c r="KO16" s="236">
        <v>0</v>
      </c>
      <c r="KP16" s="237">
        <v>0</v>
      </c>
      <c r="KQ16" s="140"/>
      <c r="KR16" s="119">
        <v>423010</v>
      </c>
      <c r="KS16" s="119">
        <v>1418356</v>
      </c>
      <c r="KT16" s="119">
        <v>1914346</v>
      </c>
      <c r="KU16" s="119">
        <v>1351217</v>
      </c>
      <c r="KV16" s="119">
        <v>1409954</v>
      </c>
      <c r="KW16" s="120">
        <v>6516883</v>
      </c>
      <c r="KX16" s="318">
        <v>6516883</v>
      </c>
      <c r="KY16" s="142">
        <v>0</v>
      </c>
      <c r="KZ16" s="119">
        <v>0</v>
      </c>
      <c r="LA16" s="120">
        <v>0</v>
      </c>
      <c r="LB16" s="145"/>
      <c r="LC16" s="119">
        <v>618966</v>
      </c>
      <c r="LD16" s="119">
        <v>155453</v>
      </c>
      <c r="LE16" s="119">
        <v>1190353</v>
      </c>
      <c r="LF16" s="119">
        <v>203166</v>
      </c>
      <c r="LG16" s="119">
        <v>622317</v>
      </c>
      <c r="LH16" s="120">
        <v>2790255</v>
      </c>
      <c r="LI16" s="121">
        <v>2790255</v>
      </c>
      <c r="LJ16" s="142">
        <v>0</v>
      </c>
      <c r="LK16" s="119">
        <v>0</v>
      </c>
      <c r="LL16" s="120">
        <v>0</v>
      </c>
      <c r="LM16" s="145"/>
      <c r="LN16" s="119">
        <v>0</v>
      </c>
      <c r="LO16" s="119">
        <v>0</v>
      </c>
      <c r="LP16" s="119">
        <v>0</v>
      </c>
      <c r="LQ16" s="119">
        <v>722384</v>
      </c>
      <c r="LR16" s="119">
        <v>223678</v>
      </c>
      <c r="LS16" s="120">
        <v>946062</v>
      </c>
      <c r="LT16" s="318">
        <v>946062</v>
      </c>
      <c r="LU16" s="142">
        <v>0</v>
      </c>
      <c r="LV16" s="119">
        <v>0</v>
      </c>
      <c r="LW16" s="120">
        <v>0</v>
      </c>
      <c r="LX16" s="145"/>
      <c r="LY16" s="119">
        <v>145486</v>
      </c>
      <c r="LZ16" s="119">
        <v>0</v>
      </c>
      <c r="MA16" s="119">
        <v>0</v>
      </c>
      <c r="MB16" s="119">
        <v>0</v>
      </c>
      <c r="MC16" s="119">
        <v>304225</v>
      </c>
      <c r="MD16" s="120">
        <v>449711</v>
      </c>
      <c r="ME16" s="121">
        <v>449711</v>
      </c>
      <c r="MF16" s="142">
        <v>0</v>
      </c>
      <c r="MG16" s="119">
        <v>0</v>
      </c>
      <c r="MH16" s="120">
        <v>0</v>
      </c>
      <c r="MI16" s="145"/>
      <c r="MJ16" s="119">
        <v>488622</v>
      </c>
      <c r="MK16" s="119">
        <v>758029</v>
      </c>
      <c r="ML16" s="119">
        <v>5067118</v>
      </c>
      <c r="MM16" s="119">
        <v>4024698</v>
      </c>
      <c r="MN16" s="119">
        <v>5493637</v>
      </c>
      <c r="MO16" s="120">
        <v>15832104</v>
      </c>
      <c r="MP16" s="143">
        <v>15832104</v>
      </c>
      <c r="MQ16" s="142">
        <v>0</v>
      </c>
      <c r="MR16" s="119">
        <v>0</v>
      </c>
      <c r="MS16" s="120">
        <v>0</v>
      </c>
      <c r="MT16" s="145"/>
      <c r="MU16" s="119">
        <v>0</v>
      </c>
      <c r="MV16" s="119">
        <v>0</v>
      </c>
      <c r="MW16" s="119">
        <v>2804670</v>
      </c>
      <c r="MX16" s="119">
        <v>2878086</v>
      </c>
      <c r="MY16" s="119">
        <v>4704475</v>
      </c>
      <c r="MZ16" s="120">
        <v>10387231</v>
      </c>
      <c r="NA16" s="143">
        <v>10387231</v>
      </c>
      <c r="NB16" s="142">
        <v>0</v>
      </c>
      <c r="NC16" s="119">
        <v>0</v>
      </c>
      <c r="ND16" s="120">
        <v>0</v>
      </c>
      <c r="NE16" s="145"/>
      <c r="NF16" s="119">
        <v>488622</v>
      </c>
      <c r="NG16" s="119">
        <v>758029</v>
      </c>
      <c r="NH16" s="119">
        <v>2262448</v>
      </c>
      <c r="NI16" s="119">
        <v>1146612</v>
      </c>
      <c r="NJ16" s="119">
        <v>299354</v>
      </c>
      <c r="NK16" s="120">
        <v>4955065</v>
      </c>
      <c r="NL16" s="318">
        <v>4955065</v>
      </c>
      <c r="NM16" s="142">
        <v>0</v>
      </c>
      <c r="NN16" s="119">
        <v>0</v>
      </c>
      <c r="NO16" s="120">
        <v>0</v>
      </c>
      <c r="NP16" s="145"/>
      <c r="NQ16" s="119">
        <v>0</v>
      </c>
      <c r="NR16" s="119">
        <v>0</v>
      </c>
      <c r="NS16" s="119">
        <v>0</v>
      </c>
      <c r="NT16" s="119">
        <v>0</v>
      </c>
      <c r="NU16" s="119">
        <v>168924</v>
      </c>
      <c r="NV16" s="120">
        <v>168924</v>
      </c>
      <c r="NW16" s="121">
        <v>168924</v>
      </c>
      <c r="NX16" s="142">
        <v>0</v>
      </c>
      <c r="NY16" s="119">
        <v>0</v>
      </c>
      <c r="NZ16" s="120">
        <v>0</v>
      </c>
      <c r="OA16" s="145"/>
      <c r="OB16" s="119">
        <v>0</v>
      </c>
      <c r="OC16" s="119">
        <v>0</v>
      </c>
      <c r="OD16" s="119">
        <v>0</v>
      </c>
      <c r="OE16" s="119">
        <v>0</v>
      </c>
      <c r="OF16" s="119">
        <v>320884</v>
      </c>
      <c r="OG16" s="120">
        <v>320884</v>
      </c>
      <c r="OH16" s="121">
        <v>320884</v>
      </c>
      <c r="OI16" s="142">
        <v>1650690</v>
      </c>
      <c r="OJ16" s="119">
        <v>2477272</v>
      </c>
      <c r="OK16" s="141">
        <v>4127962</v>
      </c>
      <c r="OL16" s="118">
        <v>0</v>
      </c>
      <c r="OM16" s="119">
        <v>22161338</v>
      </c>
      <c r="ON16" s="119">
        <v>19449479</v>
      </c>
      <c r="OO16" s="119">
        <v>22911159</v>
      </c>
      <c r="OP16" s="119">
        <v>21235192</v>
      </c>
      <c r="OQ16" s="119">
        <v>21276299</v>
      </c>
      <c r="OR16" s="120">
        <v>107033467</v>
      </c>
      <c r="OS16" s="143">
        <v>111161429</v>
      </c>
    </row>
    <row r="17" spans="2:409" ht="21" customHeight="1" x14ac:dyDescent="0.2">
      <c r="B17" s="126" t="s">
        <v>11</v>
      </c>
      <c r="C17" s="110">
        <v>256124</v>
      </c>
      <c r="D17" s="114">
        <v>458979</v>
      </c>
      <c r="E17" s="171">
        <v>715103</v>
      </c>
      <c r="F17" s="111">
        <v>0</v>
      </c>
      <c r="G17" s="114">
        <v>5796608</v>
      </c>
      <c r="H17" s="114">
        <v>4787798</v>
      </c>
      <c r="I17" s="114">
        <v>5730522</v>
      </c>
      <c r="J17" s="114">
        <v>6113165</v>
      </c>
      <c r="K17" s="114">
        <v>3727970</v>
      </c>
      <c r="L17" s="109">
        <v>26156063</v>
      </c>
      <c r="M17" s="116">
        <v>26871166</v>
      </c>
      <c r="N17" s="110">
        <v>70310</v>
      </c>
      <c r="O17" s="114">
        <v>31534</v>
      </c>
      <c r="P17" s="113">
        <v>101844</v>
      </c>
      <c r="Q17" s="110">
        <v>0</v>
      </c>
      <c r="R17" s="114">
        <v>1423040</v>
      </c>
      <c r="S17" s="114">
        <v>1610902</v>
      </c>
      <c r="T17" s="114">
        <v>1125505</v>
      </c>
      <c r="U17" s="114">
        <v>2451384</v>
      </c>
      <c r="V17" s="114">
        <v>1055819</v>
      </c>
      <c r="W17" s="113">
        <v>7666650</v>
      </c>
      <c r="X17" s="116">
        <v>7768494</v>
      </c>
      <c r="Y17" s="110">
        <v>0</v>
      </c>
      <c r="Z17" s="114">
        <v>0</v>
      </c>
      <c r="AA17" s="113">
        <v>0</v>
      </c>
      <c r="AB17" s="110">
        <v>0</v>
      </c>
      <c r="AC17" s="114">
        <v>545677</v>
      </c>
      <c r="AD17" s="114">
        <v>713619</v>
      </c>
      <c r="AE17" s="114">
        <v>534138</v>
      </c>
      <c r="AF17" s="114">
        <v>1073651</v>
      </c>
      <c r="AG17" s="114">
        <v>501616</v>
      </c>
      <c r="AH17" s="113">
        <v>3368701</v>
      </c>
      <c r="AI17" s="116">
        <v>3368701</v>
      </c>
      <c r="AJ17" s="110">
        <v>0</v>
      </c>
      <c r="AK17" s="114">
        <v>0</v>
      </c>
      <c r="AL17" s="113">
        <v>0</v>
      </c>
      <c r="AM17" s="110">
        <v>0</v>
      </c>
      <c r="AN17" s="114">
        <v>0</v>
      </c>
      <c r="AO17" s="114">
        <v>0</v>
      </c>
      <c r="AP17" s="114">
        <v>21294</v>
      </c>
      <c r="AQ17" s="114">
        <v>226131</v>
      </c>
      <c r="AR17" s="114">
        <v>213082</v>
      </c>
      <c r="AS17" s="113">
        <v>460507</v>
      </c>
      <c r="AT17" s="116">
        <v>460507</v>
      </c>
      <c r="AU17" s="110">
        <v>35450</v>
      </c>
      <c r="AV17" s="114">
        <v>29448</v>
      </c>
      <c r="AW17" s="113">
        <v>64898</v>
      </c>
      <c r="AX17" s="110">
        <v>0</v>
      </c>
      <c r="AY17" s="114">
        <v>526551</v>
      </c>
      <c r="AZ17" s="114">
        <v>658023</v>
      </c>
      <c r="BA17" s="114">
        <v>310359</v>
      </c>
      <c r="BB17" s="114">
        <v>790717</v>
      </c>
      <c r="BC17" s="114">
        <v>161466</v>
      </c>
      <c r="BD17" s="113">
        <v>2447116</v>
      </c>
      <c r="BE17" s="116">
        <v>2512014</v>
      </c>
      <c r="BF17" s="110">
        <v>0</v>
      </c>
      <c r="BG17" s="114">
        <v>0</v>
      </c>
      <c r="BH17" s="112">
        <v>0</v>
      </c>
      <c r="BI17" s="111">
        <v>0</v>
      </c>
      <c r="BJ17" s="114">
        <v>60228</v>
      </c>
      <c r="BK17" s="114">
        <v>24444</v>
      </c>
      <c r="BL17" s="114">
        <v>0</v>
      </c>
      <c r="BM17" s="114">
        <v>60228</v>
      </c>
      <c r="BN17" s="114">
        <v>53060</v>
      </c>
      <c r="BO17" s="113">
        <v>197960</v>
      </c>
      <c r="BP17" s="116">
        <v>197960</v>
      </c>
      <c r="BQ17" s="110">
        <v>34860</v>
      </c>
      <c r="BR17" s="114">
        <v>2086</v>
      </c>
      <c r="BS17" s="113">
        <v>36946</v>
      </c>
      <c r="BT17" s="110">
        <v>0</v>
      </c>
      <c r="BU17" s="114">
        <v>290584</v>
      </c>
      <c r="BV17" s="114">
        <v>214816</v>
      </c>
      <c r="BW17" s="114">
        <v>259714</v>
      </c>
      <c r="BX17" s="114">
        <v>300657</v>
      </c>
      <c r="BY17" s="114">
        <v>126595</v>
      </c>
      <c r="BZ17" s="113">
        <v>1192366</v>
      </c>
      <c r="CA17" s="116">
        <v>1229312</v>
      </c>
      <c r="CB17" s="110">
        <v>53819</v>
      </c>
      <c r="CC17" s="114">
        <v>103572</v>
      </c>
      <c r="CD17" s="113">
        <v>157391</v>
      </c>
      <c r="CE17" s="110">
        <v>0</v>
      </c>
      <c r="CF17" s="114">
        <v>1049976</v>
      </c>
      <c r="CG17" s="114">
        <v>1217090</v>
      </c>
      <c r="CH17" s="114">
        <v>1146175</v>
      </c>
      <c r="CI17" s="114">
        <v>583116</v>
      </c>
      <c r="CJ17" s="114">
        <v>397626</v>
      </c>
      <c r="CK17" s="113">
        <v>4393983</v>
      </c>
      <c r="CL17" s="116">
        <v>4551374</v>
      </c>
      <c r="CM17" s="110">
        <v>0</v>
      </c>
      <c r="CN17" s="114">
        <v>0</v>
      </c>
      <c r="CO17" s="113">
        <v>0</v>
      </c>
      <c r="CP17" s="111">
        <v>0</v>
      </c>
      <c r="CQ17" s="114">
        <v>603896</v>
      </c>
      <c r="CR17" s="114">
        <v>798651</v>
      </c>
      <c r="CS17" s="114">
        <v>763580</v>
      </c>
      <c r="CT17" s="114">
        <v>526800</v>
      </c>
      <c r="CU17" s="114">
        <v>300043</v>
      </c>
      <c r="CV17" s="113">
        <v>2992970</v>
      </c>
      <c r="CW17" s="116">
        <v>2992970</v>
      </c>
      <c r="CX17" s="110">
        <v>53819</v>
      </c>
      <c r="CY17" s="114">
        <v>103572</v>
      </c>
      <c r="CZ17" s="113">
        <v>157391</v>
      </c>
      <c r="DA17" s="110">
        <v>0</v>
      </c>
      <c r="DB17" s="114">
        <v>446080</v>
      </c>
      <c r="DC17" s="114">
        <v>418439</v>
      </c>
      <c r="DD17" s="114">
        <v>382595</v>
      </c>
      <c r="DE17" s="114">
        <v>56316</v>
      </c>
      <c r="DF17" s="114">
        <v>97583</v>
      </c>
      <c r="DG17" s="113">
        <v>1401013</v>
      </c>
      <c r="DH17" s="116">
        <v>1558404</v>
      </c>
      <c r="DI17" s="110">
        <v>0</v>
      </c>
      <c r="DJ17" s="114">
        <v>0</v>
      </c>
      <c r="DK17" s="112">
        <v>0</v>
      </c>
      <c r="DL17" s="111">
        <v>0</v>
      </c>
      <c r="DM17" s="114">
        <v>159796</v>
      </c>
      <c r="DN17" s="114">
        <v>82946</v>
      </c>
      <c r="DO17" s="114">
        <v>591738</v>
      </c>
      <c r="DP17" s="114">
        <v>101529</v>
      </c>
      <c r="DQ17" s="114">
        <v>721728</v>
      </c>
      <c r="DR17" s="113">
        <v>1657737</v>
      </c>
      <c r="DS17" s="116">
        <v>1657737</v>
      </c>
      <c r="DT17" s="110">
        <v>0</v>
      </c>
      <c r="DU17" s="114">
        <v>0</v>
      </c>
      <c r="DV17" s="113">
        <v>0</v>
      </c>
      <c r="DW17" s="110">
        <v>0</v>
      </c>
      <c r="DX17" s="114">
        <v>159796</v>
      </c>
      <c r="DY17" s="114">
        <v>82946</v>
      </c>
      <c r="DZ17" s="114">
        <v>394000</v>
      </c>
      <c r="EA17" s="114">
        <v>67866</v>
      </c>
      <c r="EB17" s="114">
        <v>444222</v>
      </c>
      <c r="EC17" s="113">
        <v>1148830</v>
      </c>
      <c r="ED17" s="116">
        <v>1148830</v>
      </c>
      <c r="EE17" s="110">
        <v>0</v>
      </c>
      <c r="EF17" s="112">
        <v>0</v>
      </c>
      <c r="EG17" s="113">
        <v>0</v>
      </c>
      <c r="EH17" s="110">
        <v>0</v>
      </c>
      <c r="EI17" s="114">
        <v>0</v>
      </c>
      <c r="EJ17" s="114">
        <v>0</v>
      </c>
      <c r="EK17" s="114">
        <v>197738</v>
      </c>
      <c r="EL17" s="114">
        <v>33663</v>
      </c>
      <c r="EM17" s="114">
        <v>277506</v>
      </c>
      <c r="EN17" s="112">
        <v>508907</v>
      </c>
      <c r="EO17" s="116">
        <v>508907</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5"/>
      <c r="FE17" s="114">
        <v>0</v>
      </c>
      <c r="FF17" s="114">
        <v>0</v>
      </c>
      <c r="FG17" s="114">
        <v>0</v>
      </c>
      <c r="FH17" s="114">
        <v>0</v>
      </c>
      <c r="FI17" s="114">
        <v>0</v>
      </c>
      <c r="FJ17" s="113">
        <v>0</v>
      </c>
      <c r="FK17" s="116">
        <v>0</v>
      </c>
      <c r="FL17" s="110">
        <v>85575</v>
      </c>
      <c r="FM17" s="114">
        <v>159061</v>
      </c>
      <c r="FN17" s="113">
        <v>244636</v>
      </c>
      <c r="FO17" s="110">
        <v>0</v>
      </c>
      <c r="FP17" s="114">
        <v>382103</v>
      </c>
      <c r="FQ17" s="114">
        <v>353927</v>
      </c>
      <c r="FR17" s="114">
        <v>503615</v>
      </c>
      <c r="FS17" s="114">
        <v>518049</v>
      </c>
      <c r="FT17" s="114">
        <v>155274</v>
      </c>
      <c r="FU17" s="113">
        <v>1912968</v>
      </c>
      <c r="FV17" s="116">
        <v>2157604</v>
      </c>
      <c r="FW17" s="115">
        <v>49518</v>
      </c>
      <c r="FX17" s="114">
        <v>87066</v>
      </c>
      <c r="FY17" s="112">
        <v>136584</v>
      </c>
      <c r="FZ17" s="111">
        <v>0</v>
      </c>
      <c r="GA17" s="114">
        <v>212401</v>
      </c>
      <c r="GB17" s="114">
        <v>329672</v>
      </c>
      <c r="GC17" s="114">
        <v>466963</v>
      </c>
      <c r="GD17" s="114">
        <v>438389</v>
      </c>
      <c r="GE17" s="114">
        <v>155274</v>
      </c>
      <c r="GF17" s="113">
        <v>1602699</v>
      </c>
      <c r="GG17" s="316">
        <v>1739283</v>
      </c>
      <c r="GH17" s="115">
        <v>0</v>
      </c>
      <c r="GI17" s="114">
        <v>0</v>
      </c>
      <c r="GJ17" s="112">
        <v>0</v>
      </c>
      <c r="GK17" s="111">
        <v>0</v>
      </c>
      <c r="GL17" s="114">
        <v>0</v>
      </c>
      <c r="GM17" s="114">
        <v>24255</v>
      </c>
      <c r="GN17" s="114">
        <v>36652</v>
      </c>
      <c r="GO17" s="114">
        <v>35420</v>
      </c>
      <c r="GP17" s="114">
        <v>0</v>
      </c>
      <c r="GQ17" s="113">
        <v>96327</v>
      </c>
      <c r="GR17" s="116">
        <v>96327</v>
      </c>
      <c r="GS17" s="110">
        <v>36057</v>
      </c>
      <c r="GT17" s="114">
        <v>71995</v>
      </c>
      <c r="GU17" s="113">
        <v>108052</v>
      </c>
      <c r="GV17" s="110">
        <v>0</v>
      </c>
      <c r="GW17" s="114">
        <v>169702</v>
      </c>
      <c r="GX17" s="114">
        <v>0</v>
      </c>
      <c r="GY17" s="114">
        <v>0</v>
      </c>
      <c r="GZ17" s="114">
        <v>44240</v>
      </c>
      <c r="HA17" s="114">
        <v>0</v>
      </c>
      <c r="HB17" s="112">
        <v>213942</v>
      </c>
      <c r="HC17" s="116">
        <v>321994</v>
      </c>
      <c r="HD17" s="110">
        <v>46420</v>
      </c>
      <c r="HE17" s="114">
        <v>164812</v>
      </c>
      <c r="HF17" s="112">
        <v>211232</v>
      </c>
      <c r="HG17" s="111">
        <v>0</v>
      </c>
      <c r="HH17" s="114">
        <v>2781693</v>
      </c>
      <c r="HI17" s="114">
        <v>1522933</v>
      </c>
      <c r="HJ17" s="114">
        <v>2363489</v>
      </c>
      <c r="HK17" s="114">
        <v>2459087</v>
      </c>
      <c r="HL17" s="114">
        <v>1397523</v>
      </c>
      <c r="HM17" s="113">
        <v>10524725</v>
      </c>
      <c r="HN17" s="109">
        <v>10735957</v>
      </c>
      <c r="HO17" s="326"/>
      <c r="HP17" s="327"/>
      <c r="HQ17" s="328"/>
      <c r="HR17" s="329"/>
      <c r="HS17" s="327"/>
      <c r="HT17" s="327"/>
      <c r="HU17" s="327"/>
      <c r="HV17" s="327"/>
      <c r="HW17" s="327"/>
      <c r="HX17" s="330"/>
      <c r="HY17" s="331"/>
      <c r="HZ17" s="131">
        <v>0</v>
      </c>
      <c r="IA17" s="132">
        <v>61362</v>
      </c>
      <c r="IB17" s="133">
        <v>61362</v>
      </c>
      <c r="IC17" s="146">
        <v>0</v>
      </c>
      <c r="ID17" s="132">
        <v>783367</v>
      </c>
      <c r="IE17" s="147">
        <v>1346642</v>
      </c>
      <c r="IF17" s="133">
        <v>1060428</v>
      </c>
      <c r="IG17" s="132">
        <v>1425684</v>
      </c>
      <c r="IH17" s="133">
        <v>101327</v>
      </c>
      <c r="II17" s="148">
        <v>4717448</v>
      </c>
      <c r="IJ17" s="139">
        <v>4778810</v>
      </c>
      <c r="IK17" s="232">
        <v>0</v>
      </c>
      <c r="IL17" s="236">
        <v>0</v>
      </c>
      <c r="IM17" s="237">
        <v>0</v>
      </c>
      <c r="IN17" s="140"/>
      <c r="IO17" s="119">
        <v>68271</v>
      </c>
      <c r="IP17" s="119">
        <v>110554</v>
      </c>
      <c r="IQ17" s="119">
        <v>88597</v>
      </c>
      <c r="IR17" s="119">
        <v>341257</v>
      </c>
      <c r="IS17" s="119">
        <v>0</v>
      </c>
      <c r="IT17" s="141">
        <v>608679</v>
      </c>
      <c r="IU17" s="318">
        <v>608679</v>
      </c>
      <c r="IV17" s="142">
        <v>0</v>
      </c>
      <c r="IW17" s="119">
        <v>0</v>
      </c>
      <c r="IX17" s="120">
        <v>0</v>
      </c>
      <c r="IY17" s="144"/>
      <c r="IZ17" s="119">
        <v>14732</v>
      </c>
      <c r="JA17" s="119">
        <v>14732</v>
      </c>
      <c r="JB17" s="119">
        <v>0</v>
      </c>
      <c r="JC17" s="119">
        <v>0</v>
      </c>
      <c r="JD17" s="119">
        <v>0</v>
      </c>
      <c r="JE17" s="120">
        <v>29464</v>
      </c>
      <c r="JF17" s="121">
        <v>29464</v>
      </c>
      <c r="JG17" s="142">
        <v>0</v>
      </c>
      <c r="JH17" s="119">
        <v>0</v>
      </c>
      <c r="JI17" s="141">
        <v>0</v>
      </c>
      <c r="JJ17" s="118">
        <v>0</v>
      </c>
      <c r="JK17" s="119">
        <v>670803</v>
      </c>
      <c r="JL17" s="119">
        <v>629865</v>
      </c>
      <c r="JM17" s="119">
        <v>394983</v>
      </c>
      <c r="JN17" s="119">
        <v>108427</v>
      </c>
      <c r="JO17" s="119">
        <v>101327</v>
      </c>
      <c r="JP17" s="120">
        <v>1905405</v>
      </c>
      <c r="JQ17" s="318">
        <v>1905405</v>
      </c>
      <c r="JR17" s="142">
        <v>0</v>
      </c>
      <c r="JS17" s="119">
        <v>0</v>
      </c>
      <c r="JT17" s="141">
        <v>0</v>
      </c>
      <c r="JU17" s="118">
        <v>0</v>
      </c>
      <c r="JV17" s="119">
        <v>29561</v>
      </c>
      <c r="JW17" s="119">
        <v>0</v>
      </c>
      <c r="JX17" s="119">
        <v>0</v>
      </c>
      <c r="JY17" s="119">
        <v>0</v>
      </c>
      <c r="JZ17" s="119">
        <v>0</v>
      </c>
      <c r="KA17" s="120">
        <v>29561</v>
      </c>
      <c r="KB17" s="318">
        <v>29561</v>
      </c>
      <c r="KC17" s="234">
        <v>0</v>
      </c>
      <c r="KD17" s="230">
        <v>61362</v>
      </c>
      <c r="KE17" s="120">
        <v>61362</v>
      </c>
      <c r="KF17" s="118">
        <v>0</v>
      </c>
      <c r="KG17" s="119">
        <v>0</v>
      </c>
      <c r="KH17" s="119">
        <v>154582</v>
      </c>
      <c r="KI17" s="119">
        <v>352271</v>
      </c>
      <c r="KJ17" s="119">
        <v>0</v>
      </c>
      <c r="KK17" s="119">
        <v>0</v>
      </c>
      <c r="KL17" s="120">
        <v>506853</v>
      </c>
      <c r="KM17" s="143">
        <v>568215</v>
      </c>
      <c r="KN17" s="232">
        <v>0</v>
      </c>
      <c r="KO17" s="236">
        <v>0</v>
      </c>
      <c r="KP17" s="237">
        <v>0</v>
      </c>
      <c r="KQ17" s="140"/>
      <c r="KR17" s="119">
        <v>0</v>
      </c>
      <c r="KS17" s="119">
        <v>436909</v>
      </c>
      <c r="KT17" s="119">
        <v>224577</v>
      </c>
      <c r="KU17" s="119">
        <v>976000</v>
      </c>
      <c r="KV17" s="119">
        <v>0</v>
      </c>
      <c r="KW17" s="120">
        <v>1637486</v>
      </c>
      <c r="KX17" s="318">
        <v>1637486</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18">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440444</v>
      </c>
      <c r="MK17" s="119">
        <v>91784</v>
      </c>
      <c r="ML17" s="119">
        <v>831863</v>
      </c>
      <c r="MM17" s="119">
        <v>2707500</v>
      </c>
      <c r="MN17" s="119">
        <v>2539129</v>
      </c>
      <c r="MO17" s="120">
        <v>6610720</v>
      </c>
      <c r="MP17" s="143">
        <v>6610720</v>
      </c>
      <c r="MQ17" s="142">
        <v>0</v>
      </c>
      <c r="MR17" s="119">
        <v>0</v>
      </c>
      <c r="MS17" s="120">
        <v>0</v>
      </c>
      <c r="MT17" s="145"/>
      <c r="MU17" s="119">
        <v>0</v>
      </c>
      <c r="MV17" s="119">
        <v>0</v>
      </c>
      <c r="MW17" s="119">
        <v>240352</v>
      </c>
      <c r="MX17" s="119">
        <v>940584</v>
      </c>
      <c r="MY17" s="119">
        <v>2266909</v>
      </c>
      <c r="MZ17" s="120">
        <v>3447845</v>
      </c>
      <c r="NA17" s="143">
        <v>3447845</v>
      </c>
      <c r="NB17" s="142">
        <v>0</v>
      </c>
      <c r="NC17" s="119">
        <v>0</v>
      </c>
      <c r="ND17" s="120">
        <v>0</v>
      </c>
      <c r="NE17" s="145"/>
      <c r="NF17" s="119">
        <v>440444</v>
      </c>
      <c r="NG17" s="119">
        <v>91784</v>
      </c>
      <c r="NH17" s="119">
        <v>591511</v>
      </c>
      <c r="NI17" s="119">
        <v>1766916</v>
      </c>
      <c r="NJ17" s="119">
        <v>272220</v>
      </c>
      <c r="NK17" s="120">
        <v>3162875</v>
      </c>
      <c r="NL17" s="318">
        <v>3162875</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256124</v>
      </c>
      <c r="OJ17" s="119">
        <v>520341</v>
      </c>
      <c r="OK17" s="141">
        <v>776465</v>
      </c>
      <c r="OL17" s="118">
        <v>0</v>
      </c>
      <c r="OM17" s="119">
        <v>7020419</v>
      </c>
      <c r="ON17" s="119">
        <v>6226224</v>
      </c>
      <c r="OO17" s="119">
        <v>7622813</v>
      </c>
      <c r="OP17" s="119">
        <v>10246349</v>
      </c>
      <c r="OQ17" s="119">
        <v>6368426</v>
      </c>
      <c r="OR17" s="120">
        <v>37484231</v>
      </c>
      <c r="OS17" s="143">
        <v>38260696</v>
      </c>
    </row>
    <row r="18" spans="2:409" ht="21" customHeight="1" x14ac:dyDescent="0.2">
      <c r="B18" s="126" t="s">
        <v>12</v>
      </c>
      <c r="C18" s="110">
        <v>1037308</v>
      </c>
      <c r="D18" s="114">
        <v>1615766</v>
      </c>
      <c r="E18" s="113">
        <v>2653074</v>
      </c>
      <c r="F18" s="109">
        <v>0</v>
      </c>
      <c r="G18" s="114">
        <v>5865412</v>
      </c>
      <c r="H18" s="170">
        <v>6273389</v>
      </c>
      <c r="I18" s="170">
        <v>7609101</v>
      </c>
      <c r="J18" s="170">
        <v>7364184</v>
      </c>
      <c r="K18" s="170">
        <v>5518967</v>
      </c>
      <c r="L18" s="112">
        <v>32631053</v>
      </c>
      <c r="M18" s="116">
        <v>35284127</v>
      </c>
      <c r="N18" s="110">
        <v>259352</v>
      </c>
      <c r="O18" s="114">
        <v>499316</v>
      </c>
      <c r="P18" s="113">
        <v>758668</v>
      </c>
      <c r="Q18" s="110">
        <v>0</v>
      </c>
      <c r="R18" s="114">
        <v>1942297</v>
      </c>
      <c r="S18" s="114">
        <v>2345794</v>
      </c>
      <c r="T18" s="114">
        <v>2938852</v>
      </c>
      <c r="U18" s="114">
        <v>2611404</v>
      </c>
      <c r="V18" s="114">
        <v>3030547</v>
      </c>
      <c r="W18" s="113">
        <v>12868894</v>
      </c>
      <c r="X18" s="116">
        <v>13627562</v>
      </c>
      <c r="Y18" s="110">
        <v>0</v>
      </c>
      <c r="Z18" s="114">
        <v>0</v>
      </c>
      <c r="AA18" s="113">
        <v>0</v>
      </c>
      <c r="AB18" s="110">
        <v>0</v>
      </c>
      <c r="AC18" s="114">
        <v>1110380</v>
      </c>
      <c r="AD18" s="114">
        <v>1277183</v>
      </c>
      <c r="AE18" s="114">
        <v>2008963</v>
      </c>
      <c r="AF18" s="114">
        <v>1625090</v>
      </c>
      <c r="AG18" s="114">
        <v>1765293</v>
      </c>
      <c r="AH18" s="113">
        <v>7786909</v>
      </c>
      <c r="AI18" s="116">
        <v>7786909</v>
      </c>
      <c r="AJ18" s="110">
        <v>0</v>
      </c>
      <c r="AK18" s="114">
        <v>0</v>
      </c>
      <c r="AL18" s="113">
        <v>0</v>
      </c>
      <c r="AM18" s="110">
        <v>0</v>
      </c>
      <c r="AN18" s="114">
        <v>0</v>
      </c>
      <c r="AO18" s="114">
        <v>93228</v>
      </c>
      <c r="AP18" s="114">
        <v>52781</v>
      </c>
      <c r="AQ18" s="114">
        <v>40917</v>
      </c>
      <c r="AR18" s="114">
        <v>431275</v>
      </c>
      <c r="AS18" s="113">
        <v>618201</v>
      </c>
      <c r="AT18" s="116">
        <v>618201</v>
      </c>
      <c r="AU18" s="110">
        <v>155465</v>
      </c>
      <c r="AV18" s="114">
        <v>403024</v>
      </c>
      <c r="AW18" s="113">
        <v>558489</v>
      </c>
      <c r="AX18" s="110">
        <v>0</v>
      </c>
      <c r="AY18" s="114">
        <v>592684</v>
      </c>
      <c r="AZ18" s="114">
        <v>712358</v>
      </c>
      <c r="BA18" s="114">
        <v>517109</v>
      </c>
      <c r="BB18" s="114">
        <v>549946</v>
      </c>
      <c r="BC18" s="114">
        <v>624266</v>
      </c>
      <c r="BD18" s="113">
        <v>2996363</v>
      </c>
      <c r="BE18" s="116">
        <v>3554852</v>
      </c>
      <c r="BF18" s="110">
        <v>0</v>
      </c>
      <c r="BG18" s="114">
        <v>34888</v>
      </c>
      <c r="BH18" s="112">
        <v>34888</v>
      </c>
      <c r="BI18" s="111">
        <v>0</v>
      </c>
      <c r="BJ18" s="114">
        <v>102782</v>
      </c>
      <c r="BK18" s="114">
        <v>78967</v>
      </c>
      <c r="BL18" s="114">
        <v>94755</v>
      </c>
      <c r="BM18" s="114">
        <v>18676</v>
      </c>
      <c r="BN18" s="114">
        <v>0</v>
      </c>
      <c r="BO18" s="113">
        <v>295180</v>
      </c>
      <c r="BP18" s="116">
        <v>330068</v>
      </c>
      <c r="BQ18" s="110">
        <v>103887</v>
      </c>
      <c r="BR18" s="114">
        <v>61404</v>
      </c>
      <c r="BS18" s="113">
        <v>165291</v>
      </c>
      <c r="BT18" s="110">
        <v>0</v>
      </c>
      <c r="BU18" s="114">
        <v>136451</v>
      </c>
      <c r="BV18" s="114">
        <v>184058</v>
      </c>
      <c r="BW18" s="114">
        <v>265244</v>
      </c>
      <c r="BX18" s="114">
        <v>376775</v>
      </c>
      <c r="BY18" s="114">
        <v>209713</v>
      </c>
      <c r="BZ18" s="113">
        <v>1172241</v>
      </c>
      <c r="CA18" s="116">
        <v>1337532</v>
      </c>
      <c r="CB18" s="110">
        <v>263607</v>
      </c>
      <c r="CC18" s="114">
        <v>237178</v>
      </c>
      <c r="CD18" s="113">
        <v>500785</v>
      </c>
      <c r="CE18" s="110">
        <v>0</v>
      </c>
      <c r="CF18" s="114">
        <v>2528054</v>
      </c>
      <c r="CG18" s="114">
        <v>2041697</v>
      </c>
      <c r="CH18" s="114">
        <v>1713832</v>
      </c>
      <c r="CI18" s="114">
        <v>1103656</v>
      </c>
      <c r="CJ18" s="114">
        <v>626623</v>
      </c>
      <c r="CK18" s="113">
        <v>8013862</v>
      </c>
      <c r="CL18" s="116">
        <v>8514647</v>
      </c>
      <c r="CM18" s="110">
        <v>0</v>
      </c>
      <c r="CN18" s="114">
        <v>0</v>
      </c>
      <c r="CO18" s="113">
        <v>0</v>
      </c>
      <c r="CP18" s="111">
        <v>0</v>
      </c>
      <c r="CQ18" s="114">
        <v>1837080</v>
      </c>
      <c r="CR18" s="114">
        <v>1493590</v>
      </c>
      <c r="CS18" s="114">
        <v>876396</v>
      </c>
      <c r="CT18" s="114">
        <v>758668</v>
      </c>
      <c r="CU18" s="114">
        <v>568386</v>
      </c>
      <c r="CV18" s="113">
        <v>5534120</v>
      </c>
      <c r="CW18" s="116">
        <v>5534120</v>
      </c>
      <c r="CX18" s="110">
        <v>263607</v>
      </c>
      <c r="CY18" s="114">
        <v>237178</v>
      </c>
      <c r="CZ18" s="113">
        <v>500785</v>
      </c>
      <c r="DA18" s="110">
        <v>0</v>
      </c>
      <c r="DB18" s="114">
        <v>690974</v>
      </c>
      <c r="DC18" s="114">
        <v>548107</v>
      </c>
      <c r="DD18" s="114">
        <v>837436</v>
      </c>
      <c r="DE18" s="114">
        <v>344988</v>
      </c>
      <c r="DF18" s="114">
        <v>58237</v>
      </c>
      <c r="DG18" s="113">
        <v>2479742</v>
      </c>
      <c r="DH18" s="116">
        <v>2980527</v>
      </c>
      <c r="DI18" s="110">
        <v>0</v>
      </c>
      <c r="DJ18" s="114">
        <v>0</v>
      </c>
      <c r="DK18" s="112">
        <v>0</v>
      </c>
      <c r="DL18" s="111">
        <v>0</v>
      </c>
      <c r="DM18" s="114">
        <v>523732</v>
      </c>
      <c r="DN18" s="114">
        <v>231265</v>
      </c>
      <c r="DO18" s="114">
        <v>897589</v>
      </c>
      <c r="DP18" s="114">
        <v>562270</v>
      </c>
      <c r="DQ18" s="114">
        <v>95147</v>
      </c>
      <c r="DR18" s="113">
        <v>2310003</v>
      </c>
      <c r="DS18" s="116">
        <v>2310003</v>
      </c>
      <c r="DT18" s="110">
        <v>0</v>
      </c>
      <c r="DU18" s="114">
        <v>0</v>
      </c>
      <c r="DV18" s="113">
        <v>0</v>
      </c>
      <c r="DW18" s="110">
        <v>0</v>
      </c>
      <c r="DX18" s="114">
        <v>523732</v>
      </c>
      <c r="DY18" s="114">
        <v>231265</v>
      </c>
      <c r="DZ18" s="114">
        <v>897589</v>
      </c>
      <c r="EA18" s="114">
        <v>562270</v>
      </c>
      <c r="EB18" s="114">
        <v>95147</v>
      </c>
      <c r="EC18" s="113">
        <v>2310003</v>
      </c>
      <c r="ED18" s="116">
        <v>2310003</v>
      </c>
      <c r="EE18" s="110">
        <v>0</v>
      </c>
      <c r="EF18" s="112">
        <v>0</v>
      </c>
      <c r="EG18" s="113">
        <v>0</v>
      </c>
      <c r="EH18" s="110">
        <v>0</v>
      </c>
      <c r="EI18" s="114">
        <v>0</v>
      </c>
      <c r="EJ18" s="114">
        <v>0</v>
      </c>
      <c r="EK18" s="114">
        <v>0</v>
      </c>
      <c r="EL18" s="114">
        <v>0</v>
      </c>
      <c r="EM18" s="114">
        <v>0</v>
      </c>
      <c r="EN18" s="112">
        <v>0</v>
      </c>
      <c r="EO18" s="116">
        <v>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5"/>
      <c r="FE18" s="114">
        <v>0</v>
      </c>
      <c r="FF18" s="114">
        <v>0</v>
      </c>
      <c r="FG18" s="114">
        <v>0</v>
      </c>
      <c r="FH18" s="114">
        <v>0</v>
      </c>
      <c r="FI18" s="114">
        <v>0</v>
      </c>
      <c r="FJ18" s="113">
        <v>0</v>
      </c>
      <c r="FK18" s="116">
        <v>0</v>
      </c>
      <c r="FL18" s="110">
        <v>107408</v>
      </c>
      <c r="FM18" s="114">
        <v>499372</v>
      </c>
      <c r="FN18" s="113">
        <v>606780</v>
      </c>
      <c r="FO18" s="110">
        <v>0</v>
      </c>
      <c r="FP18" s="114">
        <v>282156</v>
      </c>
      <c r="FQ18" s="114">
        <v>695345</v>
      </c>
      <c r="FR18" s="114">
        <v>503552</v>
      </c>
      <c r="FS18" s="114">
        <v>702366</v>
      </c>
      <c r="FT18" s="114">
        <v>510944</v>
      </c>
      <c r="FU18" s="113">
        <v>2694363</v>
      </c>
      <c r="FV18" s="116">
        <v>3301143</v>
      </c>
      <c r="FW18" s="115">
        <v>107408</v>
      </c>
      <c r="FX18" s="114">
        <v>244755</v>
      </c>
      <c r="FY18" s="112">
        <v>352163</v>
      </c>
      <c r="FZ18" s="111">
        <v>0</v>
      </c>
      <c r="GA18" s="114">
        <v>211806</v>
      </c>
      <c r="GB18" s="114">
        <v>639597</v>
      </c>
      <c r="GC18" s="114">
        <v>503552</v>
      </c>
      <c r="GD18" s="114">
        <v>632366</v>
      </c>
      <c r="GE18" s="114">
        <v>465129</v>
      </c>
      <c r="GF18" s="113">
        <v>2452450</v>
      </c>
      <c r="GG18" s="316">
        <v>2804613</v>
      </c>
      <c r="GH18" s="115">
        <v>0</v>
      </c>
      <c r="GI18" s="114">
        <v>11550</v>
      </c>
      <c r="GJ18" s="112">
        <v>11550</v>
      </c>
      <c r="GK18" s="111">
        <v>0</v>
      </c>
      <c r="GL18" s="114">
        <v>26950</v>
      </c>
      <c r="GM18" s="114">
        <v>55748</v>
      </c>
      <c r="GN18" s="114">
        <v>0</v>
      </c>
      <c r="GO18" s="114">
        <v>70000</v>
      </c>
      <c r="GP18" s="114">
        <v>45815</v>
      </c>
      <c r="GQ18" s="113">
        <v>198513</v>
      </c>
      <c r="GR18" s="116">
        <v>210063</v>
      </c>
      <c r="GS18" s="110">
        <v>0</v>
      </c>
      <c r="GT18" s="114">
        <v>243067</v>
      </c>
      <c r="GU18" s="113">
        <v>243067</v>
      </c>
      <c r="GV18" s="110">
        <v>0</v>
      </c>
      <c r="GW18" s="114">
        <v>43400</v>
      </c>
      <c r="GX18" s="114">
        <v>0</v>
      </c>
      <c r="GY18" s="114">
        <v>0</v>
      </c>
      <c r="GZ18" s="114">
        <v>0</v>
      </c>
      <c r="HA18" s="114">
        <v>0</v>
      </c>
      <c r="HB18" s="112">
        <v>43400</v>
      </c>
      <c r="HC18" s="116">
        <v>286467</v>
      </c>
      <c r="HD18" s="110">
        <v>406941</v>
      </c>
      <c r="HE18" s="114">
        <v>379900</v>
      </c>
      <c r="HF18" s="112">
        <v>786841</v>
      </c>
      <c r="HG18" s="111">
        <v>0</v>
      </c>
      <c r="HH18" s="114">
        <v>589173</v>
      </c>
      <c r="HI18" s="114">
        <v>959288</v>
      </c>
      <c r="HJ18" s="114">
        <v>1555276</v>
      </c>
      <c r="HK18" s="114">
        <v>2384488</v>
      </c>
      <c r="HL18" s="114">
        <v>1255706</v>
      </c>
      <c r="HM18" s="113">
        <v>6743931</v>
      </c>
      <c r="HN18" s="109">
        <v>7530772</v>
      </c>
      <c r="HO18" s="326"/>
      <c r="HP18" s="327"/>
      <c r="HQ18" s="328"/>
      <c r="HR18" s="329"/>
      <c r="HS18" s="327"/>
      <c r="HT18" s="327"/>
      <c r="HU18" s="327"/>
      <c r="HV18" s="327"/>
      <c r="HW18" s="327"/>
      <c r="HX18" s="330"/>
      <c r="HY18" s="331"/>
      <c r="HZ18" s="150">
        <v>0</v>
      </c>
      <c r="IA18" s="135">
        <v>0</v>
      </c>
      <c r="IB18" s="150">
        <v>0</v>
      </c>
      <c r="IC18" s="134">
        <v>0</v>
      </c>
      <c r="ID18" s="135">
        <v>818256</v>
      </c>
      <c r="IE18" s="136">
        <v>1659469</v>
      </c>
      <c r="IF18" s="137">
        <v>1202543</v>
      </c>
      <c r="IG18" s="135">
        <v>2888921</v>
      </c>
      <c r="IH18" s="137">
        <v>1771726</v>
      </c>
      <c r="II18" s="138">
        <v>8340915</v>
      </c>
      <c r="IJ18" s="150">
        <v>8340915</v>
      </c>
      <c r="IK18" s="232">
        <v>0</v>
      </c>
      <c r="IL18" s="236">
        <v>0</v>
      </c>
      <c r="IM18" s="237">
        <v>0</v>
      </c>
      <c r="IN18" s="140"/>
      <c r="IO18" s="119">
        <v>0</v>
      </c>
      <c r="IP18" s="119">
        <v>0</v>
      </c>
      <c r="IQ18" s="119">
        <v>0</v>
      </c>
      <c r="IR18" s="119">
        <v>0</v>
      </c>
      <c r="IS18" s="119">
        <v>0</v>
      </c>
      <c r="IT18" s="141">
        <v>0</v>
      </c>
      <c r="IU18" s="318">
        <v>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598125</v>
      </c>
      <c r="JL18" s="119">
        <v>602359</v>
      </c>
      <c r="JM18" s="119">
        <v>348300</v>
      </c>
      <c r="JN18" s="119">
        <v>559791</v>
      </c>
      <c r="JO18" s="119">
        <v>216222</v>
      </c>
      <c r="JP18" s="120">
        <v>2324797</v>
      </c>
      <c r="JQ18" s="318">
        <v>2324797</v>
      </c>
      <c r="JR18" s="142">
        <v>0</v>
      </c>
      <c r="JS18" s="119">
        <v>0</v>
      </c>
      <c r="JT18" s="141">
        <v>0</v>
      </c>
      <c r="JU18" s="118">
        <v>0</v>
      </c>
      <c r="JV18" s="119">
        <v>0</v>
      </c>
      <c r="JW18" s="119">
        <v>0</v>
      </c>
      <c r="JX18" s="119">
        <v>0</v>
      </c>
      <c r="JY18" s="119">
        <v>0</v>
      </c>
      <c r="JZ18" s="119">
        <v>0</v>
      </c>
      <c r="KA18" s="120">
        <v>0</v>
      </c>
      <c r="KB18" s="318">
        <v>0</v>
      </c>
      <c r="KC18" s="234">
        <v>0</v>
      </c>
      <c r="KD18" s="230">
        <v>0</v>
      </c>
      <c r="KE18" s="120">
        <v>0</v>
      </c>
      <c r="KF18" s="118">
        <v>0</v>
      </c>
      <c r="KG18" s="119">
        <v>106801</v>
      </c>
      <c r="KH18" s="119">
        <v>473236</v>
      </c>
      <c r="KI18" s="119">
        <v>173531</v>
      </c>
      <c r="KJ18" s="119">
        <v>697156</v>
      </c>
      <c r="KK18" s="119">
        <v>0</v>
      </c>
      <c r="KL18" s="120">
        <v>1450724</v>
      </c>
      <c r="KM18" s="143">
        <v>1450724</v>
      </c>
      <c r="KN18" s="232">
        <v>0</v>
      </c>
      <c r="KO18" s="236">
        <v>0</v>
      </c>
      <c r="KP18" s="237">
        <v>0</v>
      </c>
      <c r="KQ18" s="140"/>
      <c r="KR18" s="119">
        <v>113330</v>
      </c>
      <c r="KS18" s="119">
        <v>220824</v>
      </c>
      <c r="KT18" s="119">
        <v>223012</v>
      </c>
      <c r="KU18" s="119">
        <v>685120</v>
      </c>
      <c r="KV18" s="119">
        <v>472327</v>
      </c>
      <c r="KW18" s="120">
        <v>1714613</v>
      </c>
      <c r="KX18" s="318">
        <v>1714613</v>
      </c>
      <c r="KY18" s="142">
        <v>0</v>
      </c>
      <c r="KZ18" s="119">
        <v>0</v>
      </c>
      <c r="LA18" s="120">
        <v>0</v>
      </c>
      <c r="LB18" s="145"/>
      <c r="LC18" s="119">
        <v>0</v>
      </c>
      <c r="LD18" s="119">
        <v>158325</v>
      </c>
      <c r="LE18" s="119">
        <v>0</v>
      </c>
      <c r="LF18" s="119">
        <v>384562</v>
      </c>
      <c r="LG18" s="119">
        <v>198492</v>
      </c>
      <c r="LH18" s="120">
        <v>741379</v>
      </c>
      <c r="LI18" s="121">
        <v>741379</v>
      </c>
      <c r="LJ18" s="142">
        <v>0</v>
      </c>
      <c r="LK18" s="119">
        <v>0</v>
      </c>
      <c r="LL18" s="120">
        <v>0</v>
      </c>
      <c r="LM18" s="145"/>
      <c r="LN18" s="119">
        <v>0</v>
      </c>
      <c r="LO18" s="119">
        <v>0</v>
      </c>
      <c r="LP18" s="119">
        <v>224431</v>
      </c>
      <c r="LQ18" s="119">
        <v>0</v>
      </c>
      <c r="LR18" s="119">
        <v>259916</v>
      </c>
      <c r="LS18" s="120">
        <v>484347</v>
      </c>
      <c r="LT18" s="318">
        <v>484347</v>
      </c>
      <c r="LU18" s="142">
        <v>0</v>
      </c>
      <c r="LV18" s="119">
        <v>0</v>
      </c>
      <c r="LW18" s="120">
        <v>0</v>
      </c>
      <c r="LX18" s="145"/>
      <c r="LY18" s="119">
        <v>0</v>
      </c>
      <c r="LZ18" s="119">
        <v>204725</v>
      </c>
      <c r="MA18" s="119">
        <v>233269</v>
      </c>
      <c r="MB18" s="119">
        <v>562292</v>
      </c>
      <c r="MC18" s="119">
        <v>624769</v>
      </c>
      <c r="MD18" s="120">
        <v>1625055</v>
      </c>
      <c r="ME18" s="121">
        <v>1625055</v>
      </c>
      <c r="MF18" s="142">
        <v>0</v>
      </c>
      <c r="MG18" s="119">
        <v>0</v>
      </c>
      <c r="MH18" s="120">
        <v>0</v>
      </c>
      <c r="MI18" s="145"/>
      <c r="MJ18" s="119">
        <v>0</v>
      </c>
      <c r="MK18" s="119">
        <v>841224</v>
      </c>
      <c r="ML18" s="119">
        <v>1508096</v>
      </c>
      <c r="MM18" s="119">
        <v>3732387</v>
      </c>
      <c r="MN18" s="119">
        <v>640048</v>
      </c>
      <c r="MO18" s="120">
        <v>6721755</v>
      </c>
      <c r="MP18" s="143">
        <v>6721755</v>
      </c>
      <c r="MQ18" s="142">
        <v>0</v>
      </c>
      <c r="MR18" s="119">
        <v>0</v>
      </c>
      <c r="MS18" s="120">
        <v>0</v>
      </c>
      <c r="MT18" s="145"/>
      <c r="MU18" s="119">
        <v>0</v>
      </c>
      <c r="MV18" s="119">
        <v>160995</v>
      </c>
      <c r="MW18" s="119">
        <v>480129</v>
      </c>
      <c r="MX18" s="119">
        <v>2181618</v>
      </c>
      <c r="MY18" s="119">
        <v>382785</v>
      </c>
      <c r="MZ18" s="120">
        <v>3205527</v>
      </c>
      <c r="NA18" s="143">
        <v>3205527</v>
      </c>
      <c r="NB18" s="142">
        <v>0</v>
      </c>
      <c r="NC18" s="119">
        <v>0</v>
      </c>
      <c r="ND18" s="120">
        <v>0</v>
      </c>
      <c r="NE18" s="145"/>
      <c r="NF18" s="119">
        <v>0</v>
      </c>
      <c r="NG18" s="119">
        <v>680229</v>
      </c>
      <c r="NH18" s="119">
        <v>1027967</v>
      </c>
      <c r="NI18" s="119">
        <v>1244774</v>
      </c>
      <c r="NJ18" s="119">
        <v>257263</v>
      </c>
      <c r="NK18" s="120">
        <v>3210233</v>
      </c>
      <c r="NL18" s="318">
        <v>3210233</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05995</v>
      </c>
      <c r="OF18" s="119">
        <v>0</v>
      </c>
      <c r="OG18" s="120">
        <v>305995</v>
      </c>
      <c r="OH18" s="121">
        <v>305995</v>
      </c>
      <c r="OI18" s="142">
        <v>1037308</v>
      </c>
      <c r="OJ18" s="119">
        <v>1615766</v>
      </c>
      <c r="OK18" s="141">
        <v>2653074</v>
      </c>
      <c r="OL18" s="118">
        <v>0</v>
      </c>
      <c r="OM18" s="119">
        <v>6683668</v>
      </c>
      <c r="ON18" s="119">
        <v>8774082</v>
      </c>
      <c r="OO18" s="119">
        <v>10319740</v>
      </c>
      <c r="OP18" s="119">
        <v>13985492</v>
      </c>
      <c r="OQ18" s="119">
        <v>7930741</v>
      </c>
      <c r="OR18" s="120">
        <v>47693723</v>
      </c>
      <c r="OS18" s="143">
        <v>50346797</v>
      </c>
    </row>
    <row r="19" spans="2:409" ht="21" customHeight="1" x14ac:dyDescent="0.2">
      <c r="B19" s="126" t="s">
        <v>13</v>
      </c>
      <c r="C19" s="110">
        <v>351511</v>
      </c>
      <c r="D19" s="114">
        <v>391132</v>
      </c>
      <c r="E19" s="113">
        <v>742643</v>
      </c>
      <c r="F19" s="110">
        <v>0</v>
      </c>
      <c r="G19" s="170">
        <v>3471811</v>
      </c>
      <c r="H19" s="114">
        <v>4821928</v>
      </c>
      <c r="I19" s="114">
        <v>4485185</v>
      </c>
      <c r="J19" s="114">
        <v>3830961</v>
      </c>
      <c r="K19" s="114">
        <v>4308267</v>
      </c>
      <c r="L19" s="112">
        <v>20918152</v>
      </c>
      <c r="M19" s="116">
        <v>21660795</v>
      </c>
      <c r="N19" s="110">
        <v>106087</v>
      </c>
      <c r="O19" s="114">
        <v>182549</v>
      </c>
      <c r="P19" s="113">
        <v>288636</v>
      </c>
      <c r="Q19" s="110">
        <v>0</v>
      </c>
      <c r="R19" s="114">
        <v>1213167</v>
      </c>
      <c r="S19" s="114">
        <v>1657542</v>
      </c>
      <c r="T19" s="114">
        <v>2101730</v>
      </c>
      <c r="U19" s="114">
        <v>1472559</v>
      </c>
      <c r="V19" s="114">
        <v>2827423</v>
      </c>
      <c r="W19" s="113">
        <v>9272421</v>
      </c>
      <c r="X19" s="116">
        <v>9561057</v>
      </c>
      <c r="Y19" s="110">
        <v>0</v>
      </c>
      <c r="Z19" s="114">
        <v>0</v>
      </c>
      <c r="AA19" s="113">
        <v>0</v>
      </c>
      <c r="AB19" s="110">
        <v>0</v>
      </c>
      <c r="AC19" s="114">
        <v>516863</v>
      </c>
      <c r="AD19" s="114">
        <v>945600</v>
      </c>
      <c r="AE19" s="114">
        <v>1329876</v>
      </c>
      <c r="AF19" s="114">
        <v>882264</v>
      </c>
      <c r="AG19" s="114">
        <v>1968557</v>
      </c>
      <c r="AH19" s="113">
        <v>5643160</v>
      </c>
      <c r="AI19" s="116">
        <v>5643160</v>
      </c>
      <c r="AJ19" s="110">
        <v>0</v>
      </c>
      <c r="AK19" s="114">
        <v>0</v>
      </c>
      <c r="AL19" s="113">
        <v>0</v>
      </c>
      <c r="AM19" s="110">
        <v>0</v>
      </c>
      <c r="AN19" s="114">
        <v>0</v>
      </c>
      <c r="AO19" s="114">
        <v>0</v>
      </c>
      <c r="AP19" s="114">
        <v>84512</v>
      </c>
      <c r="AQ19" s="114">
        <v>10565</v>
      </c>
      <c r="AR19" s="114">
        <v>0</v>
      </c>
      <c r="AS19" s="113">
        <v>95077</v>
      </c>
      <c r="AT19" s="116">
        <v>95077</v>
      </c>
      <c r="AU19" s="110">
        <v>9697</v>
      </c>
      <c r="AV19" s="114">
        <v>125140</v>
      </c>
      <c r="AW19" s="113">
        <v>134837</v>
      </c>
      <c r="AX19" s="110">
        <v>0</v>
      </c>
      <c r="AY19" s="114">
        <v>503984</v>
      </c>
      <c r="AZ19" s="114">
        <v>401801</v>
      </c>
      <c r="BA19" s="114">
        <v>469005</v>
      </c>
      <c r="BB19" s="114">
        <v>286008</v>
      </c>
      <c r="BC19" s="114">
        <v>452392</v>
      </c>
      <c r="BD19" s="113">
        <v>2113190</v>
      </c>
      <c r="BE19" s="116">
        <v>2248027</v>
      </c>
      <c r="BF19" s="110">
        <v>0</v>
      </c>
      <c r="BG19" s="114">
        <v>4671</v>
      </c>
      <c r="BH19" s="112">
        <v>4671</v>
      </c>
      <c r="BI19" s="111">
        <v>0</v>
      </c>
      <c r="BJ19" s="114">
        <v>28534</v>
      </c>
      <c r="BK19" s="114">
        <v>44344</v>
      </c>
      <c r="BL19" s="114">
        <v>0</v>
      </c>
      <c r="BM19" s="114">
        <v>21863</v>
      </c>
      <c r="BN19" s="114">
        <v>93364</v>
      </c>
      <c r="BO19" s="113">
        <v>188105</v>
      </c>
      <c r="BP19" s="116">
        <v>192776</v>
      </c>
      <c r="BQ19" s="110">
        <v>96390</v>
      </c>
      <c r="BR19" s="114">
        <v>52738</v>
      </c>
      <c r="BS19" s="113">
        <v>149128</v>
      </c>
      <c r="BT19" s="110">
        <v>0</v>
      </c>
      <c r="BU19" s="114">
        <v>163786</v>
      </c>
      <c r="BV19" s="114">
        <v>265797</v>
      </c>
      <c r="BW19" s="114">
        <v>218337</v>
      </c>
      <c r="BX19" s="114">
        <v>271859</v>
      </c>
      <c r="BY19" s="114">
        <v>313110</v>
      </c>
      <c r="BZ19" s="113">
        <v>1232889</v>
      </c>
      <c r="CA19" s="116">
        <v>1382017</v>
      </c>
      <c r="CB19" s="110">
        <v>0</v>
      </c>
      <c r="CC19" s="114">
        <v>0</v>
      </c>
      <c r="CD19" s="113">
        <v>0</v>
      </c>
      <c r="CE19" s="110">
        <v>0</v>
      </c>
      <c r="CF19" s="114">
        <v>697604</v>
      </c>
      <c r="CG19" s="114">
        <v>971153</v>
      </c>
      <c r="CH19" s="114">
        <v>642280</v>
      </c>
      <c r="CI19" s="114">
        <v>407734</v>
      </c>
      <c r="CJ19" s="114">
        <v>116275</v>
      </c>
      <c r="CK19" s="113">
        <v>2835046</v>
      </c>
      <c r="CL19" s="116">
        <v>2835046</v>
      </c>
      <c r="CM19" s="110">
        <v>0</v>
      </c>
      <c r="CN19" s="114">
        <v>0</v>
      </c>
      <c r="CO19" s="113">
        <v>0</v>
      </c>
      <c r="CP19" s="111">
        <v>0</v>
      </c>
      <c r="CQ19" s="114">
        <v>685606</v>
      </c>
      <c r="CR19" s="114">
        <v>858285</v>
      </c>
      <c r="CS19" s="114">
        <v>447086</v>
      </c>
      <c r="CT19" s="114">
        <v>210305</v>
      </c>
      <c r="CU19" s="114">
        <v>17101</v>
      </c>
      <c r="CV19" s="113">
        <v>2218383</v>
      </c>
      <c r="CW19" s="116">
        <v>2218383</v>
      </c>
      <c r="CX19" s="110">
        <v>0</v>
      </c>
      <c r="CY19" s="114">
        <v>0</v>
      </c>
      <c r="CZ19" s="113">
        <v>0</v>
      </c>
      <c r="DA19" s="110">
        <v>0</v>
      </c>
      <c r="DB19" s="114">
        <v>11998</v>
      </c>
      <c r="DC19" s="114">
        <v>112868</v>
      </c>
      <c r="DD19" s="114">
        <v>195194</v>
      </c>
      <c r="DE19" s="114">
        <v>197429</v>
      </c>
      <c r="DF19" s="114">
        <v>99174</v>
      </c>
      <c r="DG19" s="113">
        <v>616663</v>
      </c>
      <c r="DH19" s="116">
        <v>616663</v>
      </c>
      <c r="DI19" s="110">
        <v>0</v>
      </c>
      <c r="DJ19" s="114">
        <v>0</v>
      </c>
      <c r="DK19" s="112">
        <v>0</v>
      </c>
      <c r="DL19" s="111">
        <v>0</v>
      </c>
      <c r="DM19" s="114">
        <v>0</v>
      </c>
      <c r="DN19" s="114">
        <v>78261</v>
      </c>
      <c r="DO19" s="114">
        <v>201819</v>
      </c>
      <c r="DP19" s="114">
        <v>223739</v>
      </c>
      <c r="DQ19" s="114">
        <v>0</v>
      </c>
      <c r="DR19" s="113">
        <v>503819</v>
      </c>
      <c r="DS19" s="116">
        <v>503819</v>
      </c>
      <c r="DT19" s="110">
        <v>0</v>
      </c>
      <c r="DU19" s="114">
        <v>0</v>
      </c>
      <c r="DV19" s="113">
        <v>0</v>
      </c>
      <c r="DW19" s="110">
        <v>0</v>
      </c>
      <c r="DX19" s="114">
        <v>0</v>
      </c>
      <c r="DY19" s="114">
        <v>78261</v>
      </c>
      <c r="DZ19" s="114">
        <v>201819</v>
      </c>
      <c r="EA19" s="114">
        <v>163765</v>
      </c>
      <c r="EB19" s="114">
        <v>0</v>
      </c>
      <c r="EC19" s="113">
        <v>443845</v>
      </c>
      <c r="ED19" s="116">
        <v>443845</v>
      </c>
      <c r="EE19" s="110">
        <v>0</v>
      </c>
      <c r="EF19" s="112">
        <v>0</v>
      </c>
      <c r="EG19" s="113">
        <v>0</v>
      </c>
      <c r="EH19" s="110">
        <v>0</v>
      </c>
      <c r="EI19" s="114">
        <v>0</v>
      </c>
      <c r="EJ19" s="114">
        <v>0</v>
      </c>
      <c r="EK19" s="114">
        <v>0</v>
      </c>
      <c r="EL19" s="114">
        <v>59974</v>
      </c>
      <c r="EM19" s="114">
        <v>0</v>
      </c>
      <c r="EN19" s="112">
        <v>59974</v>
      </c>
      <c r="EO19" s="116">
        <v>59974</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5"/>
      <c r="FE19" s="114">
        <v>0</v>
      </c>
      <c r="FF19" s="114">
        <v>0</v>
      </c>
      <c r="FG19" s="114">
        <v>0</v>
      </c>
      <c r="FH19" s="114">
        <v>0</v>
      </c>
      <c r="FI19" s="114">
        <v>0</v>
      </c>
      <c r="FJ19" s="113">
        <v>0</v>
      </c>
      <c r="FK19" s="116">
        <v>0</v>
      </c>
      <c r="FL19" s="110">
        <v>14840</v>
      </c>
      <c r="FM19" s="114">
        <v>43813</v>
      </c>
      <c r="FN19" s="113">
        <v>58653</v>
      </c>
      <c r="FO19" s="110">
        <v>0</v>
      </c>
      <c r="FP19" s="114">
        <v>119336</v>
      </c>
      <c r="FQ19" s="114">
        <v>511126</v>
      </c>
      <c r="FR19" s="114">
        <v>304374</v>
      </c>
      <c r="FS19" s="114">
        <v>166978</v>
      </c>
      <c r="FT19" s="114">
        <v>215747</v>
      </c>
      <c r="FU19" s="113">
        <v>1317561</v>
      </c>
      <c r="FV19" s="116">
        <v>1376214</v>
      </c>
      <c r="FW19" s="115">
        <v>14840</v>
      </c>
      <c r="FX19" s="114">
        <v>43813</v>
      </c>
      <c r="FY19" s="112">
        <v>58653</v>
      </c>
      <c r="FZ19" s="111">
        <v>0</v>
      </c>
      <c r="GA19" s="114">
        <v>108633</v>
      </c>
      <c r="GB19" s="114">
        <v>434126</v>
      </c>
      <c r="GC19" s="114">
        <v>304374</v>
      </c>
      <c r="GD19" s="114">
        <v>166978</v>
      </c>
      <c r="GE19" s="114">
        <v>197267</v>
      </c>
      <c r="GF19" s="113">
        <v>1211378</v>
      </c>
      <c r="GG19" s="316">
        <v>1270031</v>
      </c>
      <c r="GH19" s="115">
        <v>0</v>
      </c>
      <c r="GI19" s="114">
        <v>0</v>
      </c>
      <c r="GJ19" s="112">
        <v>0</v>
      </c>
      <c r="GK19" s="111">
        <v>0</v>
      </c>
      <c r="GL19" s="114">
        <v>0</v>
      </c>
      <c r="GM19" s="114">
        <v>0</v>
      </c>
      <c r="GN19" s="114">
        <v>0</v>
      </c>
      <c r="GO19" s="114">
        <v>0</v>
      </c>
      <c r="GP19" s="114">
        <v>18480</v>
      </c>
      <c r="GQ19" s="113">
        <v>18480</v>
      </c>
      <c r="GR19" s="116">
        <v>18480</v>
      </c>
      <c r="GS19" s="110">
        <v>0</v>
      </c>
      <c r="GT19" s="114">
        <v>0</v>
      </c>
      <c r="GU19" s="113">
        <v>0</v>
      </c>
      <c r="GV19" s="110">
        <v>0</v>
      </c>
      <c r="GW19" s="114">
        <v>10703</v>
      </c>
      <c r="GX19" s="114">
        <v>77000</v>
      </c>
      <c r="GY19" s="114">
        <v>0</v>
      </c>
      <c r="GZ19" s="114">
        <v>0</v>
      </c>
      <c r="HA19" s="114">
        <v>0</v>
      </c>
      <c r="HB19" s="112">
        <v>87703</v>
      </c>
      <c r="HC19" s="116">
        <v>87703</v>
      </c>
      <c r="HD19" s="110">
        <v>230584</v>
      </c>
      <c r="HE19" s="114">
        <v>164770</v>
      </c>
      <c r="HF19" s="112">
        <v>395354</v>
      </c>
      <c r="HG19" s="111">
        <v>0</v>
      </c>
      <c r="HH19" s="114">
        <v>1441704</v>
      </c>
      <c r="HI19" s="114">
        <v>1603846</v>
      </c>
      <c r="HJ19" s="114">
        <v>1234982</v>
      </c>
      <c r="HK19" s="114">
        <v>1559951</v>
      </c>
      <c r="HL19" s="114">
        <v>1148822</v>
      </c>
      <c r="HM19" s="113">
        <v>6989305</v>
      </c>
      <c r="HN19" s="109">
        <v>7384659</v>
      </c>
      <c r="HO19" s="326"/>
      <c r="HP19" s="327"/>
      <c r="HQ19" s="328"/>
      <c r="HR19" s="329"/>
      <c r="HS19" s="327"/>
      <c r="HT19" s="327"/>
      <c r="HU19" s="327"/>
      <c r="HV19" s="327"/>
      <c r="HW19" s="327"/>
      <c r="HX19" s="330"/>
      <c r="HY19" s="331"/>
      <c r="HZ19" s="131">
        <v>0</v>
      </c>
      <c r="IA19" s="132">
        <v>0</v>
      </c>
      <c r="IB19" s="133">
        <v>0</v>
      </c>
      <c r="IC19" s="146">
        <v>0</v>
      </c>
      <c r="ID19" s="132">
        <v>377486</v>
      </c>
      <c r="IE19" s="147">
        <v>853194</v>
      </c>
      <c r="IF19" s="133">
        <v>699230</v>
      </c>
      <c r="IG19" s="132">
        <v>417415</v>
      </c>
      <c r="IH19" s="133">
        <v>0</v>
      </c>
      <c r="II19" s="148">
        <v>2347325</v>
      </c>
      <c r="IJ19" s="139">
        <v>2347325</v>
      </c>
      <c r="IK19" s="232">
        <v>0</v>
      </c>
      <c r="IL19" s="236">
        <v>0</v>
      </c>
      <c r="IM19" s="237">
        <v>0</v>
      </c>
      <c r="IN19" s="140"/>
      <c r="IO19" s="119">
        <v>0</v>
      </c>
      <c r="IP19" s="119">
        <v>0</v>
      </c>
      <c r="IQ19" s="119">
        <v>0</v>
      </c>
      <c r="IR19" s="119">
        <v>0</v>
      </c>
      <c r="IS19" s="119">
        <v>0</v>
      </c>
      <c r="IT19" s="141">
        <v>0</v>
      </c>
      <c r="IU19" s="318">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77486</v>
      </c>
      <c r="JL19" s="119">
        <v>429952</v>
      </c>
      <c r="JM19" s="119">
        <v>490094</v>
      </c>
      <c r="JN19" s="119">
        <v>185695</v>
      </c>
      <c r="JO19" s="119">
        <v>0</v>
      </c>
      <c r="JP19" s="120">
        <v>1483227</v>
      </c>
      <c r="JQ19" s="318">
        <v>1483227</v>
      </c>
      <c r="JR19" s="142">
        <v>0</v>
      </c>
      <c r="JS19" s="119">
        <v>0</v>
      </c>
      <c r="JT19" s="141">
        <v>0</v>
      </c>
      <c r="JU19" s="118">
        <v>0</v>
      </c>
      <c r="JV19" s="119">
        <v>0</v>
      </c>
      <c r="JW19" s="119">
        <v>48958</v>
      </c>
      <c r="JX19" s="119">
        <v>0</v>
      </c>
      <c r="JY19" s="119">
        <v>0</v>
      </c>
      <c r="JZ19" s="119">
        <v>0</v>
      </c>
      <c r="KA19" s="120">
        <v>48958</v>
      </c>
      <c r="KB19" s="318">
        <v>48958</v>
      </c>
      <c r="KC19" s="234">
        <v>0</v>
      </c>
      <c r="KD19" s="230">
        <v>0</v>
      </c>
      <c r="KE19" s="120">
        <v>0</v>
      </c>
      <c r="KF19" s="118">
        <v>0</v>
      </c>
      <c r="KG19" s="119">
        <v>0</v>
      </c>
      <c r="KH19" s="119">
        <v>149396</v>
      </c>
      <c r="KI19" s="119">
        <v>209136</v>
      </c>
      <c r="KJ19" s="119">
        <v>0</v>
      </c>
      <c r="KK19" s="119">
        <v>0</v>
      </c>
      <c r="KL19" s="120">
        <v>358532</v>
      </c>
      <c r="KM19" s="143">
        <v>358532</v>
      </c>
      <c r="KN19" s="232">
        <v>0</v>
      </c>
      <c r="KO19" s="236">
        <v>0</v>
      </c>
      <c r="KP19" s="237">
        <v>0</v>
      </c>
      <c r="KQ19" s="140"/>
      <c r="KR19" s="119">
        <v>0</v>
      </c>
      <c r="KS19" s="119">
        <v>224888</v>
      </c>
      <c r="KT19" s="119">
        <v>0</v>
      </c>
      <c r="KU19" s="119">
        <v>231720</v>
      </c>
      <c r="KV19" s="119">
        <v>0</v>
      </c>
      <c r="KW19" s="120">
        <v>456608</v>
      </c>
      <c r="KX19" s="318">
        <v>456608</v>
      </c>
      <c r="KY19" s="142">
        <v>0</v>
      </c>
      <c r="KZ19" s="119">
        <v>0</v>
      </c>
      <c r="LA19" s="120">
        <v>0</v>
      </c>
      <c r="LB19" s="145"/>
      <c r="LC19" s="119">
        <v>0</v>
      </c>
      <c r="LD19" s="119">
        <v>0</v>
      </c>
      <c r="LE19" s="119">
        <v>0</v>
      </c>
      <c r="LF19" s="119">
        <v>0</v>
      </c>
      <c r="LG19" s="119">
        <v>0</v>
      </c>
      <c r="LH19" s="120">
        <v>0</v>
      </c>
      <c r="LI19" s="121">
        <v>0</v>
      </c>
      <c r="LJ19" s="142">
        <v>0</v>
      </c>
      <c r="LK19" s="119">
        <v>0</v>
      </c>
      <c r="LL19" s="120">
        <v>0</v>
      </c>
      <c r="LM19" s="145"/>
      <c r="LN19" s="119">
        <v>0</v>
      </c>
      <c r="LO19" s="119">
        <v>0</v>
      </c>
      <c r="LP19" s="119">
        <v>0</v>
      </c>
      <c r="LQ19" s="119">
        <v>0</v>
      </c>
      <c r="LR19" s="119">
        <v>0</v>
      </c>
      <c r="LS19" s="120">
        <v>0</v>
      </c>
      <c r="LT19" s="318">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243621</v>
      </c>
      <c r="ML19" s="119">
        <v>1171903</v>
      </c>
      <c r="MM19" s="119">
        <v>2260831</v>
      </c>
      <c r="MN19" s="119">
        <v>1969906</v>
      </c>
      <c r="MO19" s="120">
        <v>5646261</v>
      </c>
      <c r="MP19" s="143">
        <v>5646261</v>
      </c>
      <c r="MQ19" s="142">
        <v>0</v>
      </c>
      <c r="MR19" s="119">
        <v>0</v>
      </c>
      <c r="MS19" s="120">
        <v>0</v>
      </c>
      <c r="MT19" s="145"/>
      <c r="MU19" s="119">
        <v>0</v>
      </c>
      <c r="MV19" s="119">
        <v>0</v>
      </c>
      <c r="MW19" s="119">
        <v>918688</v>
      </c>
      <c r="MX19" s="119">
        <v>1208608</v>
      </c>
      <c r="MY19" s="119">
        <v>1300711</v>
      </c>
      <c r="MZ19" s="120">
        <v>3428007</v>
      </c>
      <c r="NA19" s="143">
        <v>3428007</v>
      </c>
      <c r="NB19" s="142">
        <v>0</v>
      </c>
      <c r="NC19" s="119">
        <v>0</v>
      </c>
      <c r="ND19" s="120">
        <v>0</v>
      </c>
      <c r="NE19" s="145"/>
      <c r="NF19" s="119">
        <v>0</v>
      </c>
      <c r="NG19" s="119">
        <v>243621</v>
      </c>
      <c r="NH19" s="119">
        <v>253215</v>
      </c>
      <c r="NI19" s="119">
        <v>1052223</v>
      </c>
      <c r="NJ19" s="119">
        <v>669195</v>
      </c>
      <c r="NK19" s="120">
        <v>2218254</v>
      </c>
      <c r="NL19" s="318">
        <v>2218254</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351511</v>
      </c>
      <c r="OJ19" s="119">
        <v>391132</v>
      </c>
      <c r="OK19" s="141">
        <v>742643</v>
      </c>
      <c r="OL19" s="118">
        <v>0</v>
      </c>
      <c r="OM19" s="119">
        <v>3849297</v>
      </c>
      <c r="ON19" s="119">
        <v>5918743</v>
      </c>
      <c r="OO19" s="119">
        <v>6356318</v>
      </c>
      <c r="OP19" s="119">
        <v>6509207</v>
      </c>
      <c r="OQ19" s="119">
        <v>6278173</v>
      </c>
      <c r="OR19" s="120">
        <v>28911738</v>
      </c>
      <c r="OS19" s="143">
        <v>29654381</v>
      </c>
    </row>
    <row r="20" spans="2:409" ht="21" customHeight="1" x14ac:dyDescent="0.2">
      <c r="B20" s="126" t="s">
        <v>15</v>
      </c>
      <c r="C20" s="110">
        <v>52947</v>
      </c>
      <c r="D20" s="114">
        <v>124177</v>
      </c>
      <c r="E20" s="113">
        <v>177124</v>
      </c>
      <c r="F20" s="109">
        <v>0</v>
      </c>
      <c r="G20" s="114">
        <v>1072163</v>
      </c>
      <c r="H20" s="114">
        <v>1208192</v>
      </c>
      <c r="I20" s="114">
        <v>695197</v>
      </c>
      <c r="J20" s="114">
        <v>1561772</v>
      </c>
      <c r="K20" s="114">
        <v>1604468</v>
      </c>
      <c r="L20" s="109">
        <v>6141792</v>
      </c>
      <c r="M20" s="116">
        <v>6318916</v>
      </c>
      <c r="N20" s="110">
        <v>0</v>
      </c>
      <c r="O20" s="114">
        <v>19924</v>
      </c>
      <c r="P20" s="113">
        <v>19924</v>
      </c>
      <c r="Q20" s="110">
        <v>0</v>
      </c>
      <c r="R20" s="114">
        <v>155732</v>
      </c>
      <c r="S20" s="114">
        <v>217120</v>
      </c>
      <c r="T20" s="114">
        <v>55768</v>
      </c>
      <c r="U20" s="114">
        <v>295870</v>
      </c>
      <c r="V20" s="114">
        <v>963408</v>
      </c>
      <c r="W20" s="113">
        <v>1687898</v>
      </c>
      <c r="X20" s="116">
        <v>1707822</v>
      </c>
      <c r="Y20" s="110">
        <v>0</v>
      </c>
      <c r="Z20" s="114">
        <v>0</v>
      </c>
      <c r="AA20" s="113">
        <v>0</v>
      </c>
      <c r="AB20" s="110">
        <v>0</v>
      </c>
      <c r="AC20" s="114">
        <v>73661</v>
      </c>
      <c r="AD20" s="114">
        <v>94080</v>
      </c>
      <c r="AE20" s="114">
        <v>5025</v>
      </c>
      <c r="AF20" s="114">
        <v>76150</v>
      </c>
      <c r="AG20" s="114">
        <v>354668</v>
      </c>
      <c r="AH20" s="113">
        <v>603584</v>
      </c>
      <c r="AI20" s="116">
        <v>603584</v>
      </c>
      <c r="AJ20" s="110">
        <v>0</v>
      </c>
      <c r="AK20" s="114">
        <v>0</v>
      </c>
      <c r="AL20" s="113">
        <v>0</v>
      </c>
      <c r="AM20" s="110">
        <v>0</v>
      </c>
      <c r="AN20" s="114">
        <v>0</v>
      </c>
      <c r="AO20" s="114">
        <v>0</v>
      </c>
      <c r="AP20" s="114">
        <v>0</v>
      </c>
      <c r="AQ20" s="114">
        <v>0</v>
      </c>
      <c r="AR20" s="114">
        <v>193352</v>
      </c>
      <c r="AS20" s="113">
        <v>193352</v>
      </c>
      <c r="AT20" s="116">
        <v>193352</v>
      </c>
      <c r="AU20" s="110">
        <v>0</v>
      </c>
      <c r="AV20" s="114">
        <v>6652</v>
      </c>
      <c r="AW20" s="113">
        <v>6652</v>
      </c>
      <c r="AX20" s="110">
        <v>0</v>
      </c>
      <c r="AY20" s="114">
        <v>52454</v>
      </c>
      <c r="AZ20" s="114">
        <v>21316</v>
      </c>
      <c r="BA20" s="114">
        <v>12866</v>
      </c>
      <c r="BB20" s="114">
        <v>151183</v>
      </c>
      <c r="BC20" s="114">
        <v>236985</v>
      </c>
      <c r="BD20" s="113">
        <v>474804</v>
      </c>
      <c r="BE20" s="116">
        <v>481456</v>
      </c>
      <c r="BF20" s="110">
        <v>0</v>
      </c>
      <c r="BG20" s="114">
        <v>0</v>
      </c>
      <c r="BH20" s="112">
        <v>0</v>
      </c>
      <c r="BI20" s="111">
        <v>0</v>
      </c>
      <c r="BJ20" s="114">
        <v>0</v>
      </c>
      <c r="BK20" s="114">
        <v>0</v>
      </c>
      <c r="BL20" s="114">
        <v>0</v>
      </c>
      <c r="BM20" s="114">
        <v>0</v>
      </c>
      <c r="BN20" s="114">
        <v>90147</v>
      </c>
      <c r="BO20" s="113">
        <v>90147</v>
      </c>
      <c r="BP20" s="116">
        <v>90147</v>
      </c>
      <c r="BQ20" s="110">
        <v>0</v>
      </c>
      <c r="BR20" s="114">
        <v>13272</v>
      </c>
      <c r="BS20" s="113">
        <v>13272</v>
      </c>
      <c r="BT20" s="110">
        <v>0</v>
      </c>
      <c r="BU20" s="114">
        <v>29617</v>
      </c>
      <c r="BV20" s="114">
        <v>101724</v>
      </c>
      <c r="BW20" s="114">
        <v>37877</v>
      </c>
      <c r="BX20" s="114">
        <v>68537</v>
      </c>
      <c r="BY20" s="114">
        <v>88256</v>
      </c>
      <c r="BZ20" s="113">
        <v>326011</v>
      </c>
      <c r="CA20" s="116">
        <v>339283</v>
      </c>
      <c r="CB20" s="110">
        <v>0</v>
      </c>
      <c r="CC20" s="114">
        <v>0</v>
      </c>
      <c r="CD20" s="113">
        <v>0</v>
      </c>
      <c r="CE20" s="110">
        <v>0</v>
      </c>
      <c r="CF20" s="114">
        <v>165896</v>
      </c>
      <c r="CG20" s="114">
        <v>279011</v>
      </c>
      <c r="CH20" s="114">
        <v>196488</v>
      </c>
      <c r="CI20" s="114">
        <v>276314</v>
      </c>
      <c r="CJ20" s="114">
        <v>208425</v>
      </c>
      <c r="CK20" s="113">
        <v>1126134</v>
      </c>
      <c r="CL20" s="116">
        <v>1126134</v>
      </c>
      <c r="CM20" s="110">
        <v>0</v>
      </c>
      <c r="CN20" s="114">
        <v>0</v>
      </c>
      <c r="CO20" s="113">
        <v>0</v>
      </c>
      <c r="CP20" s="111">
        <v>0</v>
      </c>
      <c r="CQ20" s="114">
        <v>124008</v>
      </c>
      <c r="CR20" s="114">
        <v>175775</v>
      </c>
      <c r="CS20" s="114">
        <v>128402</v>
      </c>
      <c r="CT20" s="114">
        <v>77935</v>
      </c>
      <c r="CU20" s="114">
        <v>0</v>
      </c>
      <c r="CV20" s="113">
        <v>506120</v>
      </c>
      <c r="CW20" s="116">
        <v>506120</v>
      </c>
      <c r="CX20" s="110">
        <v>0</v>
      </c>
      <c r="CY20" s="114">
        <v>0</v>
      </c>
      <c r="CZ20" s="113">
        <v>0</v>
      </c>
      <c r="DA20" s="110">
        <v>0</v>
      </c>
      <c r="DB20" s="114">
        <v>41888</v>
      </c>
      <c r="DC20" s="114">
        <v>103236</v>
      </c>
      <c r="DD20" s="114">
        <v>68086</v>
      </c>
      <c r="DE20" s="114">
        <v>198379</v>
      </c>
      <c r="DF20" s="114">
        <v>208425</v>
      </c>
      <c r="DG20" s="113">
        <v>620014</v>
      </c>
      <c r="DH20" s="116">
        <v>620014</v>
      </c>
      <c r="DI20" s="110">
        <v>0</v>
      </c>
      <c r="DJ20" s="114">
        <v>0</v>
      </c>
      <c r="DK20" s="112">
        <v>0</v>
      </c>
      <c r="DL20" s="111">
        <v>0</v>
      </c>
      <c r="DM20" s="114">
        <v>0</v>
      </c>
      <c r="DN20" s="114">
        <v>0</v>
      </c>
      <c r="DO20" s="114">
        <v>87449</v>
      </c>
      <c r="DP20" s="114">
        <v>472882</v>
      </c>
      <c r="DQ20" s="114">
        <v>127923</v>
      </c>
      <c r="DR20" s="113">
        <v>688254</v>
      </c>
      <c r="DS20" s="116">
        <v>688254</v>
      </c>
      <c r="DT20" s="110">
        <v>0</v>
      </c>
      <c r="DU20" s="114">
        <v>0</v>
      </c>
      <c r="DV20" s="113">
        <v>0</v>
      </c>
      <c r="DW20" s="110">
        <v>0</v>
      </c>
      <c r="DX20" s="114">
        <v>0</v>
      </c>
      <c r="DY20" s="114">
        <v>0</v>
      </c>
      <c r="DZ20" s="114">
        <v>87449</v>
      </c>
      <c r="EA20" s="114">
        <v>472882</v>
      </c>
      <c r="EB20" s="114">
        <v>127923</v>
      </c>
      <c r="EC20" s="113">
        <v>688254</v>
      </c>
      <c r="ED20" s="116">
        <v>688254</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5"/>
      <c r="FE20" s="114">
        <v>0</v>
      </c>
      <c r="FF20" s="114">
        <v>0</v>
      </c>
      <c r="FG20" s="114">
        <v>0</v>
      </c>
      <c r="FH20" s="114">
        <v>0</v>
      </c>
      <c r="FI20" s="114">
        <v>0</v>
      </c>
      <c r="FJ20" s="113">
        <v>0</v>
      </c>
      <c r="FK20" s="116">
        <v>0</v>
      </c>
      <c r="FL20" s="110">
        <v>1050</v>
      </c>
      <c r="FM20" s="114">
        <v>20300</v>
      </c>
      <c r="FN20" s="113">
        <v>21350</v>
      </c>
      <c r="FO20" s="110">
        <v>0</v>
      </c>
      <c r="FP20" s="114">
        <v>40026</v>
      </c>
      <c r="FQ20" s="114">
        <v>222098</v>
      </c>
      <c r="FR20" s="114">
        <v>169516</v>
      </c>
      <c r="FS20" s="114">
        <v>141995</v>
      </c>
      <c r="FT20" s="114">
        <v>91084</v>
      </c>
      <c r="FU20" s="113">
        <v>664719</v>
      </c>
      <c r="FV20" s="116">
        <v>686069</v>
      </c>
      <c r="FW20" s="115">
        <v>1050</v>
      </c>
      <c r="FX20" s="114">
        <v>20300</v>
      </c>
      <c r="FY20" s="112">
        <v>21350</v>
      </c>
      <c r="FZ20" s="111">
        <v>0</v>
      </c>
      <c r="GA20" s="114">
        <v>40026</v>
      </c>
      <c r="GB20" s="114">
        <v>194686</v>
      </c>
      <c r="GC20" s="114">
        <v>45416</v>
      </c>
      <c r="GD20" s="114">
        <v>141995</v>
      </c>
      <c r="GE20" s="114">
        <v>91084</v>
      </c>
      <c r="GF20" s="113">
        <v>513207</v>
      </c>
      <c r="GG20" s="316">
        <v>534557</v>
      </c>
      <c r="GH20" s="115">
        <v>0</v>
      </c>
      <c r="GI20" s="114">
        <v>0</v>
      </c>
      <c r="GJ20" s="112">
        <v>0</v>
      </c>
      <c r="GK20" s="111">
        <v>0</v>
      </c>
      <c r="GL20" s="114">
        <v>0</v>
      </c>
      <c r="GM20" s="114">
        <v>27412</v>
      </c>
      <c r="GN20" s="114">
        <v>0</v>
      </c>
      <c r="GO20" s="114">
        <v>0</v>
      </c>
      <c r="GP20" s="114">
        <v>0</v>
      </c>
      <c r="GQ20" s="113">
        <v>27412</v>
      </c>
      <c r="GR20" s="116">
        <v>27412</v>
      </c>
      <c r="GS20" s="110">
        <v>0</v>
      </c>
      <c r="GT20" s="114">
        <v>0</v>
      </c>
      <c r="GU20" s="113">
        <v>0</v>
      </c>
      <c r="GV20" s="110">
        <v>0</v>
      </c>
      <c r="GW20" s="114">
        <v>0</v>
      </c>
      <c r="GX20" s="114">
        <v>0</v>
      </c>
      <c r="GY20" s="114">
        <v>124100</v>
      </c>
      <c r="GZ20" s="114">
        <v>0</v>
      </c>
      <c r="HA20" s="114">
        <v>0</v>
      </c>
      <c r="HB20" s="112">
        <v>124100</v>
      </c>
      <c r="HC20" s="116">
        <v>124100</v>
      </c>
      <c r="HD20" s="110">
        <v>51897</v>
      </c>
      <c r="HE20" s="114">
        <v>83953</v>
      </c>
      <c r="HF20" s="112">
        <v>135850</v>
      </c>
      <c r="HG20" s="111">
        <v>0</v>
      </c>
      <c r="HH20" s="114">
        <v>710509</v>
      </c>
      <c r="HI20" s="114">
        <v>489963</v>
      </c>
      <c r="HJ20" s="114">
        <v>185976</v>
      </c>
      <c r="HK20" s="114">
        <v>374711</v>
      </c>
      <c r="HL20" s="114">
        <v>213628</v>
      </c>
      <c r="HM20" s="113">
        <v>1974787</v>
      </c>
      <c r="HN20" s="109">
        <v>2110637</v>
      </c>
      <c r="HO20" s="326"/>
      <c r="HP20" s="327"/>
      <c r="HQ20" s="328"/>
      <c r="HR20" s="329"/>
      <c r="HS20" s="327"/>
      <c r="HT20" s="327"/>
      <c r="HU20" s="327"/>
      <c r="HV20" s="327"/>
      <c r="HW20" s="327"/>
      <c r="HX20" s="330"/>
      <c r="HY20" s="331"/>
      <c r="HZ20" s="150">
        <v>0</v>
      </c>
      <c r="IA20" s="135">
        <v>0</v>
      </c>
      <c r="IB20" s="150">
        <v>0</v>
      </c>
      <c r="IC20" s="134">
        <v>0</v>
      </c>
      <c r="ID20" s="135">
        <v>193545</v>
      </c>
      <c r="IE20" s="136">
        <v>867338</v>
      </c>
      <c r="IF20" s="137">
        <v>312832</v>
      </c>
      <c r="IG20" s="135">
        <v>273704</v>
      </c>
      <c r="IH20" s="137">
        <v>44146</v>
      </c>
      <c r="II20" s="138">
        <v>1691565</v>
      </c>
      <c r="IJ20" s="150">
        <v>1691565</v>
      </c>
      <c r="IK20" s="232">
        <v>0</v>
      </c>
      <c r="IL20" s="236">
        <v>0</v>
      </c>
      <c r="IM20" s="237">
        <v>0</v>
      </c>
      <c r="IN20" s="140"/>
      <c r="IO20" s="119">
        <v>0</v>
      </c>
      <c r="IP20" s="119">
        <v>0</v>
      </c>
      <c r="IQ20" s="119">
        <v>173749</v>
      </c>
      <c r="IR20" s="119">
        <v>0</v>
      </c>
      <c r="IS20" s="119">
        <v>0</v>
      </c>
      <c r="IT20" s="141">
        <v>173749</v>
      </c>
      <c r="IU20" s="318">
        <v>173749</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93545</v>
      </c>
      <c r="JL20" s="119">
        <v>225881</v>
      </c>
      <c r="JM20" s="119">
        <v>139083</v>
      </c>
      <c r="JN20" s="119">
        <v>49825</v>
      </c>
      <c r="JO20" s="119">
        <v>44146</v>
      </c>
      <c r="JP20" s="120">
        <v>652480</v>
      </c>
      <c r="JQ20" s="318">
        <v>652480</v>
      </c>
      <c r="JR20" s="142">
        <v>0</v>
      </c>
      <c r="JS20" s="119">
        <v>0</v>
      </c>
      <c r="JT20" s="141">
        <v>0</v>
      </c>
      <c r="JU20" s="118">
        <v>0</v>
      </c>
      <c r="JV20" s="119">
        <v>0</v>
      </c>
      <c r="JW20" s="119">
        <v>0</v>
      </c>
      <c r="JX20" s="119">
        <v>0</v>
      </c>
      <c r="JY20" s="119">
        <v>0</v>
      </c>
      <c r="JZ20" s="119">
        <v>0</v>
      </c>
      <c r="KA20" s="120">
        <v>0</v>
      </c>
      <c r="KB20" s="318">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c r="KR20" s="119">
        <v>0</v>
      </c>
      <c r="KS20" s="119">
        <v>641457</v>
      </c>
      <c r="KT20" s="119">
        <v>0</v>
      </c>
      <c r="KU20" s="119">
        <v>223879</v>
      </c>
      <c r="KV20" s="119">
        <v>0</v>
      </c>
      <c r="KW20" s="120">
        <v>865336</v>
      </c>
      <c r="KX20" s="318">
        <v>865336</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0</v>
      </c>
      <c r="LR20" s="119">
        <v>0</v>
      </c>
      <c r="LS20" s="120">
        <v>0</v>
      </c>
      <c r="LT20" s="318">
        <v>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0</v>
      </c>
      <c r="ML20" s="119">
        <v>640471</v>
      </c>
      <c r="MM20" s="119">
        <v>291263</v>
      </c>
      <c r="MN20" s="119">
        <v>406846</v>
      </c>
      <c r="MO20" s="120">
        <v>1338580</v>
      </c>
      <c r="MP20" s="143">
        <v>1338580</v>
      </c>
      <c r="MQ20" s="142">
        <v>0</v>
      </c>
      <c r="MR20" s="119">
        <v>0</v>
      </c>
      <c r="MS20" s="120">
        <v>0</v>
      </c>
      <c r="MT20" s="145"/>
      <c r="MU20" s="119">
        <v>0</v>
      </c>
      <c r="MV20" s="119">
        <v>0</v>
      </c>
      <c r="MW20" s="119">
        <v>197372</v>
      </c>
      <c r="MX20" s="119">
        <v>222686</v>
      </c>
      <c r="MY20" s="119">
        <v>228171</v>
      </c>
      <c r="MZ20" s="120">
        <v>648229</v>
      </c>
      <c r="NA20" s="143">
        <v>648229</v>
      </c>
      <c r="NB20" s="142">
        <v>0</v>
      </c>
      <c r="NC20" s="119">
        <v>0</v>
      </c>
      <c r="ND20" s="120">
        <v>0</v>
      </c>
      <c r="NE20" s="145"/>
      <c r="NF20" s="119">
        <v>0</v>
      </c>
      <c r="NG20" s="119">
        <v>0</v>
      </c>
      <c r="NH20" s="119">
        <v>443099</v>
      </c>
      <c r="NI20" s="119">
        <v>68577</v>
      </c>
      <c r="NJ20" s="119">
        <v>178675</v>
      </c>
      <c r="NK20" s="120">
        <v>690351</v>
      </c>
      <c r="NL20" s="318">
        <v>690351</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52947</v>
      </c>
      <c r="OJ20" s="119">
        <v>124177</v>
      </c>
      <c r="OK20" s="141">
        <v>177124</v>
      </c>
      <c r="OL20" s="118">
        <v>0</v>
      </c>
      <c r="OM20" s="119">
        <v>1265708</v>
      </c>
      <c r="ON20" s="119">
        <v>2075530</v>
      </c>
      <c r="OO20" s="119">
        <v>1648500</v>
      </c>
      <c r="OP20" s="119">
        <v>2126739</v>
      </c>
      <c r="OQ20" s="119">
        <v>2055460</v>
      </c>
      <c r="OR20" s="120">
        <v>9171937</v>
      </c>
      <c r="OS20" s="143">
        <v>9349061</v>
      </c>
    </row>
    <row r="21" spans="2:409" ht="21" customHeight="1" x14ac:dyDescent="0.2">
      <c r="B21" s="126" t="s">
        <v>16</v>
      </c>
      <c r="C21" s="110">
        <v>277561</v>
      </c>
      <c r="D21" s="114">
        <v>367224</v>
      </c>
      <c r="E21" s="113">
        <v>644785</v>
      </c>
      <c r="F21" s="109">
        <v>0</v>
      </c>
      <c r="G21" s="114">
        <v>4280883</v>
      </c>
      <c r="H21" s="114">
        <v>5408999</v>
      </c>
      <c r="I21" s="114">
        <v>4515185</v>
      </c>
      <c r="J21" s="114">
        <v>4095284</v>
      </c>
      <c r="K21" s="114">
        <v>2704145</v>
      </c>
      <c r="L21" s="109">
        <v>21004496</v>
      </c>
      <c r="M21" s="116">
        <v>21649281</v>
      </c>
      <c r="N21" s="110">
        <v>74467</v>
      </c>
      <c r="O21" s="114">
        <v>25342</v>
      </c>
      <c r="P21" s="113">
        <v>99809</v>
      </c>
      <c r="Q21" s="110">
        <v>0</v>
      </c>
      <c r="R21" s="114">
        <v>950696</v>
      </c>
      <c r="S21" s="114">
        <v>1118303</v>
      </c>
      <c r="T21" s="114">
        <v>842664</v>
      </c>
      <c r="U21" s="114">
        <v>734079</v>
      </c>
      <c r="V21" s="114">
        <v>680609</v>
      </c>
      <c r="W21" s="113">
        <v>4326351</v>
      </c>
      <c r="X21" s="116">
        <v>4426160</v>
      </c>
      <c r="Y21" s="110">
        <v>0</v>
      </c>
      <c r="Z21" s="114">
        <v>0</v>
      </c>
      <c r="AA21" s="113">
        <v>0</v>
      </c>
      <c r="AB21" s="110">
        <v>0</v>
      </c>
      <c r="AC21" s="114">
        <v>547606</v>
      </c>
      <c r="AD21" s="114">
        <v>502082</v>
      </c>
      <c r="AE21" s="114">
        <v>219340</v>
      </c>
      <c r="AF21" s="114">
        <v>224038</v>
      </c>
      <c r="AG21" s="114">
        <v>180941</v>
      </c>
      <c r="AH21" s="113">
        <v>1674007</v>
      </c>
      <c r="AI21" s="116">
        <v>1674007</v>
      </c>
      <c r="AJ21" s="110">
        <v>0</v>
      </c>
      <c r="AK21" s="114">
        <v>0</v>
      </c>
      <c r="AL21" s="113">
        <v>0</v>
      </c>
      <c r="AM21" s="110">
        <v>0</v>
      </c>
      <c r="AN21" s="114">
        <v>0</v>
      </c>
      <c r="AO21" s="114">
        <v>0</v>
      </c>
      <c r="AP21" s="114">
        <v>69736</v>
      </c>
      <c r="AQ21" s="114">
        <v>39846</v>
      </c>
      <c r="AR21" s="114">
        <v>29890</v>
      </c>
      <c r="AS21" s="113">
        <v>139472</v>
      </c>
      <c r="AT21" s="116">
        <v>139472</v>
      </c>
      <c r="AU21" s="110">
        <v>60355</v>
      </c>
      <c r="AV21" s="114">
        <v>7030</v>
      </c>
      <c r="AW21" s="113">
        <v>67385</v>
      </c>
      <c r="AX21" s="110">
        <v>0</v>
      </c>
      <c r="AY21" s="114">
        <v>203409</v>
      </c>
      <c r="AZ21" s="114">
        <v>390698</v>
      </c>
      <c r="BA21" s="114">
        <v>327638</v>
      </c>
      <c r="BB21" s="114">
        <v>148667</v>
      </c>
      <c r="BC21" s="114">
        <v>305726</v>
      </c>
      <c r="BD21" s="113">
        <v>1376138</v>
      </c>
      <c r="BE21" s="116">
        <v>1443523</v>
      </c>
      <c r="BF21" s="110">
        <v>0</v>
      </c>
      <c r="BG21" s="114">
        <v>0</v>
      </c>
      <c r="BH21" s="112">
        <v>0</v>
      </c>
      <c r="BI21" s="111">
        <v>0</v>
      </c>
      <c r="BJ21" s="114">
        <v>62215</v>
      </c>
      <c r="BK21" s="114">
        <v>34563</v>
      </c>
      <c r="BL21" s="114">
        <v>62213</v>
      </c>
      <c r="BM21" s="114">
        <v>101434</v>
      </c>
      <c r="BN21" s="114">
        <v>0</v>
      </c>
      <c r="BO21" s="113">
        <v>260425</v>
      </c>
      <c r="BP21" s="116">
        <v>260425</v>
      </c>
      <c r="BQ21" s="110">
        <v>14112</v>
      </c>
      <c r="BR21" s="114">
        <v>18312</v>
      </c>
      <c r="BS21" s="113">
        <v>32424</v>
      </c>
      <c r="BT21" s="110">
        <v>0</v>
      </c>
      <c r="BU21" s="114">
        <v>137466</v>
      </c>
      <c r="BV21" s="114">
        <v>190960</v>
      </c>
      <c r="BW21" s="114">
        <v>163737</v>
      </c>
      <c r="BX21" s="114">
        <v>220094</v>
      </c>
      <c r="BY21" s="114">
        <v>164052</v>
      </c>
      <c r="BZ21" s="113">
        <v>876309</v>
      </c>
      <c r="CA21" s="116">
        <v>908733</v>
      </c>
      <c r="CB21" s="110">
        <v>18265</v>
      </c>
      <c r="CC21" s="114">
        <v>136178</v>
      </c>
      <c r="CD21" s="113">
        <v>154443</v>
      </c>
      <c r="CE21" s="110">
        <v>0</v>
      </c>
      <c r="CF21" s="114">
        <v>1368202</v>
      </c>
      <c r="CG21" s="114">
        <v>2307740</v>
      </c>
      <c r="CH21" s="114">
        <v>1343216</v>
      </c>
      <c r="CI21" s="114">
        <v>328650</v>
      </c>
      <c r="CJ21" s="114">
        <v>327511</v>
      </c>
      <c r="CK21" s="113">
        <v>5675319</v>
      </c>
      <c r="CL21" s="116">
        <v>5829762</v>
      </c>
      <c r="CM21" s="110">
        <v>0</v>
      </c>
      <c r="CN21" s="114">
        <v>0</v>
      </c>
      <c r="CO21" s="113">
        <v>0</v>
      </c>
      <c r="CP21" s="111">
        <v>0</v>
      </c>
      <c r="CQ21" s="114">
        <v>919799</v>
      </c>
      <c r="CR21" s="114">
        <v>1261077</v>
      </c>
      <c r="CS21" s="114">
        <v>786844</v>
      </c>
      <c r="CT21" s="114">
        <v>255625</v>
      </c>
      <c r="CU21" s="114">
        <v>228867</v>
      </c>
      <c r="CV21" s="113">
        <v>3452212</v>
      </c>
      <c r="CW21" s="116">
        <v>3452212</v>
      </c>
      <c r="CX21" s="110">
        <v>18265</v>
      </c>
      <c r="CY21" s="114">
        <v>136178</v>
      </c>
      <c r="CZ21" s="113">
        <v>154443</v>
      </c>
      <c r="DA21" s="110">
        <v>0</v>
      </c>
      <c r="DB21" s="114">
        <v>448403</v>
      </c>
      <c r="DC21" s="114">
        <v>1046663</v>
      </c>
      <c r="DD21" s="114">
        <v>556372</v>
      </c>
      <c r="DE21" s="114">
        <v>73025</v>
      </c>
      <c r="DF21" s="114">
        <v>98644</v>
      </c>
      <c r="DG21" s="113">
        <v>2223107</v>
      </c>
      <c r="DH21" s="116">
        <v>2377550</v>
      </c>
      <c r="DI21" s="110">
        <v>0</v>
      </c>
      <c r="DJ21" s="114">
        <v>0</v>
      </c>
      <c r="DK21" s="112">
        <v>0</v>
      </c>
      <c r="DL21" s="111">
        <v>0</v>
      </c>
      <c r="DM21" s="114">
        <v>184453</v>
      </c>
      <c r="DN21" s="114">
        <v>207975</v>
      </c>
      <c r="DO21" s="114">
        <v>267691</v>
      </c>
      <c r="DP21" s="114">
        <v>18431</v>
      </c>
      <c r="DQ21" s="114">
        <v>0</v>
      </c>
      <c r="DR21" s="113">
        <v>678550</v>
      </c>
      <c r="DS21" s="116">
        <v>678550</v>
      </c>
      <c r="DT21" s="110">
        <v>0</v>
      </c>
      <c r="DU21" s="114">
        <v>0</v>
      </c>
      <c r="DV21" s="113">
        <v>0</v>
      </c>
      <c r="DW21" s="110">
        <v>0</v>
      </c>
      <c r="DX21" s="114">
        <v>163474</v>
      </c>
      <c r="DY21" s="114">
        <v>207975</v>
      </c>
      <c r="DZ21" s="114">
        <v>246992</v>
      </c>
      <c r="EA21" s="114">
        <v>18431</v>
      </c>
      <c r="EB21" s="114">
        <v>0</v>
      </c>
      <c r="EC21" s="113">
        <v>636872</v>
      </c>
      <c r="ED21" s="116">
        <v>636872</v>
      </c>
      <c r="EE21" s="110">
        <v>0</v>
      </c>
      <c r="EF21" s="112">
        <v>0</v>
      </c>
      <c r="EG21" s="113">
        <v>0</v>
      </c>
      <c r="EH21" s="110">
        <v>0</v>
      </c>
      <c r="EI21" s="114">
        <v>20979</v>
      </c>
      <c r="EJ21" s="114">
        <v>0</v>
      </c>
      <c r="EK21" s="114">
        <v>20699</v>
      </c>
      <c r="EL21" s="114">
        <v>0</v>
      </c>
      <c r="EM21" s="114">
        <v>0</v>
      </c>
      <c r="EN21" s="112">
        <v>41678</v>
      </c>
      <c r="EO21" s="116">
        <v>41678</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5"/>
      <c r="FE21" s="114">
        <v>0</v>
      </c>
      <c r="FF21" s="114">
        <v>0</v>
      </c>
      <c r="FG21" s="114">
        <v>0</v>
      </c>
      <c r="FH21" s="114">
        <v>0</v>
      </c>
      <c r="FI21" s="114">
        <v>0</v>
      </c>
      <c r="FJ21" s="113">
        <v>0</v>
      </c>
      <c r="FK21" s="116">
        <v>0</v>
      </c>
      <c r="FL21" s="110">
        <v>51296</v>
      </c>
      <c r="FM21" s="114">
        <v>121279</v>
      </c>
      <c r="FN21" s="113">
        <v>172575</v>
      </c>
      <c r="FO21" s="110">
        <v>0</v>
      </c>
      <c r="FP21" s="114">
        <v>238306</v>
      </c>
      <c r="FQ21" s="114">
        <v>467075</v>
      </c>
      <c r="FR21" s="114">
        <v>315098</v>
      </c>
      <c r="FS21" s="114">
        <v>205807</v>
      </c>
      <c r="FT21" s="114">
        <v>260400</v>
      </c>
      <c r="FU21" s="113">
        <v>1486686</v>
      </c>
      <c r="FV21" s="116">
        <v>1659261</v>
      </c>
      <c r="FW21" s="115">
        <v>32816</v>
      </c>
      <c r="FX21" s="114">
        <v>83090</v>
      </c>
      <c r="FY21" s="112">
        <v>115906</v>
      </c>
      <c r="FZ21" s="111">
        <v>0</v>
      </c>
      <c r="GA21" s="114">
        <v>128471</v>
      </c>
      <c r="GB21" s="114">
        <v>467075</v>
      </c>
      <c r="GC21" s="114">
        <v>288148</v>
      </c>
      <c r="GD21" s="114">
        <v>185479</v>
      </c>
      <c r="GE21" s="114">
        <v>260400</v>
      </c>
      <c r="GF21" s="113">
        <v>1329573</v>
      </c>
      <c r="GG21" s="316">
        <v>1445479</v>
      </c>
      <c r="GH21" s="115">
        <v>18480</v>
      </c>
      <c r="GI21" s="114">
        <v>0</v>
      </c>
      <c r="GJ21" s="112">
        <v>18480</v>
      </c>
      <c r="GK21" s="111">
        <v>0</v>
      </c>
      <c r="GL21" s="114">
        <v>23100</v>
      </c>
      <c r="GM21" s="114">
        <v>0</v>
      </c>
      <c r="GN21" s="114">
        <v>26950</v>
      </c>
      <c r="GO21" s="114">
        <v>20328</v>
      </c>
      <c r="GP21" s="114">
        <v>0</v>
      </c>
      <c r="GQ21" s="113">
        <v>70378</v>
      </c>
      <c r="GR21" s="116">
        <v>88858</v>
      </c>
      <c r="GS21" s="110">
        <v>0</v>
      </c>
      <c r="GT21" s="114">
        <v>38189</v>
      </c>
      <c r="GU21" s="113">
        <v>38189</v>
      </c>
      <c r="GV21" s="110">
        <v>0</v>
      </c>
      <c r="GW21" s="114">
        <v>86735</v>
      </c>
      <c r="GX21" s="114">
        <v>0</v>
      </c>
      <c r="GY21" s="114">
        <v>0</v>
      </c>
      <c r="GZ21" s="114">
        <v>0</v>
      </c>
      <c r="HA21" s="114">
        <v>0</v>
      </c>
      <c r="HB21" s="112">
        <v>86735</v>
      </c>
      <c r="HC21" s="116">
        <v>124924</v>
      </c>
      <c r="HD21" s="110">
        <v>133533</v>
      </c>
      <c r="HE21" s="114">
        <v>84425</v>
      </c>
      <c r="HF21" s="112">
        <v>217958</v>
      </c>
      <c r="HG21" s="111">
        <v>0</v>
      </c>
      <c r="HH21" s="114">
        <v>1539226</v>
      </c>
      <c r="HI21" s="114">
        <v>1307906</v>
      </c>
      <c r="HJ21" s="114">
        <v>1746516</v>
      </c>
      <c r="HK21" s="114">
        <v>2808317</v>
      </c>
      <c r="HL21" s="114">
        <v>1435625</v>
      </c>
      <c r="HM21" s="113">
        <v>8837590</v>
      </c>
      <c r="HN21" s="109">
        <v>9055548</v>
      </c>
      <c r="HO21" s="326"/>
      <c r="HP21" s="327"/>
      <c r="HQ21" s="328"/>
      <c r="HR21" s="329"/>
      <c r="HS21" s="327"/>
      <c r="HT21" s="327"/>
      <c r="HU21" s="327"/>
      <c r="HV21" s="327"/>
      <c r="HW21" s="327"/>
      <c r="HX21" s="330"/>
      <c r="HY21" s="331"/>
      <c r="HZ21" s="131">
        <v>0</v>
      </c>
      <c r="IA21" s="132">
        <v>0</v>
      </c>
      <c r="IB21" s="133">
        <v>0</v>
      </c>
      <c r="IC21" s="146">
        <v>0</v>
      </c>
      <c r="ID21" s="132">
        <v>326483</v>
      </c>
      <c r="IE21" s="147">
        <v>1100155</v>
      </c>
      <c r="IF21" s="133">
        <v>1173882</v>
      </c>
      <c r="IG21" s="132">
        <v>348223</v>
      </c>
      <c r="IH21" s="133">
        <v>1405364</v>
      </c>
      <c r="II21" s="148">
        <v>4354107</v>
      </c>
      <c r="IJ21" s="139">
        <v>4354107</v>
      </c>
      <c r="IK21" s="232">
        <v>0</v>
      </c>
      <c r="IL21" s="236">
        <v>0</v>
      </c>
      <c r="IM21" s="237">
        <v>0</v>
      </c>
      <c r="IN21" s="140"/>
      <c r="IO21" s="119">
        <v>0</v>
      </c>
      <c r="IP21" s="119">
        <v>74113</v>
      </c>
      <c r="IQ21" s="119">
        <v>0</v>
      </c>
      <c r="IR21" s="119">
        <v>0</v>
      </c>
      <c r="IS21" s="119">
        <v>695881</v>
      </c>
      <c r="IT21" s="141">
        <v>769994</v>
      </c>
      <c r="IU21" s="318">
        <v>769994</v>
      </c>
      <c r="IV21" s="142">
        <v>0</v>
      </c>
      <c r="IW21" s="119">
        <v>0</v>
      </c>
      <c r="IX21" s="120">
        <v>0</v>
      </c>
      <c r="IY21" s="144"/>
      <c r="IZ21" s="119">
        <v>0</v>
      </c>
      <c r="JA21" s="119">
        <v>0</v>
      </c>
      <c r="JB21" s="119">
        <v>0</v>
      </c>
      <c r="JC21" s="119">
        <v>14347</v>
      </c>
      <c r="JD21" s="119">
        <v>14347</v>
      </c>
      <c r="JE21" s="120">
        <v>28694</v>
      </c>
      <c r="JF21" s="121">
        <v>28694</v>
      </c>
      <c r="JG21" s="142">
        <v>0</v>
      </c>
      <c r="JH21" s="119">
        <v>0</v>
      </c>
      <c r="JI21" s="141">
        <v>0</v>
      </c>
      <c r="JJ21" s="118">
        <v>0</v>
      </c>
      <c r="JK21" s="119">
        <v>326483</v>
      </c>
      <c r="JL21" s="119">
        <v>192421</v>
      </c>
      <c r="JM21" s="119">
        <v>505998</v>
      </c>
      <c r="JN21" s="119">
        <v>184828</v>
      </c>
      <c r="JO21" s="119">
        <v>215906</v>
      </c>
      <c r="JP21" s="120">
        <v>1425636</v>
      </c>
      <c r="JQ21" s="318">
        <v>1425636</v>
      </c>
      <c r="JR21" s="142">
        <v>0</v>
      </c>
      <c r="JS21" s="119">
        <v>0</v>
      </c>
      <c r="JT21" s="141">
        <v>0</v>
      </c>
      <c r="JU21" s="118">
        <v>0</v>
      </c>
      <c r="JV21" s="119">
        <v>0</v>
      </c>
      <c r="JW21" s="119">
        <v>238875</v>
      </c>
      <c r="JX21" s="119">
        <v>0</v>
      </c>
      <c r="JY21" s="119">
        <v>0</v>
      </c>
      <c r="JZ21" s="119">
        <v>0</v>
      </c>
      <c r="KA21" s="120">
        <v>238875</v>
      </c>
      <c r="KB21" s="318">
        <v>238875</v>
      </c>
      <c r="KC21" s="234">
        <v>0</v>
      </c>
      <c r="KD21" s="230">
        <v>0</v>
      </c>
      <c r="KE21" s="120">
        <v>0</v>
      </c>
      <c r="KF21" s="118">
        <v>0</v>
      </c>
      <c r="KG21" s="119">
        <v>0</v>
      </c>
      <c r="KH21" s="119">
        <v>161193</v>
      </c>
      <c r="KI21" s="119">
        <v>0</v>
      </c>
      <c r="KJ21" s="119">
        <v>0</v>
      </c>
      <c r="KK21" s="119">
        <v>250973</v>
      </c>
      <c r="KL21" s="120">
        <v>412166</v>
      </c>
      <c r="KM21" s="143">
        <v>412166</v>
      </c>
      <c r="KN21" s="232">
        <v>0</v>
      </c>
      <c r="KO21" s="236">
        <v>0</v>
      </c>
      <c r="KP21" s="237">
        <v>0</v>
      </c>
      <c r="KQ21" s="140"/>
      <c r="KR21" s="119">
        <v>0</v>
      </c>
      <c r="KS21" s="119">
        <v>433553</v>
      </c>
      <c r="KT21" s="119">
        <v>667884</v>
      </c>
      <c r="KU21" s="119">
        <v>149048</v>
      </c>
      <c r="KV21" s="119">
        <v>228257</v>
      </c>
      <c r="KW21" s="120">
        <v>1478742</v>
      </c>
      <c r="KX21" s="318">
        <v>1478742</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18">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209925</v>
      </c>
      <c r="MK21" s="119">
        <v>221349</v>
      </c>
      <c r="ML21" s="119">
        <v>2078374</v>
      </c>
      <c r="MM21" s="119">
        <v>2972930</v>
      </c>
      <c r="MN21" s="119">
        <v>1762001</v>
      </c>
      <c r="MO21" s="120">
        <v>7244579</v>
      </c>
      <c r="MP21" s="143">
        <v>7244579</v>
      </c>
      <c r="MQ21" s="142">
        <v>0</v>
      </c>
      <c r="MR21" s="119">
        <v>0</v>
      </c>
      <c r="MS21" s="120">
        <v>0</v>
      </c>
      <c r="MT21" s="145"/>
      <c r="MU21" s="119">
        <v>0</v>
      </c>
      <c r="MV21" s="119">
        <v>0</v>
      </c>
      <c r="MW21" s="119">
        <v>1038087</v>
      </c>
      <c r="MX21" s="119">
        <v>1477273</v>
      </c>
      <c r="MY21" s="119">
        <v>875459</v>
      </c>
      <c r="MZ21" s="120">
        <v>3390819</v>
      </c>
      <c r="NA21" s="143">
        <v>3390819</v>
      </c>
      <c r="NB21" s="142">
        <v>0</v>
      </c>
      <c r="NC21" s="119">
        <v>0</v>
      </c>
      <c r="ND21" s="120">
        <v>0</v>
      </c>
      <c r="NE21" s="145"/>
      <c r="NF21" s="119">
        <v>209925</v>
      </c>
      <c r="NG21" s="119">
        <v>221349</v>
      </c>
      <c r="NH21" s="119">
        <v>719515</v>
      </c>
      <c r="NI21" s="119">
        <v>1495657</v>
      </c>
      <c r="NJ21" s="119">
        <v>886542</v>
      </c>
      <c r="NK21" s="120">
        <v>3532988</v>
      </c>
      <c r="NL21" s="318">
        <v>3532988</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320772</v>
      </c>
      <c r="OE21" s="119">
        <v>0</v>
      </c>
      <c r="OF21" s="119">
        <v>0</v>
      </c>
      <c r="OG21" s="120">
        <v>320772</v>
      </c>
      <c r="OH21" s="121">
        <v>320772</v>
      </c>
      <c r="OI21" s="142">
        <v>277561</v>
      </c>
      <c r="OJ21" s="119">
        <v>367224</v>
      </c>
      <c r="OK21" s="141">
        <v>644785</v>
      </c>
      <c r="OL21" s="118">
        <v>0</v>
      </c>
      <c r="OM21" s="119">
        <v>4817291</v>
      </c>
      <c r="ON21" s="119">
        <v>6730503</v>
      </c>
      <c r="OO21" s="119">
        <v>7767441</v>
      </c>
      <c r="OP21" s="119">
        <v>7416437</v>
      </c>
      <c r="OQ21" s="119">
        <v>5871510</v>
      </c>
      <c r="OR21" s="120">
        <v>32603182</v>
      </c>
      <c r="OS21" s="143">
        <v>33247967</v>
      </c>
    </row>
    <row r="22" spans="2:409" ht="21" customHeight="1" x14ac:dyDescent="0.2">
      <c r="B22" s="126" t="s">
        <v>17</v>
      </c>
      <c r="C22" s="110">
        <v>447950</v>
      </c>
      <c r="D22" s="114">
        <v>672670</v>
      </c>
      <c r="E22" s="113">
        <v>1120620</v>
      </c>
      <c r="F22" s="109">
        <v>0</v>
      </c>
      <c r="G22" s="114">
        <v>4349593</v>
      </c>
      <c r="H22" s="114">
        <v>6134706</v>
      </c>
      <c r="I22" s="114">
        <v>6984587</v>
      </c>
      <c r="J22" s="114">
        <v>6629756</v>
      </c>
      <c r="K22" s="114">
        <v>4026474</v>
      </c>
      <c r="L22" s="109">
        <v>28125116</v>
      </c>
      <c r="M22" s="116">
        <v>29245736</v>
      </c>
      <c r="N22" s="110">
        <v>139483</v>
      </c>
      <c r="O22" s="114">
        <v>201214</v>
      </c>
      <c r="P22" s="113">
        <v>340697</v>
      </c>
      <c r="Q22" s="110">
        <v>0</v>
      </c>
      <c r="R22" s="114">
        <v>1049128</v>
      </c>
      <c r="S22" s="114">
        <v>1647335</v>
      </c>
      <c r="T22" s="114">
        <v>2829638</v>
      </c>
      <c r="U22" s="114">
        <v>1513888</v>
      </c>
      <c r="V22" s="114">
        <v>1828800</v>
      </c>
      <c r="W22" s="113">
        <v>8868789</v>
      </c>
      <c r="X22" s="116">
        <v>9209486</v>
      </c>
      <c r="Y22" s="110">
        <v>0</v>
      </c>
      <c r="Z22" s="114">
        <v>0</v>
      </c>
      <c r="AA22" s="113">
        <v>0</v>
      </c>
      <c r="AB22" s="110">
        <v>0</v>
      </c>
      <c r="AC22" s="114">
        <v>273701</v>
      </c>
      <c r="AD22" s="114">
        <v>734874</v>
      </c>
      <c r="AE22" s="114">
        <v>1786183</v>
      </c>
      <c r="AF22" s="114">
        <v>658692</v>
      </c>
      <c r="AG22" s="114">
        <v>1068158</v>
      </c>
      <c r="AH22" s="113">
        <v>4521608</v>
      </c>
      <c r="AI22" s="116">
        <v>4521608</v>
      </c>
      <c r="AJ22" s="110">
        <v>0</v>
      </c>
      <c r="AK22" s="114">
        <v>0</v>
      </c>
      <c r="AL22" s="113">
        <v>0</v>
      </c>
      <c r="AM22" s="110">
        <v>0</v>
      </c>
      <c r="AN22" s="114">
        <v>0</v>
      </c>
      <c r="AO22" s="114">
        <v>0</v>
      </c>
      <c r="AP22" s="114">
        <v>71878</v>
      </c>
      <c r="AQ22" s="114">
        <v>82904</v>
      </c>
      <c r="AR22" s="114">
        <v>198567</v>
      </c>
      <c r="AS22" s="113">
        <v>353349</v>
      </c>
      <c r="AT22" s="116">
        <v>353349</v>
      </c>
      <c r="AU22" s="110">
        <v>58114</v>
      </c>
      <c r="AV22" s="114">
        <v>137445</v>
      </c>
      <c r="AW22" s="113">
        <v>195559</v>
      </c>
      <c r="AX22" s="110">
        <v>0</v>
      </c>
      <c r="AY22" s="114">
        <v>567004</v>
      </c>
      <c r="AZ22" s="114">
        <v>667419</v>
      </c>
      <c r="BA22" s="114">
        <v>672959</v>
      </c>
      <c r="BB22" s="114">
        <v>272022</v>
      </c>
      <c r="BC22" s="114">
        <v>291091</v>
      </c>
      <c r="BD22" s="113">
        <v>2470495</v>
      </c>
      <c r="BE22" s="116">
        <v>2666054</v>
      </c>
      <c r="BF22" s="110">
        <v>32698</v>
      </c>
      <c r="BG22" s="114">
        <v>34362</v>
      </c>
      <c r="BH22" s="112">
        <v>67060</v>
      </c>
      <c r="BI22" s="111">
        <v>0</v>
      </c>
      <c r="BJ22" s="114">
        <v>42040</v>
      </c>
      <c r="BK22" s="114">
        <v>0</v>
      </c>
      <c r="BL22" s="114">
        <v>28026</v>
      </c>
      <c r="BM22" s="114">
        <v>196715</v>
      </c>
      <c r="BN22" s="114">
        <v>0</v>
      </c>
      <c r="BO22" s="113">
        <v>266781</v>
      </c>
      <c r="BP22" s="116">
        <v>333841</v>
      </c>
      <c r="BQ22" s="110">
        <v>48671</v>
      </c>
      <c r="BR22" s="114">
        <v>29407</v>
      </c>
      <c r="BS22" s="113">
        <v>78078</v>
      </c>
      <c r="BT22" s="110">
        <v>0</v>
      </c>
      <c r="BU22" s="114">
        <v>166383</v>
      </c>
      <c r="BV22" s="114">
        <v>245042</v>
      </c>
      <c r="BW22" s="114">
        <v>270592</v>
      </c>
      <c r="BX22" s="114">
        <v>303555</v>
      </c>
      <c r="BY22" s="114">
        <v>270984</v>
      </c>
      <c r="BZ22" s="113">
        <v>1256556</v>
      </c>
      <c r="CA22" s="116">
        <v>1334634</v>
      </c>
      <c r="CB22" s="110">
        <v>55049</v>
      </c>
      <c r="CC22" s="114">
        <v>186749</v>
      </c>
      <c r="CD22" s="113">
        <v>241798</v>
      </c>
      <c r="CE22" s="110">
        <v>0</v>
      </c>
      <c r="CF22" s="114">
        <v>1114222</v>
      </c>
      <c r="CG22" s="114">
        <v>2463726</v>
      </c>
      <c r="CH22" s="114">
        <v>1677083</v>
      </c>
      <c r="CI22" s="114">
        <v>1359306</v>
      </c>
      <c r="CJ22" s="114">
        <v>245496</v>
      </c>
      <c r="CK22" s="113">
        <v>6859833</v>
      </c>
      <c r="CL22" s="116">
        <v>7101631</v>
      </c>
      <c r="CM22" s="110">
        <v>0</v>
      </c>
      <c r="CN22" s="114">
        <v>0</v>
      </c>
      <c r="CO22" s="113">
        <v>0</v>
      </c>
      <c r="CP22" s="111">
        <v>0</v>
      </c>
      <c r="CQ22" s="114">
        <v>889353</v>
      </c>
      <c r="CR22" s="114">
        <v>1908958</v>
      </c>
      <c r="CS22" s="114">
        <v>988529</v>
      </c>
      <c r="CT22" s="114">
        <v>769701</v>
      </c>
      <c r="CU22" s="114">
        <v>239090</v>
      </c>
      <c r="CV22" s="113">
        <v>4795631</v>
      </c>
      <c r="CW22" s="116">
        <v>4795631</v>
      </c>
      <c r="CX22" s="110">
        <v>55049</v>
      </c>
      <c r="CY22" s="114">
        <v>186749</v>
      </c>
      <c r="CZ22" s="113">
        <v>241798</v>
      </c>
      <c r="DA22" s="110">
        <v>0</v>
      </c>
      <c r="DB22" s="114">
        <v>224869</v>
      </c>
      <c r="DC22" s="114">
        <v>554768</v>
      </c>
      <c r="DD22" s="114">
        <v>688554</v>
      </c>
      <c r="DE22" s="114">
        <v>589605</v>
      </c>
      <c r="DF22" s="114">
        <v>6406</v>
      </c>
      <c r="DG22" s="113">
        <v>2064202</v>
      </c>
      <c r="DH22" s="116">
        <v>2306000</v>
      </c>
      <c r="DI22" s="110">
        <v>0</v>
      </c>
      <c r="DJ22" s="114">
        <v>0</v>
      </c>
      <c r="DK22" s="112">
        <v>0</v>
      </c>
      <c r="DL22" s="111">
        <v>0</v>
      </c>
      <c r="DM22" s="114">
        <v>236788</v>
      </c>
      <c r="DN22" s="114">
        <v>329704</v>
      </c>
      <c r="DO22" s="114">
        <v>249993</v>
      </c>
      <c r="DP22" s="114">
        <v>423039</v>
      </c>
      <c r="DQ22" s="114">
        <v>342845</v>
      </c>
      <c r="DR22" s="113">
        <v>1582369</v>
      </c>
      <c r="DS22" s="116">
        <v>1582369</v>
      </c>
      <c r="DT22" s="110">
        <v>0</v>
      </c>
      <c r="DU22" s="114">
        <v>0</v>
      </c>
      <c r="DV22" s="113">
        <v>0</v>
      </c>
      <c r="DW22" s="110">
        <v>0</v>
      </c>
      <c r="DX22" s="114">
        <v>88027</v>
      </c>
      <c r="DY22" s="114">
        <v>310175</v>
      </c>
      <c r="DZ22" s="114">
        <v>200074</v>
      </c>
      <c r="EA22" s="114">
        <v>423039</v>
      </c>
      <c r="EB22" s="114">
        <v>285211</v>
      </c>
      <c r="EC22" s="113">
        <v>1306526</v>
      </c>
      <c r="ED22" s="116">
        <v>1306526</v>
      </c>
      <c r="EE22" s="110">
        <v>0</v>
      </c>
      <c r="EF22" s="112">
        <v>0</v>
      </c>
      <c r="EG22" s="113">
        <v>0</v>
      </c>
      <c r="EH22" s="110">
        <v>0</v>
      </c>
      <c r="EI22" s="114">
        <v>148761</v>
      </c>
      <c r="EJ22" s="114">
        <v>19529</v>
      </c>
      <c r="EK22" s="114">
        <v>49919</v>
      </c>
      <c r="EL22" s="114">
        <v>0</v>
      </c>
      <c r="EM22" s="114">
        <v>57634</v>
      </c>
      <c r="EN22" s="112">
        <v>275843</v>
      </c>
      <c r="EO22" s="116">
        <v>275843</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5"/>
      <c r="FE22" s="114">
        <v>0</v>
      </c>
      <c r="FF22" s="114">
        <v>0</v>
      </c>
      <c r="FG22" s="114">
        <v>0</v>
      </c>
      <c r="FH22" s="114">
        <v>0</v>
      </c>
      <c r="FI22" s="114">
        <v>0</v>
      </c>
      <c r="FJ22" s="113">
        <v>0</v>
      </c>
      <c r="FK22" s="116">
        <v>0</v>
      </c>
      <c r="FL22" s="110">
        <v>153440</v>
      </c>
      <c r="FM22" s="114">
        <v>124208</v>
      </c>
      <c r="FN22" s="113">
        <v>277648</v>
      </c>
      <c r="FO22" s="110">
        <v>0</v>
      </c>
      <c r="FP22" s="114">
        <v>99239</v>
      </c>
      <c r="FQ22" s="114">
        <v>739648</v>
      </c>
      <c r="FR22" s="114">
        <v>807450</v>
      </c>
      <c r="FS22" s="114">
        <v>382004</v>
      </c>
      <c r="FT22" s="114">
        <v>289604</v>
      </c>
      <c r="FU22" s="113">
        <v>2317945</v>
      </c>
      <c r="FV22" s="116">
        <v>2595593</v>
      </c>
      <c r="FW22" s="115">
        <v>72800</v>
      </c>
      <c r="FX22" s="114">
        <v>104958</v>
      </c>
      <c r="FY22" s="112">
        <v>177758</v>
      </c>
      <c r="FZ22" s="111">
        <v>0</v>
      </c>
      <c r="GA22" s="114">
        <v>99239</v>
      </c>
      <c r="GB22" s="114">
        <v>695548</v>
      </c>
      <c r="GC22" s="114">
        <v>614950</v>
      </c>
      <c r="GD22" s="114">
        <v>382004</v>
      </c>
      <c r="GE22" s="114">
        <v>289604</v>
      </c>
      <c r="GF22" s="113">
        <v>2081345</v>
      </c>
      <c r="GG22" s="316">
        <v>2259103</v>
      </c>
      <c r="GH22" s="115">
        <v>54740</v>
      </c>
      <c r="GI22" s="114">
        <v>0</v>
      </c>
      <c r="GJ22" s="112">
        <v>54740</v>
      </c>
      <c r="GK22" s="111">
        <v>0</v>
      </c>
      <c r="GL22" s="114">
        <v>0</v>
      </c>
      <c r="GM22" s="114">
        <v>0</v>
      </c>
      <c r="GN22" s="114">
        <v>0</v>
      </c>
      <c r="GO22" s="114">
        <v>0</v>
      </c>
      <c r="GP22" s="114">
        <v>0</v>
      </c>
      <c r="GQ22" s="113">
        <v>0</v>
      </c>
      <c r="GR22" s="116">
        <v>54740</v>
      </c>
      <c r="GS22" s="110">
        <v>25900</v>
      </c>
      <c r="GT22" s="114">
        <v>19250</v>
      </c>
      <c r="GU22" s="113">
        <v>45150</v>
      </c>
      <c r="GV22" s="110">
        <v>0</v>
      </c>
      <c r="GW22" s="114">
        <v>0</v>
      </c>
      <c r="GX22" s="114">
        <v>44100</v>
      </c>
      <c r="GY22" s="114">
        <v>192500</v>
      </c>
      <c r="GZ22" s="114">
        <v>0</v>
      </c>
      <c r="HA22" s="114">
        <v>0</v>
      </c>
      <c r="HB22" s="112">
        <v>236600</v>
      </c>
      <c r="HC22" s="116">
        <v>281750</v>
      </c>
      <c r="HD22" s="110">
        <v>99978</v>
      </c>
      <c r="HE22" s="114">
        <v>160499</v>
      </c>
      <c r="HF22" s="112">
        <v>260477</v>
      </c>
      <c r="HG22" s="111">
        <v>0</v>
      </c>
      <c r="HH22" s="114">
        <v>1850216</v>
      </c>
      <c r="HI22" s="114">
        <v>954293</v>
      </c>
      <c r="HJ22" s="114">
        <v>1420423</v>
      </c>
      <c r="HK22" s="114">
        <v>2951519</v>
      </c>
      <c r="HL22" s="114">
        <v>1319729</v>
      </c>
      <c r="HM22" s="113">
        <v>8496180</v>
      </c>
      <c r="HN22" s="109">
        <v>8756657</v>
      </c>
      <c r="HO22" s="326"/>
      <c r="HP22" s="327"/>
      <c r="HQ22" s="328"/>
      <c r="HR22" s="329"/>
      <c r="HS22" s="327"/>
      <c r="HT22" s="327"/>
      <c r="HU22" s="327"/>
      <c r="HV22" s="327"/>
      <c r="HW22" s="327"/>
      <c r="HX22" s="330"/>
      <c r="HY22" s="331"/>
      <c r="HZ22" s="150">
        <v>0</v>
      </c>
      <c r="IA22" s="135">
        <v>0</v>
      </c>
      <c r="IB22" s="150">
        <v>0</v>
      </c>
      <c r="IC22" s="134">
        <v>0</v>
      </c>
      <c r="ID22" s="135">
        <v>660926</v>
      </c>
      <c r="IE22" s="136">
        <v>2061290</v>
      </c>
      <c r="IF22" s="137">
        <v>801585</v>
      </c>
      <c r="IG22" s="135">
        <v>2351608</v>
      </c>
      <c r="IH22" s="137">
        <v>1803997</v>
      </c>
      <c r="II22" s="138">
        <v>7679406</v>
      </c>
      <c r="IJ22" s="150">
        <v>7679406</v>
      </c>
      <c r="IK22" s="232">
        <v>0</v>
      </c>
      <c r="IL22" s="236">
        <v>0</v>
      </c>
      <c r="IM22" s="237">
        <v>0</v>
      </c>
      <c r="IN22" s="140"/>
      <c r="IO22" s="119">
        <v>41775</v>
      </c>
      <c r="IP22" s="119">
        <v>0</v>
      </c>
      <c r="IQ22" s="119">
        <v>0</v>
      </c>
      <c r="IR22" s="119">
        <v>0</v>
      </c>
      <c r="IS22" s="119">
        <v>0</v>
      </c>
      <c r="IT22" s="141">
        <v>41775</v>
      </c>
      <c r="IU22" s="318">
        <v>41775</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388139</v>
      </c>
      <c r="JL22" s="119">
        <v>653338</v>
      </c>
      <c r="JM22" s="119">
        <v>233664</v>
      </c>
      <c r="JN22" s="119">
        <v>720133</v>
      </c>
      <c r="JO22" s="119">
        <v>95138</v>
      </c>
      <c r="JP22" s="120">
        <v>2090412</v>
      </c>
      <c r="JQ22" s="318">
        <v>2090412</v>
      </c>
      <c r="JR22" s="142">
        <v>0</v>
      </c>
      <c r="JS22" s="119">
        <v>0</v>
      </c>
      <c r="JT22" s="141">
        <v>0</v>
      </c>
      <c r="JU22" s="118">
        <v>0</v>
      </c>
      <c r="JV22" s="119">
        <v>21691</v>
      </c>
      <c r="JW22" s="119">
        <v>0</v>
      </c>
      <c r="JX22" s="119">
        <v>118801</v>
      </c>
      <c r="JY22" s="119">
        <v>0</v>
      </c>
      <c r="JZ22" s="119">
        <v>0</v>
      </c>
      <c r="KA22" s="120">
        <v>140492</v>
      </c>
      <c r="KB22" s="318">
        <v>140492</v>
      </c>
      <c r="KC22" s="234">
        <v>0</v>
      </c>
      <c r="KD22" s="230">
        <v>0</v>
      </c>
      <c r="KE22" s="120">
        <v>0</v>
      </c>
      <c r="KF22" s="118">
        <v>0</v>
      </c>
      <c r="KG22" s="119">
        <v>0</v>
      </c>
      <c r="KH22" s="119">
        <v>307425</v>
      </c>
      <c r="KI22" s="119">
        <v>223583</v>
      </c>
      <c r="KJ22" s="119">
        <v>237769</v>
      </c>
      <c r="KK22" s="119">
        <v>260416</v>
      </c>
      <c r="KL22" s="120">
        <v>1029193</v>
      </c>
      <c r="KM22" s="143">
        <v>1029193</v>
      </c>
      <c r="KN22" s="232">
        <v>0</v>
      </c>
      <c r="KO22" s="236">
        <v>0</v>
      </c>
      <c r="KP22" s="237">
        <v>0</v>
      </c>
      <c r="KQ22" s="140"/>
      <c r="KR22" s="119">
        <v>209321</v>
      </c>
      <c r="KS22" s="119">
        <v>1100527</v>
      </c>
      <c r="KT22" s="119">
        <v>225537</v>
      </c>
      <c r="KU22" s="119">
        <v>927256</v>
      </c>
      <c r="KV22" s="119">
        <v>946963</v>
      </c>
      <c r="KW22" s="120">
        <v>3409604</v>
      </c>
      <c r="KX22" s="318">
        <v>3409604</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0</v>
      </c>
      <c r="LQ22" s="119">
        <v>466450</v>
      </c>
      <c r="LR22" s="119">
        <v>501480</v>
      </c>
      <c r="LS22" s="120">
        <v>967930</v>
      </c>
      <c r="LT22" s="318">
        <v>967930</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0</v>
      </c>
      <c r="MK22" s="119">
        <v>1522273</v>
      </c>
      <c r="ML22" s="119">
        <v>4249838</v>
      </c>
      <c r="MM22" s="119">
        <v>3079013</v>
      </c>
      <c r="MN22" s="119">
        <v>2667342</v>
      </c>
      <c r="MO22" s="120">
        <v>11518466</v>
      </c>
      <c r="MP22" s="143">
        <v>11518466</v>
      </c>
      <c r="MQ22" s="142">
        <v>0</v>
      </c>
      <c r="MR22" s="119">
        <v>0</v>
      </c>
      <c r="MS22" s="120">
        <v>0</v>
      </c>
      <c r="MT22" s="145"/>
      <c r="MU22" s="119">
        <v>0</v>
      </c>
      <c r="MV22" s="119">
        <v>212478</v>
      </c>
      <c r="MW22" s="119">
        <v>1895377</v>
      </c>
      <c r="MX22" s="119">
        <v>1390184</v>
      </c>
      <c r="MY22" s="119">
        <v>1238702</v>
      </c>
      <c r="MZ22" s="120">
        <v>4736741</v>
      </c>
      <c r="NA22" s="143">
        <v>4736741</v>
      </c>
      <c r="NB22" s="142">
        <v>0</v>
      </c>
      <c r="NC22" s="119">
        <v>0</v>
      </c>
      <c r="ND22" s="120">
        <v>0</v>
      </c>
      <c r="NE22" s="145"/>
      <c r="NF22" s="119">
        <v>0</v>
      </c>
      <c r="NG22" s="119">
        <v>1309795</v>
      </c>
      <c r="NH22" s="119">
        <v>2354461</v>
      </c>
      <c r="NI22" s="119">
        <v>1688829</v>
      </c>
      <c r="NJ22" s="119">
        <v>1067195</v>
      </c>
      <c r="NK22" s="120">
        <v>6420280</v>
      </c>
      <c r="NL22" s="318">
        <v>6420280</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61445</v>
      </c>
      <c r="OG22" s="120">
        <v>361445</v>
      </c>
      <c r="OH22" s="121">
        <v>361445</v>
      </c>
      <c r="OI22" s="142">
        <v>447950</v>
      </c>
      <c r="OJ22" s="119">
        <v>672670</v>
      </c>
      <c r="OK22" s="141">
        <v>1120620</v>
      </c>
      <c r="OL22" s="118">
        <v>0</v>
      </c>
      <c r="OM22" s="119">
        <v>5010519</v>
      </c>
      <c r="ON22" s="119">
        <v>9718269</v>
      </c>
      <c r="OO22" s="119">
        <v>12036010</v>
      </c>
      <c r="OP22" s="119">
        <v>12060377</v>
      </c>
      <c r="OQ22" s="119">
        <v>8497813</v>
      </c>
      <c r="OR22" s="120">
        <v>47322988</v>
      </c>
      <c r="OS22" s="143">
        <v>48443608</v>
      </c>
    </row>
    <row r="23" spans="2:409" ht="21" customHeight="1" x14ac:dyDescent="0.2">
      <c r="B23" s="126" t="s">
        <v>18</v>
      </c>
      <c r="C23" s="110">
        <v>547553</v>
      </c>
      <c r="D23" s="114">
        <v>815776</v>
      </c>
      <c r="E23" s="113">
        <v>1363329</v>
      </c>
      <c r="F23" s="109">
        <v>0</v>
      </c>
      <c r="G23" s="114">
        <v>6076615</v>
      </c>
      <c r="H23" s="114">
        <v>10030795</v>
      </c>
      <c r="I23" s="114">
        <v>5806579</v>
      </c>
      <c r="J23" s="114">
        <v>7289606</v>
      </c>
      <c r="K23" s="114">
        <v>6630027</v>
      </c>
      <c r="L23" s="109">
        <v>35833622</v>
      </c>
      <c r="M23" s="116">
        <v>37196951</v>
      </c>
      <c r="N23" s="110">
        <v>216924</v>
      </c>
      <c r="O23" s="114">
        <v>215906</v>
      </c>
      <c r="P23" s="113">
        <v>432830</v>
      </c>
      <c r="Q23" s="110">
        <v>0</v>
      </c>
      <c r="R23" s="114">
        <v>2064840</v>
      </c>
      <c r="S23" s="114">
        <v>2486623</v>
      </c>
      <c r="T23" s="114">
        <v>2238686</v>
      </c>
      <c r="U23" s="114">
        <v>2602101</v>
      </c>
      <c r="V23" s="114">
        <v>2574605</v>
      </c>
      <c r="W23" s="113">
        <v>11966855</v>
      </c>
      <c r="X23" s="116">
        <v>12399685</v>
      </c>
      <c r="Y23" s="110">
        <v>0</v>
      </c>
      <c r="Z23" s="114">
        <v>0</v>
      </c>
      <c r="AA23" s="113">
        <v>0</v>
      </c>
      <c r="AB23" s="110">
        <v>0</v>
      </c>
      <c r="AC23" s="114">
        <v>739614</v>
      </c>
      <c r="AD23" s="114">
        <v>1013944</v>
      </c>
      <c r="AE23" s="114">
        <v>1038984</v>
      </c>
      <c r="AF23" s="114">
        <v>1675170</v>
      </c>
      <c r="AG23" s="114">
        <v>1115982</v>
      </c>
      <c r="AH23" s="113">
        <v>5583694</v>
      </c>
      <c r="AI23" s="116">
        <v>5583694</v>
      </c>
      <c r="AJ23" s="110">
        <v>0</v>
      </c>
      <c r="AK23" s="114">
        <v>0</v>
      </c>
      <c r="AL23" s="113">
        <v>0</v>
      </c>
      <c r="AM23" s="110">
        <v>0</v>
      </c>
      <c r="AN23" s="114">
        <v>0</v>
      </c>
      <c r="AO23" s="114">
        <v>0</v>
      </c>
      <c r="AP23" s="114">
        <v>91354</v>
      </c>
      <c r="AQ23" s="114">
        <v>103113</v>
      </c>
      <c r="AR23" s="114">
        <v>186896</v>
      </c>
      <c r="AS23" s="113">
        <v>381363</v>
      </c>
      <c r="AT23" s="116">
        <v>381363</v>
      </c>
      <c r="AU23" s="110">
        <v>142170</v>
      </c>
      <c r="AV23" s="114">
        <v>156308</v>
      </c>
      <c r="AW23" s="113">
        <v>298478</v>
      </c>
      <c r="AX23" s="110">
        <v>0</v>
      </c>
      <c r="AY23" s="114">
        <v>754682</v>
      </c>
      <c r="AZ23" s="114">
        <v>1007318</v>
      </c>
      <c r="BA23" s="114">
        <v>659692</v>
      </c>
      <c r="BB23" s="114">
        <v>447040</v>
      </c>
      <c r="BC23" s="114">
        <v>802185</v>
      </c>
      <c r="BD23" s="113">
        <v>3670917</v>
      </c>
      <c r="BE23" s="116">
        <v>3969395</v>
      </c>
      <c r="BF23" s="110">
        <v>27294</v>
      </c>
      <c r="BG23" s="114">
        <v>0</v>
      </c>
      <c r="BH23" s="112">
        <v>27294</v>
      </c>
      <c r="BI23" s="111">
        <v>0</v>
      </c>
      <c r="BJ23" s="114">
        <v>200846</v>
      </c>
      <c r="BK23" s="114">
        <v>96482</v>
      </c>
      <c r="BL23" s="114">
        <v>120972</v>
      </c>
      <c r="BM23" s="114">
        <v>28605</v>
      </c>
      <c r="BN23" s="114">
        <v>43179</v>
      </c>
      <c r="BO23" s="113">
        <v>490084</v>
      </c>
      <c r="BP23" s="116">
        <v>517378</v>
      </c>
      <c r="BQ23" s="110">
        <v>47460</v>
      </c>
      <c r="BR23" s="114">
        <v>59598</v>
      </c>
      <c r="BS23" s="113">
        <v>107058</v>
      </c>
      <c r="BT23" s="110">
        <v>0</v>
      </c>
      <c r="BU23" s="114">
        <v>369698</v>
      </c>
      <c r="BV23" s="114">
        <v>368879</v>
      </c>
      <c r="BW23" s="114">
        <v>327684</v>
      </c>
      <c r="BX23" s="114">
        <v>348173</v>
      </c>
      <c r="BY23" s="114">
        <v>426363</v>
      </c>
      <c r="BZ23" s="113">
        <v>1840797</v>
      </c>
      <c r="CA23" s="116">
        <v>1947855</v>
      </c>
      <c r="CB23" s="110">
        <v>125701</v>
      </c>
      <c r="CC23" s="114">
        <v>100057</v>
      </c>
      <c r="CD23" s="113">
        <v>225758</v>
      </c>
      <c r="CE23" s="110">
        <v>0</v>
      </c>
      <c r="CF23" s="114">
        <v>1700317</v>
      </c>
      <c r="CG23" s="114">
        <v>3581228</v>
      </c>
      <c r="CH23" s="114">
        <v>1258591</v>
      </c>
      <c r="CI23" s="114">
        <v>1390550</v>
      </c>
      <c r="CJ23" s="114">
        <v>879822</v>
      </c>
      <c r="CK23" s="113">
        <v>8810508</v>
      </c>
      <c r="CL23" s="116">
        <v>9036266</v>
      </c>
      <c r="CM23" s="110">
        <v>0</v>
      </c>
      <c r="CN23" s="114">
        <v>0</v>
      </c>
      <c r="CO23" s="113">
        <v>0</v>
      </c>
      <c r="CP23" s="111">
        <v>0</v>
      </c>
      <c r="CQ23" s="114">
        <v>1221678</v>
      </c>
      <c r="CR23" s="114">
        <v>2950011</v>
      </c>
      <c r="CS23" s="114">
        <v>1021319</v>
      </c>
      <c r="CT23" s="114">
        <v>888800</v>
      </c>
      <c r="CU23" s="114">
        <v>521704</v>
      </c>
      <c r="CV23" s="113">
        <v>6603512</v>
      </c>
      <c r="CW23" s="116">
        <v>6603512</v>
      </c>
      <c r="CX23" s="110">
        <v>125701</v>
      </c>
      <c r="CY23" s="114">
        <v>100057</v>
      </c>
      <c r="CZ23" s="113">
        <v>225758</v>
      </c>
      <c r="DA23" s="110">
        <v>0</v>
      </c>
      <c r="DB23" s="114">
        <v>478639</v>
      </c>
      <c r="DC23" s="114">
        <v>631217</v>
      </c>
      <c r="DD23" s="114">
        <v>237272</v>
      </c>
      <c r="DE23" s="114">
        <v>501750</v>
      </c>
      <c r="DF23" s="114">
        <v>358118</v>
      </c>
      <c r="DG23" s="113">
        <v>2206996</v>
      </c>
      <c r="DH23" s="116">
        <v>2432754</v>
      </c>
      <c r="DI23" s="110">
        <v>0</v>
      </c>
      <c r="DJ23" s="114">
        <v>0</v>
      </c>
      <c r="DK23" s="112">
        <v>0</v>
      </c>
      <c r="DL23" s="111">
        <v>0</v>
      </c>
      <c r="DM23" s="114">
        <v>48962</v>
      </c>
      <c r="DN23" s="114">
        <v>764843</v>
      </c>
      <c r="DO23" s="114">
        <v>567959</v>
      </c>
      <c r="DP23" s="114">
        <v>769202</v>
      </c>
      <c r="DQ23" s="114">
        <v>177976</v>
      </c>
      <c r="DR23" s="113">
        <v>2328942</v>
      </c>
      <c r="DS23" s="116">
        <v>2328942</v>
      </c>
      <c r="DT23" s="110">
        <v>0</v>
      </c>
      <c r="DU23" s="114">
        <v>0</v>
      </c>
      <c r="DV23" s="113">
        <v>0</v>
      </c>
      <c r="DW23" s="110">
        <v>0</v>
      </c>
      <c r="DX23" s="114">
        <v>48962</v>
      </c>
      <c r="DY23" s="114">
        <v>747127</v>
      </c>
      <c r="DZ23" s="114">
        <v>567959</v>
      </c>
      <c r="EA23" s="114">
        <v>769202</v>
      </c>
      <c r="EB23" s="114">
        <v>177976</v>
      </c>
      <c r="EC23" s="113">
        <v>2311226</v>
      </c>
      <c r="ED23" s="116">
        <v>2311226</v>
      </c>
      <c r="EE23" s="110">
        <v>0</v>
      </c>
      <c r="EF23" s="112">
        <v>0</v>
      </c>
      <c r="EG23" s="113">
        <v>0</v>
      </c>
      <c r="EH23" s="110">
        <v>0</v>
      </c>
      <c r="EI23" s="114">
        <v>0</v>
      </c>
      <c r="EJ23" s="114">
        <v>17716</v>
      </c>
      <c r="EK23" s="114">
        <v>0</v>
      </c>
      <c r="EL23" s="114">
        <v>0</v>
      </c>
      <c r="EM23" s="114">
        <v>0</v>
      </c>
      <c r="EN23" s="112">
        <v>17716</v>
      </c>
      <c r="EO23" s="116">
        <v>17716</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5"/>
      <c r="FE23" s="114">
        <v>0</v>
      </c>
      <c r="FF23" s="114">
        <v>0</v>
      </c>
      <c r="FG23" s="114">
        <v>0</v>
      </c>
      <c r="FH23" s="114">
        <v>0</v>
      </c>
      <c r="FI23" s="114">
        <v>0</v>
      </c>
      <c r="FJ23" s="113">
        <v>0</v>
      </c>
      <c r="FK23" s="116">
        <v>0</v>
      </c>
      <c r="FL23" s="110">
        <v>55454</v>
      </c>
      <c r="FM23" s="114">
        <v>257177</v>
      </c>
      <c r="FN23" s="113">
        <v>312631</v>
      </c>
      <c r="FO23" s="110">
        <v>0</v>
      </c>
      <c r="FP23" s="114">
        <v>409409</v>
      </c>
      <c r="FQ23" s="114">
        <v>679322</v>
      </c>
      <c r="FR23" s="114">
        <v>604037</v>
      </c>
      <c r="FS23" s="114">
        <v>415779</v>
      </c>
      <c r="FT23" s="114">
        <v>348859</v>
      </c>
      <c r="FU23" s="113">
        <v>2457406</v>
      </c>
      <c r="FV23" s="116">
        <v>2770037</v>
      </c>
      <c r="FW23" s="115">
        <v>55454</v>
      </c>
      <c r="FX23" s="114">
        <v>115920</v>
      </c>
      <c r="FY23" s="112">
        <v>171374</v>
      </c>
      <c r="FZ23" s="111">
        <v>0</v>
      </c>
      <c r="GA23" s="114">
        <v>275044</v>
      </c>
      <c r="GB23" s="114">
        <v>605822</v>
      </c>
      <c r="GC23" s="114">
        <v>459284</v>
      </c>
      <c r="GD23" s="114">
        <v>398279</v>
      </c>
      <c r="GE23" s="114">
        <v>348859</v>
      </c>
      <c r="GF23" s="113">
        <v>2087288</v>
      </c>
      <c r="GG23" s="316">
        <v>2258662</v>
      </c>
      <c r="GH23" s="115">
        <v>0</v>
      </c>
      <c r="GI23" s="114">
        <v>0</v>
      </c>
      <c r="GJ23" s="112">
        <v>0</v>
      </c>
      <c r="GK23" s="111">
        <v>0</v>
      </c>
      <c r="GL23" s="114">
        <v>25410</v>
      </c>
      <c r="GM23" s="114">
        <v>12600</v>
      </c>
      <c r="GN23" s="114">
        <v>76153</v>
      </c>
      <c r="GO23" s="114">
        <v>0</v>
      </c>
      <c r="GP23" s="114">
        <v>0</v>
      </c>
      <c r="GQ23" s="113">
        <v>114163</v>
      </c>
      <c r="GR23" s="116">
        <v>114163</v>
      </c>
      <c r="GS23" s="110">
        <v>0</v>
      </c>
      <c r="GT23" s="114">
        <v>141257</v>
      </c>
      <c r="GU23" s="113">
        <v>141257</v>
      </c>
      <c r="GV23" s="110">
        <v>0</v>
      </c>
      <c r="GW23" s="114">
        <v>108955</v>
      </c>
      <c r="GX23" s="114">
        <v>60900</v>
      </c>
      <c r="GY23" s="114">
        <v>68600</v>
      </c>
      <c r="GZ23" s="114">
        <v>17500</v>
      </c>
      <c r="HA23" s="114">
        <v>0</v>
      </c>
      <c r="HB23" s="112">
        <v>255955</v>
      </c>
      <c r="HC23" s="116">
        <v>397212</v>
      </c>
      <c r="HD23" s="110">
        <v>149474</v>
      </c>
      <c r="HE23" s="114">
        <v>242636</v>
      </c>
      <c r="HF23" s="112">
        <v>392110</v>
      </c>
      <c r="HG23" s="111">
        <v>0</v>
      </c>
      <c r="HH23" s="114">
        <v>1853087</v>
      </c>
      <c r="HI23" s="114">
        <v>2518779</v>
      </c>
      <c r="HJ23" s="114">
        <v>1137306</v>
      </c>
      <c r="HK23" s="114">
        <v>2111974</v>
      </c>
      <c r="HL23" s="114">
        <v>2648765</v>
      </c>
      <c r="HM23" s="113">
        <v>10269911</v>
      </c>
      <c r="HN23" s="109">
        <v>10662021</v>
      </c>
      <c r="HO23" s="326"/>
      <c r="HP23" s="327"/>
      <c r="HQ23" s="328"/>
      <c r="HR23" s="329"/>
      <c r="HS23" s="327"/>
      <c r="HT23" s="327"/>
      <c r="HU23" s="327"/>
      <c r="HV23" s="327"/>
      <c r="HW23" s="327"/>
      <c r="HX23" s="330"/>
      <c r="HY23" s="331"/>
      <c r="HZ23" s="131">
        <v>0</v>
      </c>
      <c r="IA23" s="132">
        <v>0</v>
      </c>
      <c r="IB23" s="133">
        <v>0</v>
      </c>
      <c r="IC23" s="146">
        <v>0</v>
      </c>
      <c r="ID23" s="132">
        <v>1118651</v>
      </c>
      <c r="IE23" s="147">
        <v>1065217</v>
      </c>
      <c r="IF23" s="133">
        <v>2042454</v>
      </c>
      <c r="IG23" s="132">
        <v>1512007</v>
      </c>
      <c r="IH23" s="133">
        <v>1412132</v>
      </c>
      <c r="II23" s="148">
        <v>7150461</v>
      </c>
      <c r="IJ23" s="139">
        <v>7150461</v>
      </c>
      <c r="IK23" s="232">
        <v>0</v>
      </c>
      <c r="IL23" s="236">
        <v>0</v>
      </c>
      <c r="IM23" s="237">
        <v>0</v>
      </c>
      <c r="IN23" s="140"/>
      <c r="IO23" s="119">
        <v>0</v>
      </c>
      <c r="IP23" s="119">
        <v>0</v>
      </c>
      <c r="IQ23" s="119">
        <v>0</v>
      </c>
      <c r="IR23" s="119">
        <v>0</v>
      </c>
      <c r="IS23" s="119">
        <v>237450</v>
      </c>
      <c r="IT23" s="141">
        <v>237450</v>
      </c>
      <c r="IU23" s="318">
        <v>23745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631625</v>
      </c>
      <c r="JL23" s="119">
        <v>466050</v>
      </c>
      <c r="JM23" s="119">
        <v>427863</v>
      </c>
      <c r="JN23" s="119">
        <v>329408</v>
      </c>
      <c r="JO23" s="119">
        <v>0</v>
      </c>
      <c r="JP23" s="120">
        <v>1854946</v>
      </c>
      <c r="JQ23" s="318">
        <v>1854946</v>
      </c>
      <c r="JR23" s="142">
        <v>0</v>
      </c>
      <c r="JS23" s="119">
        <v>0</v>
      </c>
      <c r="JT23" s="141">
        <v>0</v>
      </c>
      <c r="JU23" s="118">
        <v>0</v>
      </c>
      <c r="JV23" s="119">
        <v>89735</v>
      </c>
      <c r="JW23" s="119">
        <v>39620</v>
      </c>
      <c r="JX23" s="119">
        <v>295619</v>
      </c>
      <c r="JY23" s="119">
        <v>189912</v>
      </c>
      <c r="JZ23" s="119">
        <v>0</v>
      </c>
      <c r="KA23" s="120">
        <v>614886</v>
      </c>
      <c r="KB23" s="318">
        <v>614886</v>
      </c>
      <c r="KC23" s="234">
        <v>0</v>
      </c>
      <c r="KD23" s="230">
        <v>0</v>
      </c>
      <c r="KE23" s="120">
        <v>0</v>
      </c>
      <c r="KF23" s="118">
        <v>0</v>
      </c>
      <c r="KG23" s="119">
        <v>0</v>
      </c>
      <c r="KH23" s="119">
        <v>152079</v>
      </c>
      <c r="KI23" s="119">
        <v>0</v>
      </c>
      <c r="KJ23" s="119">
        <v>0</v>
      </c>
      <c r="KK23" s="119">
        <v>0</v>
      </c>
      <c r="KL23" s="120">
        <v>152079</v>
      </c>
      <c r="KM23" s="143">
        <v>152079</v>
      </c>
      <c r="KN23" s="232">
        <v>0</v>
      </c>
      <c r="KO23" s="236">
        <v>0</v>
      </c>
      <c r="KP23" s="237">
        <v>0</v>
      </c>
      <c r="KQ23" s="140"/>
      <c r="KR23" s="119">
        <v>397291</v>
      </c>
      <c r="KS23" s="119">
        <v>217313</v>
      </c>
      <c r="KT23" s="119">
        <v>1119734</v>
      </c>
      <c r="KU23" s="119">
        <v>459469</v>
      </c>
      <c r="KV23" s="119">
        <v>231672</v>
      </c>
      <c r="KW23" s="120">
        <v>2425479</v>
      </c>
      <c r="KX23" s="318">
        <v>2425479</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199238</v>
      </c>
      <c r="LQ23" s="119">
        <v>249982</v>
      </c>
      <c r="LR23" s="119">
        <v>0</v>
      </c>
      <c r="LS23" s="120">
        <v>449220</v>
      </c>
      <c r="LT23" s="318">
        <v>449220</v>
      </c>
      <c r="LU23" s="142">
        <v>0</v>
      </c>
      <c r="LV23" s="119">
        <v>0</v>
      </c>
      <c r="LW23" s="120">
        <v>0</v>
      </c>
      <c r="LX23" s="145"/>
      <c r="LY23" s="119">
        <v>0</v>
      </c>
      <c r="LZ23" s="119">
        <v>190155</v>
      </c>
      <c r="MA23" s="119">
        <v>0</v>
      </c>
      <c r="MB23" s="119">
        <v>283236</v>
      </c>
      <c r="MC23" s="119">
        <v>943010</v>
      </c>
      <c r="MD23" s="120">
        <v>1416401</v>
      </c>
      <c r="ME23" s="121">
        <v>1416401</v>
      </c>
      <c r="MF23" s="142">
        <v>0</v>
      </c>
      <c r="MG23" s="119">
        <v>0</v>
      </c>
      <c r="MH23" s="120">
        <v>0</v>
      </c>
      <c r="MI23" s="145"/>
      <c r="MJ23" s="119">
        <v>598778</v>
      </c>
      <c r="MK23" s="119">
        <v>596905</v>
      </c>
      <c r="ML23" s="119">
        <v>2470692</v>
      </c>
      <c r="MM23" s="119">
        <v>4988934</v>
      </c>
      <c r="MN23" s="119">
        <v>2956933</v>
      </c>
      <c r="MO23" s="120">
        <v>11612242</v>
      </c>
      <c r="MP23" s="143">
        <v>11612242</v>
      </c>
      <c r="MQ23" s="142">
        <v>0</v>
      </c>
      <c r="MR23" s="119">
        <v>0</v>
      </c>
      <c r="MS23" s="120">
        <v>0</v>
      </c>
      <c r="MT23" s="145"/>
      <c r="MU23" s="119">
        <v>0</v>
      </c>
      <c r="MV23" s="119">
        <v>195276</v>
      </c>
      <c r="MW23" s="119">
        <v>1443558</v>
      </c>
      <c r="MX23" s="119">
        <v>2870240</v>
      </c>
      <c r="MY23" s="119">
        <v>2105734</v>
      </c>
      <c r="MZ23" s="120">
        <v>6614808</v>
      </c>
      <c r="NA23" s="143">
        <v>6614808</v>
      </c>
      <c r="NB23" s="142">
        <v>0</v>
      </c>
      <c r="NC23" s="119">
        <v>0</v>
      </c>
      <c r="ND23" s="120">
        <v>0</v>
      </c>
      <c r="NE23" s="145"/>
      <c r="NF23" s="119">
        <v>598778</v>
      </c>
      <c r="NG23" s="119">
        <v>401629</v>
      </c>
      <c r="NH23" s="119">
        <v>1027134</v>
      </c>
      <c r="NI23" s="119">
        <v>2118694</v>
      </c>
      <c r="NJ23" s="119">
        <v>578937</v>
      </c>
      <c r="NK23" s="120">
        <v>4725172</v>
      </c>
      <c r="NL23" s="318">
        <v>4725172</v>
      </c>
      <c r="NM23" s="142">
        <v>0</v>
      </c>
      <c r="NN23" s="119">
        <v>0</v>
      </c>
      <c r="NO23" s="120">
        <v>0</v>
      </c>
      <c r="NP23" s="145"/>
      <c r="NQ23" s="119">
        <v>0</v>
      </c>
      <c r="NR23" s="119">
        <v>0</v>
      </c>
      <c r="NS23" s="119">
        <v>0</v>
      </c>
      <c r="NT23" s="119">
        <v>0</v>
      </c>
      <c r="NU23" s="119">
        <v>272262</v>
      </c>
      <c r="NV23" s="120">
        <v>272262</v>
      </c>
      <c r="NW23" s="121">
        <v>272262</v>
      </c>
      <c r="NX23" s="142">
        <v>0</v>
      </c>
      <c r="NY23" s="119">
        <v>0</v>
      </c>
      <c r="NZ23" s="120">
        <v>0</v>
      </c>
      <c r="OA23" s="145"/>
      <c r="OB23" s="119">
        <v>0</v>
      </c>
      <c r="OC23" s="119">
        <v>0</v>
      </c>
      <c r="OD23" s="119">
        <v>0</v>
      </c>
      <c r="OE23" s="119">
        <v>0</v>
      </c>
      <c r="OF23" s="119">
        <v>0</v>
      </c>
      <c r="OG23" s="120">
        <v>0</v>
      </c>
      <c r="OH23" s="121">
        <v>0</v>
      </c>
      <c r="OI23" s="142">
        <v>547553</v>
      </c>
      <c r="OJ23" s="119">
        <v>815776</v>
      </c>
      <c r="OK23" s="141">
        <v>1363329</v>
      </c>
      <c r="OL23" s="118">
        <v>0</v>
      </c>
      <c r="OM23" s="119">
        <v>7794044</v>
      </c>
      <c r="ON23" s="119">
        <v>11692917</v>
      </c>
      <c r="OO23" s="119">
        <v>10319725</v>
      </c>
      <c r="OP23" s="119">
        <v>13790547</v>
      </c>
      <c r="OQ23" s="119">
        <v>10999092</v>
      </c>
      <c r="OR23" s="120">
        <v>54596325</v>
      </c>
      <c r="OS23" s="143">
        <v>55959654</v>
      </c>
    </row>
    <row r="24" spans="2:409" ht="21" customHeight="1" x14ac:dyDescent="0.2">
      <c r="B24" s="126" t="s">
        <v>19</v>
      </c>
      <c r="C24" s="110">
        <v>105603</v>
      </c>
      <c r="D24" s="114">
        <v>500226</v>
      </c>
      <c r="E24" s="113">
        <v>605829</v>
      </c>
      <c r="F24" s="109">
        <v>0</v>
      </c>
      <c r="G24" s="114">
        <v>2589309</v>
      </c>
      <c r="H24" s="114">
        <v>3435314</v>
      </c>
      <c r="I24" s="114">
        <v>2127802</v>
      </c>
      <c r="J24" s="114">
        <v>3210905</v>
      </c>
      <c r="K24" s="114">
        <v>1690117</v>
      </c>
      <c r="L24" s="109">
        <v>13053447</v>
      </c>
      <c r="M24" s="116">
        <v>13659276</v>
      </c>
      <c r="N24" s="110">
        <v>87743</v>
      </c>
      <c r="O24" s="114">
        <v>69107</v>
      </c>
      <c r="P24" s="113">
        <v>156850</v>
      </c>
      <c r="Q24" s="110">
        <v>0</v>
      </c>
      <c r="R24" s="114">
        <v>734520</v>
      </c>
      <c r="S24" s="114">
        <v>781269</v>
      </c>
      <c r="T24" s="114">
        <v>857695</v>
      </c>
      <c r="U24" s="114">
        <v>1165730</v>
      </c>
      <c r="V24" s="114">
        <v>560080</v>
      </c>
      <c r="W24" s="113">
        <v>4099294</v>
      </c>
      <c r="X24" s="116">
        <v>4256144</v>
      </c>
      <c r="Y24" s="110">
        <v>0</v>
      </c>
      <c r="Z24" s="114">
        <v>0</v>
      </c>
      <c r="AA24" s="113">
        <v>0</v>
      </c>
      <c r="AB24" s="110">
        <v>0</v>
      </c>
      <c r="AC24" s="114">
        <v>114347</v>
      </c>
      <c r="AD24" s="114">
        <v>242261</v>
      </c>
      <c r="AE24" s="114">
        <v>302457</v>
      </c>
      <c r="AF24" s="114">
        <v>353116</v>
      </c>
      <c r="AG24" s="114">
        <v>178842</v>
      </c>
      <c r="AH24" s="113">
        <v>1191023</v>
      </c>
      <c r="AI24" s="116">
        <v>1191023</v>
      </c>
      <c r="AJ24" s="110">
        <v>0</v>
      </c>
      <c r="AK24" s="114">
        <v>0</v>
      </c>
      <c r="AL24" s="113">
        <v>0</v>
      </c>
      <c r="AM24" s="110">
        <v>0</v>
      </c>
      <c r="AN24" s="114">
        <v>0</v>
      </c>
      <c r="AO24" s="114">
        <v>51635</v>
      </c>
      <c r="AP24" s="114">
        <v>95056</v>
      </c>
      <c r="AQ24" s="114">
        <v>69737</v>
      </c>
      <c r="AR24" s="114">
        <v>146597</v>
      </c>
      <c r="AS24" s="113">
        <v>363025</v>
      </c>
      <c r="AT24" s="116">
        <v>363025</v>
      </c>
      <c r="AU24" s="110">
        <v>43974</v>
      </c>
      <c r="AV24" s="114">
        <v>39504</v>
      </c>
      <c r="AW24" s="113">
        <v>83478</v>
      </c>
      <c r="AX24" s="110">
        <v>0</v>
      </c>
      <c r="AY24" s="114">
        <v>375178</v>
      </c>
      <c r="AZ24" s="114">
        <v>303749</v>
      </c>
      <c r="BA24" s="114">
        <v>288251</v>
      </c>
      <c r="BB24" s="114">
        <v>507133</v>
      </c>
      <c r="BC24" s="114">
        <v>157683</v>
      </c>
      <c r="BD24" s="113">
        <v>1631994</v>
      </c>
      <c r="BE24" s="116">
        <v>1715472</v>
      </c>
      <c r="BF24" s="110">
        <v>32359</v>
      </c>
      <c r="BG24" s="114">
        <v>0</v>
      </c>
      <c r="BH24" s="112">
        <v>32359</v>
      </c>
      <c r="BI24" s="111">
        <v>0</v>
      </c>
      <c r="BJ24" s="114">
        <v>121109</v>
      </c>
      <c r="BK24" s="114">
        <v>0</v>
      </c>
      <c r="BL24" s="114">
        <v>34563</v>
      </c>
      <c r="BM24" s="114">
        <v>54822</v>
      </c>
      <c r="BN24" s="114">
        <v>0</v>
      </c>
      <c r="BO24" s="113">
        <v>210494</v>
      </c>
      <c r="BP24" s="116">
        <v>242853</v>
      </c>
      <c r="BQ24" s="110">
        <v>11410</v>
      </c>
      <c r="BR24" s="114">
        <v>29603</v>
      </c>
      <c r="BS24" s="113">
        <v>41013</v>
      </c>
      <c r="BT24" s="110">
        <v>0</v>
      </c>
      <c r="BU24" s="114">
        <v>123886</v>
      </c>
      <c r="BV24" s="114">
        <v>183624</v>
      </c>
      <c r="BW24" s="114">
        <v>137368</v>
      </c>
      <c r="BX24" s="114">
        <v>180922</v>
      </c>
      <c r="BY24" s="114">
        <v>76958</v>
      </c>
      <c r="BZ24" s="113">
        <v>702758</v>
      </c>
      <c r="CA24" s="116">
        <v>743771</v>
      </c>
      <c r="CB24" s="110">
        <v>0</v>
      </c>
      <c r="CC24" s="114">
        <v>206319</v>
      </c>
      <c r="CD24" s="113">
        <v>206319</v>
      </c>
      <c r="CE24" s="110">
        <v>0</v>
      </c>
      <c r="CF24" s="114">
        <v>761985</v>
      </c>
      <c r="CG24" s="114">
        <v>797335</v>
      </c>
      <c r="CH24" s="114">
        <v>381010</v>
      </c>
      <c r="CI24" s="114">
        <v>736530</v>
      </c>
      <c r="CJ24" s="114">
        <v>518011</v>
      </c>
      <c r="CK24" s="113">
        <v>3194871</v>
      </c>
      <c r="CL24" s="116">
        <v>3401190</v>
      </c>
      <c r="CM24" s="110">
        <v>0</v>
      </c>
      <c r="CN24" s="114">
        <v>0</v>
      </c>
      <c r="CO24" s="113">
        <v>0</v>
      </c>
      <c r="CP24" s="111">
        <v>0</v>
      </c>
      <c r="CQ24" s="114">
        <v>435810</v>
      </c>
      <c r="CR24" s="114">
        <v>651809</v>
      </c>
      <c r="CS24" s="114">
        <v>197555</v>
      </c>
      <c r="CT24" s="114">
        <v>378036</v>
      </c>
      <c r="CU24" s="114">
        <v>384402</v>
      </c>
      <c r="CV24" s="113">
        <v>2047612</v>
      </c>
      <c r="CW24" s="116">
        <v>2047612</v>
      </c>
      <c r="CX24" s="110">
        <v>0</v>
      </c>
      <c r="CY24" s="114">
        <v>206319</v>
      </c>
      <c r="CZ24" s="113">
        <v>206319</v>
      </c>
      <c r="DA24" s="110">
        <v>0</v>
      </c>
      <c r="DB24" s="114">
        <v>326175</v>
      </c>
      <c r="DC24" s="114">
        <v>145526</v>
      </c>
      <c r="DD24" s="114">
        <v>183455</v>
      </c>
      <c r="DE24" s="114">
        <v>358494</v>
      </c>
      <c r="DF24" s="114">
        <v>133609</v>
      </c>
      <c r="DG24" s="113">
        <v>1147259</v>
      </c>
      <c r="DH24" s="116">
        <v>1353578</v>
      </c>
      <c r="DI24" s="110">
        <v>0</v>
      </c>
      <c r="DJ24" s="114">
        <v>16262</v>
      </c>
      <c r="DK24" s="112">
        <v>16262</v>
      </c>
      <c r="DL24" s="111">
        <v>0</v>
      </c>
      <c r="DM24" s="114">
        <v>24823</v>
      </c>
      <c r="DN24" s="114">
        <v>217869</v>
      </c>
      <c r="DO24" s="114">
        <v>116436</v>
      </c>
      <c r="DP24" s="114">
        <v>259634</v>
      </c>
      <c r="DQ24" s="114">
        <v>256221</v>
      </c>
      <c r="DR24" s="113">
        <v>874983</v>
      </c>
      <c r="DS24" s="116">
        <v>891245</v>
      </c>
      <c r="DT24" s="110">
        <v>0</v>
      </c>
      <c r="DU24" s="114">
        <v>16262</v>
      </c>
      <c r="DV24" s="113">
        <v>16262</v>
      </c>
      <c r="DW24" s="110">
        <v>0</v>
      </c>
      <c r="DX24" s="114">
        <v>24823</v>
      </c>
      <c r="DY24" s="114">
        <v>135466</v>
      </c>
      <c r="DZ24" s="114">
        <v>15826</v>
      </c>
      <c r="EA24" s="114">
        <v>24436</v>
      </c>
      <c r="EB24" s="114">
        <v>256221</v>
      </c>
      <c r="EC24" s="113">
        <v>456772</v>
      </c>
      <c r="ED24" s="116">
        <v>473034</v>
      </c>
      <c r="EE24" s="110">
        <v>0</v>
      </c>
      <c r="EF24" s="112">
        <v>0</v>
      </c>
      <c r="EG24" s="113">
        <v>0</v>
      </c>
      <c r="EH24" s="110">
        <v>0</v>
      </c>
      <c r="EI24" s="114">
        <v>0</v>
      </c>
      <c r="EJ24" s="114">
        <v>82403</v>
      </c>
      <c r="EK24" s="114">
        <v>100610</v>
      </c>
      <c r="EL24" s="114">
        <v>235198</v>
      </c>
      <c r="EM24" s="114">
        <v>0</v>
      </c>
      <c r="EN24" s="112">
        <v>418211</v>
      </c>
      <c r="EO24" s="116">
        <v>418211</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5"/>
      <c r="FE24" s="114">
        <v>0</v>
      </c>
      <c r="FF24" s="114">
        <v>0</v>
      </c>
      <c r="FG24" s="114">
        <v>0</v>
      </c>
      <c r="FH24" s="114">
        <v>0</v>
      </c>
      <c r="FI24" s="114">
        <v>0</v>
      </c>
      <c r="FJ24" s="113">
        <v>0</v>
      </c>
      <c r="FK24" s="116">
        <v>0</v>
      </c>
      <c r="FL24" s="110">
        <v>17860</v>
      </c>
      <c r="FM24" s="114">
        <v>44786</v>
      </c>
      <c r="FN24" s="113">
        <v>62646</v>
      </c>
      <c r="FO24" s="110">
        <v>0</v>
      </c>
      <c r="FP24" s="114">
        <v>157388</v>
      </c>
      <c r="FQ24" s="114">
        <v>223755</v>
      </c>
      <c r="FR24" s="114">
        <v>241430</v>
      </c>
      <c r="FS24" s="114">
        <v>266301</v>
      </c>
      <c r="FT24" s="114">
        <v>145334</v>
      </c>
      <c r="FU24" s="113">
        <v>1034208</v>
      </c>
      <c r="FV24" s="116">
        <v>1096854</v>
      </c>
      <c r="FW24" s="115">
        <v>17860</v>
      </c>
      <c r="FX24" s="114">
        <v>28770</v>
      </c>
      <c r="FY24" s="112">
        <v>46630</v>
      </c>
      <c r="FZ24" s="111">
        <v>0</v>
      </c>
      <c r="GA24" s="114">
        <v>144788</v>
      </c>
      <c r="GB24" s="114">
        <v>223755</v>
      </c>
      <c r="GC24" s="114">
        <v>241430</v>
      </c>
      <c r="GD24" s="114">
        <v>266301</v>
      </c>
      <c r="GE24" s="114">
        <v>145334</v>
      </c>
      <c r="GF24" s="113">
        <v>1021608</v>
      </c>
      <c r="GG24" s="316">
        <v>1068238</v>
      </c>
      <c r="GH24" s="115">
        <v>0</v>
      </c>
      <c r="GI24" s="114">
        <v>16016</v>
      </c>
      <c r="GJ24" s="112">
        <v>16016</v>
      </c>
      <c r="GK24" s="111">
        <v>0</v>
      </c>
      <c r="GL24" s="114">
        <v>12600</v>
      </c>
      <c r="GM24" s="114">
        <v>0</v>
      </c>
      <c r="GN24" s="114">
        <v>0</v>
      </c>
      <c r="GO24" s="114">
        <v>0</v>
      </c>
      <c r="GP24" s="114">
        <v>0</v>
      </c>
      <c r="GQ24" s="113">
        <v>12600</v>
      </c>
      <c r="GR24" s="116">
        <v>28616</v>
      </c>
      <c r="GS24" s="110">
        <v>0</v>
      </c>
      <c r="GT24" s="114">
        <v>0</v>
      </c>
      <c r="GU24" s="113">
        <v>0</v>
      </c>
      <c r="GV24" s="110">
        <v>0</v>
      </c>
      <c r="GW24" s="114">
        <v>0</v>
      </c>
      <c r="GX24" s="114">
        <v>0</v>
      </c>
      <c r="GY24" s="114">
        <v>0</v>
      </c>
      <c r="GZ24" s="114">
        <v>0</v>
      </c>
      <c r="HA24" s="114">
        <v>0</v>
      </c>
      <c r="HB24" s="112">
        <v>0</v>
      </c>
      <c r="HC24" s="116">
        <v>0</v>
      </c>
      <c r="HD24" s="110">
        <v>0</v>
      </c>
      <c r="HE24" s="114">
        <v>163752</v>
      </c>
      <c r="HF24" s="112">
        <v>163752</v>
      </c>
      <c r="HG24" s="111">
        <v>0</v>
      </c>
      <c r="HH24" s="114">
        <v>910593</v>
      </c>
      <c r="HI24" s="114">
        <v>1415086</v>
      </c>
      <c r="HJ24" s="114">
        <v>531231</v>
      </c>
      <c r="HK24" s="114">
        <v>782710</v>
      </c>
      <c r="HL24" s="114">
        <v>210471</v>
      </c>
      <c r="HM24" s="113">
        <v>3850091</v>
      </c>
      <c r="HN24" s="109">
        <v>4013843</v>
      </c>
      <c r="HO24" s="326"/>
      <c r="HP24" s="327"/>
      <c r="HQ24" s="328"/>
      <c r="HR24" s="329"/>
      <c r="HS24" s="327"/>
      <c r="HT24" s="327"/>
      <c r="HU24" s="327"/>
      <c r="HV24" s="327"/>
      <c r="HW24" s="327"/>
      <c r="HX24" s="330"/>
      <c r="HY24" s="331"/>
      <c r="HZ24" s="150">
        <v>0</v>
      </c>
      <c r="IA24" s="135">
        <v>0</v>
      </c>
      <c r="IB24" s="150">
        <v>0</v>
      </c>
      <c r="IC24" s="134">
        <v>0</v>
      </c>
      <c r="ID24" s="135">
        <v>593875</v>
      </c>
      <c r="IE24" s="136">
        <v>473707</v>
      </c>
      <c r="IF24" s="137">
        <v>556232</v>
      </c>
      <c r="IG24" s="135">
        <v>574847</v>
      </c>
      <c r="IH24" s="137">
        <v>0</v>
      </c>
      <c r="II24" s="138">
        <v>2198661</v>
      </c>
      <c r="IJ24" s="150">
        <v>2198661</v>
      </c>
      <c r="IK24" s="232">
        <v>0</v>
      </c>
      <c r="IL24" s="236">
        <v>0</v>
      </c>
      <c r="IM24" s="237">
        <v>0</v>
      </c>
      <c r="IN24" s="140"/>
      <c r="IO24" s="119">
        <v>0</v>
      </c>
      <c r="IP24" s="119">
        <v>97115</v>
      </c>
      <c r="IQ24" s="119">
        <v>0</v>
      </c>
      <c r="IR24" s="119">
        <v>366439</v>
      </c>
      <c r="IS24" s="119">
        <v>0</v>
      </c>
      <c r="IT24" s="141">
        <v>463554</v>
      </c>
      <c r="IU24" s="318">
        <v>463554</v>
      </c>
      <c r="IV24" s="142">
        <v>0</v>
      </c>
      <c r="IW24" s="119">
        <v>0</v>
      </c>
      <c r="IX24" s="120">
        <v>0</v>
      </c>
      <c r="IY24" s="144"/>
      <c r="IZ24" s="119">
        <v>0</v>
      </c>
      <c r="JA24" s="119">
        <v>0</v>
      </c>
      <c r="JB24" s="119">
        <v>0</v>
      </c>
      <c r="JC24" s="119">
        <v>8913</v>
      </c>
      <c r="JD24" s="119">
        <v>0</v>
      </c>
      <c r="JE24" s="120">
        <v>8913</v>
      </c>
      <c r="JF24" s="121">
        <v>8913</v>
      </c>
      <c r="JG24" s="142">
        <v>0</v>
      </c>
      <c r="JH24" s="119">
        <v>0</v>
      </c>
      <c r="JI24" s="141">
        <v>0</v>
      </c>
      <c r="JJ24" s="118">
        <v>0</v>
      </c>
      <c r="JK24" s="119">
        <v>440357</v>
      </c>
      <c r="JL24" s="119">
        <v>157857</v>
      </c>
      <c r="JM24" s="119">
        <v>123477</v>
      </c>
      <c r="JN24" s="119">
        <v>199495</v>
      </c>
      <c r="JO24" s="119">
        <v>0</v>
      </c>
      <c r="JP24" s="120">
        <v>921186</v>
      </c>
      <c r="JQ24" s="318">
        <v>921186</v>
      </c>
      <c r="JR24" s="142">
        <v>0</v>
      </c>
      <c r="JS24" s="119">
        <v>0</v>
      </c>
      <c r="JT24" s="141">
        <v>0</v>
      </c>
      <c r="JU24" s="118">
        <v>0</v>
      </c>
      <c r="JV24" s="119">
        <v>43696</v>
      </c>
      <c r="JW24" s="119">
        <v>218735</v>
      </c>
      <c r="JX24" s="119">
        <v>0</v>
      </c>
      <c r="JY24" s="119">
        <v>0</v>
      </c>
      <c r="JZ24" s="119">
        <v>0</v>
      </c>
      <c r="KA24" s="120">
        <v>262431</v>
      </c>
      <c r="KB24" s="318">
        <v>262431</v>
      </c>
      <c r="KC24" s="234">
        <v>0</v>
      </c>
      <c r="KD24" s="230">
        <v>0</v>
      </c>
      <c r="KE24" s="120">
        <v>0</v>
      </c>
      <c r="KF24" s="118">
        <v>0</v>
      </c>
      <c r="KG24" s="119">
        <v>109822</v>
      </c>
      <c r="KH24" s="119">
        <v>0</v>
      </c>
      <c r="KI24" s="119">
        <v>209143</v>
      </c>
      <c r="KJ24" s="119">
        <v>0</v>
      </c>
      <c r="KK24" s="119">
        <v>0</v>
      </c>
      <c r="KL24" s="120">
        <v>318965</v>
      </c>
      <c r="KM24" s="143">
        <v>318965</v>
      </c>
      <c r="KN24" s="232">
        <v>0</v>
      </c>
      <c r="KO24" s="236">
        <v>0</v>
      </c>
      <c r="KP24" s="237">
        <v>0</v>
      </c>
      <c r="KQ24" s="140"/>
      <c r="KR24" s="119">
        <v>0</v>
      </c>
      <c r="KS24" s="119">
        <v>0</v>
      </c>
      <c r="KT24" s="119">
        <v>223612</v>
      </c>
      <c r="KU24" s="119">
        <v>0</v>
      </c>
      <c r="KV24" s="119">
        <v>0</v>
      </c>
      <c r="KW24" s="120">
        <v>223612</v>
      </c>
      <c r="KX24" s="318">
        <v>223612</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18">
        <v>0</v>
      </c>
      <c r="LU24" s="142">
        <v>0</v>
      </c>
      <c r="LV24" s="119">
        <v>0</v>
      </c>
      <c r="LW24" s="120">
        <v>0</v>
      </c>
      <c r="LX24" s="145"/>
      <c r="LY24" s="119">
        <v>0</v>
      </c>
      <c r="LZ24" s="119">
        <v>0</v>
      </c>
      <c r="MA24" s="119">
        <v>0</v>
      </c>
      <c r="MB24" s="119">
        <v>0</v>
      </c>
      <c r="MC24" s="119">
        <v>0</v>
      </c>
      <c r="MD24" s="120">
        <v>0</v>
      </c>
      <c r="ME24" s="121">
        <v>0</v>
      </c>
      <c r="MF24" s="142">
        <v>0</v>
      </c>
      <c r="MG24" s="119">
        <v>0</v>
      </c>
      <c r="MH24" s="120">
        <v>0</v>
      </c>
      <c r="MI24" s="145"/>
      <c r="MJ24" s="119">
        <v>0</v>
      </c>
      <c r="MK24" s="119">
        <v>638158</v>
      </c>
      <c r="ML24" s="119">
        <v>1429781</v>
      </c>
      <c r="MM24" s="119">
        <v>932609</v>
      </c>
      <c r="MN24" s="119">
        <v>779661</v>
      </c>
      <c r="MO24" s="120">
        <v>3780209</v>
      </c>
      <c r="MP24" s="143">
        <v>3780209</v>
      </c>
      <c r="MQ24" s="142">
        <v>0</v>
      </c>
      <c r="MR24" s="119">
        <v>0</v>
      </c>
      <c r="MS24" s="120">
        <v>0</v>
      </c>
      <c r="MT24" s="145"/>
      <c r="MU24" s="119">
        <v>0</v>
      </c>
      <c r="MV24" s="119">
        <v>0</v>
      </c>
      <c r="MW24" s="119">
        <v>819580</v>
      </c>
      <c r="MX24" s="119">
        <v>442944</v>
      </c>
      <c r="MY24" s="119">
        <v>492423</v>
      </c>
      <c r="MZ24" s="120">
        <v>1754947</v>
      </c>
      <c r="NA24" s="143">
        <v>1754947</v>
      </c>
      <c r="NB24" s="142">
        <v>0</v>
      </c>
      <c r="NC24" s="119">
        <v>0</v>
      </c>
      <c r="ND24" s="120">
        <v>0</v>
      </c>
      <c r="NE24" s="145"/>
      <c r="NF24" s="119">
        <v>0</v>
      </c>
      <c r="NG24" s="119">
        <v>638158</v>
      </c>
      <c r="NH24" s="119">
        <v>610201</v>
      </c>
      <c r="NI24" s="119">
        <v>489665</v>
      </c>
      <c r="NJ24" s="119">
        <v>287238</v>
      </c>
      <c r="NK24" s="120">
        <v>2025262</v>
      </c>
      <c r="NL24" s="318">
        <v>2025262</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105603</v>
      </c>
      <c r="OJ24" s="119">
        <v>500226</v>
      </c>
      <c r="OK24" s="141">
        <v>605829</v>
      </c>
      <c r="OL24" s="118">
        <v>0</v>
      </c>
      <c r="OM24" s="119">
        <v>3183184</v>
      </c>
      <c r="ON24" s="119">
        <v>4547179</v>
      </c>
      <c r="OO24" s="119">
        <v>4113815</v>
      </c>
      <c r="OP24" s="119">
        <v>4718361</v>
      </c>
      <c r="OQ24" s="119">
        <v>2469778</v>
      </c>
      <c r="OR24" s="120">
        <v>19032317</v>
      </c>
      <c r="OS24" s="143">
        <v>19638146</v>
      </c>
    </row>
    <row r="25" spans="2:409" ht="21" customHeight="1" x14ac:dyDescent="0.2">
      <c r="B25" s="126" t="s">
        <v>20</v>
      </c>
      <c r="C25" s="110">
        <v>290521</v>
      </c>
      <c r="D25" s="114">
        <v>596750</v>
      </c>
      <c r="E25" s="113">
        <v>887271</v>
      </c>
      <c r="F25" s="110">
        <v>0</v>
      </c>
      <c r="G25" s="114">
        <v>2440423</v>
      </c>
      <c r="H25" s="114">
        <v>3961406</v>
      </c>
      <c r="I25" s="114">
        <v>3887098</v>
      </c>
      <c r="J25" s="114">
        <v>3392106</v>
      </c>
      <c r="K25" s="114">
        <v>2285894</v>
      </c>
      <c r="L25" s="173">
        <v>15966927</v>
      </c>
      <c r="M25" s="116">
        <v>16854198</v>
      </c>
      <c r="N25" s="110">
        <v>103474</v>
      </c>
      <c r="O25" s="114">
        <v>143994</v>
      </c>
      <c r="P25" s="113">
        <v>247468</v>
      </c>
      <c r="Q25" s="110">
        <v>0</v>
      </c>
      <c r="R25" s="114">
        <v>1099331</v>
      </c>
      <c r="S25" s="114">
        <v>1281633</v>
      </c>
      <c r="T25" s="114">
        <v>1287615</v>
      </c>
      <c r="U25" s="114">
        <v>952167</v>
      </c>
      <c r="V25" s="114">
        <v>691969</v>
      </c>
      <c r="W25" s="113">
        <v>5312715</v>
      </c>
      <c r="X25" s="116">
        <v>5560183</v>
      </c>
      <c r="Y25" s="110">
        <v>0</v>
      </c>
      <c r="Z25" s="114">
        <v>0</v>
      </c>
      <c r="AA25" s="113">
        <v>0</v>
      </c>
      <c r="AB25" s="110">
        <v>0</v>
      </c>
      <c r="AC25" s="114">
        <v>255045</v>
      </c>
      <c r="AD25" s="114">
        <v>346782</v>
      </c>
      <c r="AE25" s="114">
        <v>582322</v>
      </c>
      <c r="AF25" s="114">
        <v>369237</v>
      </c>
      <c r="AG25" s="114">
        <v>287166</v>
      </c>
      <c r="AH25" s="113">
        <v>1840552</v>
      </c>
      <c r="AI25" s="116">
        <v>1840552</v>
      </c>
      <c r="AJ25" s="110">
        <v>0</v>
      </c>
      <c r="AK25" s="114">
        <v>0</v>
      </c>
      <c r="AL25" s="113">
        <v>0</v>
      </c>
      <c r="AM25" s="110">
        <v>0</v>
      </c>
      <c r="AN25" s="114">
        <v>0</v>
      </c>
      <c r="AO25" s="114">
        <v>41452</v>
      </c>
      <c r="AP25" s="114">
        <v>0</v>
      </c>
      <c r="AQ25" s="114">
        <v>145461</v>
      </c>
      <c r="AR25" s="114">
        <v>121060</v>
      </c>
      <c r="AS25" s="113">
        <v>307973</v>
      </c>
      <c r="AT25" s="116">
        <v>307973</v>
      </c>
      <c r="AU25" s="110">
        <v>50204</v>
      </c>
      <c r="AV25" s="114">
        <v>90303</v>
      </c>
      <c r="AW25" s="113">
        <v>140507</v>
      </c>
      <c r="AX25" s="110">
        <v>0</v>
      </c>
      <c r="AY25" s="114">
        <v>546590</v>
      </c>
      <c r="AZ25" s="114">
        <v>541066</v>
      </c>
      <c r="BA25" s="114">
        <v>435749</v>
      </c>
      <c r="BB25" s="114">
        <v>234015</v>
      </c>
      <c r="BC25" s="114">
        <v>138512</v>
      </c>
      <c r="BD25" s="113">
        <v>1895932</v>
      </c>
      <c r="BE25" s="116">
        <v>2036439</v>
      </c>
      <c r="BF25" s="110">
        <v>0</v>
      </c>
      <c r="BG25" s="114">
        <v>51605</v>
      </c>
      <c r="BH25" s="112">
        <v>51605</v>
      </c>
      <c r="BI25" s="111">
        <v>0</v>
      </c>
      <c r="BJ25" s="114">
        <v>186263</v>
      </c>
      <c r="BK25" s="114">
        <v>185320</v>
      </c>
      <c r="BL25" s="114">
        <v>104519</v>
      </c>
      <c r="BM25" s="114">
        <v>71007</v>
      </c>
      <c r="BN25" s="114">
        <v>16207</v>
      </c>
      <c r="BO25" s="113">
        <v>563316</v>
      </c>
      <c r="BP25" s="116">
        <v>614921</v>
      </c>
      <c r="BQ25" s="110">
        <v>53270</v>
      </c>
      <c r="BR25" s="114">
        <v>2086</v>
      </c>
      <c r="BS25" s="113">
        <v>55356</v>
      </c>
      <c r="BT25" s="110">
        <v>0</v>
      </c>
      <c r="BU25" s="114">
        <v>111433</v>
      </c>
      <c r="BV25" s="114">
        <v>167013</v>
      </c>
      <c r="BW25" s="114">
        <v>165025</v>
      </c>
      <c r="BX25" s="114">
        <v>132447</v>
      </c>
      <c r="BY25" s="114">
        <v>129024</v>
      </c>
      <c r="BZ25" s="113">
        <v>704942</v>
      </c>
      <c r="CA25" s="116">
        <v>760298</v>
      </c>
      <c r="CB25" s="110">
        <v>0</v>
      </c>
      <c r="CC25" s="114">
        <v>162441</v>
      </c>
      <c r="CD25" s="113">
        <v>162441</v>
      </c>
      <c r="CE25" s="110">
        <v>0</v>
      </c>
      <c r="CF25" s="114">
        <v>720769</v>
      </c>
      <c r="CG25" s="114">
        <v>1602128</v>
      </c>
      <c r="CH25" s="114">
        <v>1333874</v>
      </c>
      <c r="CI25" s="114">
        <v>796748</v>
      </c>
      <c r="CJ25" s="114">
        <v>721193</v>
      </c>
      <c r="CK25" s="113">
        <v>5174712</v>
      </c>
      <c r="CL25" s="116">
        <v>5337153</v>
      </c>
      <c r="CM25" s="110">
        <v>0</v>
      </c>
      <c r="CN25" s="114">
        <v>0</v>
      </c>
      <c r="CO25" s="113">
        <v>0</v>
      </c>
      <c r="CP25" s="111">
        <v>0</v>
      </c>
      <c r="CQ25" s="114">
        <v>429058</v>
      </c>
      <c r="CR25" s="114">
        <v>865796</v>
      </c>
      <c r="CS25" s="114">
        <v>1036179</v>
      </c>
      <c r="CT25" s="114">
        <v>436052</v>
      </c>
      <c r="CU25" s="114">
        <v>393801</v>
      </c>
      <c r="CV25" s="113">
        <v>3160886</v>
      </c>
      <c r="CW25" s="116">
        <v>3160886</v>
      </c>
      <c r="CX25" s="110">
        <v>0</v>
      </c>
      <c r="CY25" s="114">
        <v>162441</v>
      </c>
      <c r="CZ25" s="113">
        <v>162441</v>
      </c>
      <c r="DA25" s="110">
        <v>0</v>
      </c>
      <c r="DB25" s="114">
        <v>291711</v>
      </c>
      <c r="DC25" s="114">
        <v>736332</v>
      </c>
      <c r="DD25" s="114">
        <v>297695</v>
      </c>
      <c r="DE25" s="114">
        <v>360696</v>
      </c>
      <c r="DF25" s="114">
        <v>327392</v>
      </c>
      <c r="DG25" s="113">
        <v>2013826</v>
      </c>
      <c r="DH25" s="116">
        <v>2176267</v>
      </c>
      <c r="DI25" s="110">
        <v>0</v>
      </c>
      <c r="DJ25" s="114">
        <v>0</v>
      </c>
      <c r="DK25" s="112">
        <v>0</v>
      </c>
      <c r="DL25" s="111">
        <v>0</v>
      </c>
      <c r="DM25" s="114">
        <v>320189</v>
      </c>
      <c r="DN25" s="114">
        <v>56532</v>
      </c>
      <c r="DO25" s="114">
        <v>380482</v>
      </c>
      <c r="DP25" s="114">
        <v>618263</v>
      </c>
      <c r="DQ25" s="114">
        <v>29113</v>
      </c>
      <c r="DR25" s="113">
        <v>1404579</v>
      </c>
      <c r="DS25" s="116">
        <v>1404579</v>
      </c>
      <c r="DT25" s="110">
        <v>0</v>
      </c>
      <c r="DU25" s="114">
        <v>0</v>
      </c>
      <c r="DV25" s="113">
        <v>0</v>
      </c>
      <c r="DW25" s="110">
        <v>0</v>
      </c>
      <c r="DX25" s="114">
        <v>320189</v>
      </c>
      <c r="DY25" s="114">
        <v>56532</v>
      </c>
      <c r="DZ25" s="114">
        <v>380482</v>
      </c>
      <c r="EA25" s="114">
        <v>539260</v>
      </c>
      <c r="EB25" s="114">
        <v>0</v>
      </c>
      <c r="EC25" s="113">
        <v>1296463</v>
      </c>
      <c r="ED25" s="116">
        <v>1296463</v>
      </c>
      <c r="EE25" s="110">
        <v>0</v>
      </c>
      <c r="EF25" s="112">
        <v>0</v>
      </c>
      <c r="EG25" s="113">
        <v>0</v>
      </c>
      <c r="EH25" s="110">
        <v>0</v>
      </c>
      <c r="EI25" s="114">
        <v>0</v>
      </c>
      <c r="EJ25" s="114">
        <v>0</v>
      </c>
      <c r="EK25" s="114">
        <v>0</v>
      </c>
      <c r="EL25" s="114">
        <v>79003</v>
      </c>
      <c r="EM25" s="114">
        <v>29113</v>
      </c>
      <c r="EN25" s="112">
        <v>108116</v>
      </c>
      <c r="EO25" s="116">
        <v>108116</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5"/>
      <c r="FE25" s="114">
        <v>0</v>
      </c>
      <c r="FF25" s="114">
        <v>0</v>
      </c>
      <c r="FG25" s="114">
        <v>0</v>
      </c>
      <c r="FH25" s="114">
        <v>0</v>
      </c>
      <c r="FI25" s="114">
        <v>0</v>
      </c>
      <c r="FJ25" s="113">
        <v>0</v>
      </c>
      <c r="FK25" s="116">
        <v>0</v>
      </c>
      <c r="FL25" s="110">
        <v>36141</v>
      </c>
      <c r="FM25" s="114">
        <v>211330</v>
      </c>
      <c r="FN25" s="113">
        <v>247471</v>
      </c>
      <c r="FO25" s="110">
        <v>0</v>
      </c>
      <c r="FP25" s="114">
        <v>156212</v>
      </c>
      <c r="FQ25" s="114">
        <v>478450</v>
      </c>
      <c r="FR25" s="114">
        <v>336273</v>
      </c>
      <c r="FS25" s="114">
        <v>228480</v>
      </c>
      <c r="FT25" s="114">
        <v>212058</v>
      </c>
      <c r="FU25" s="113">
        <v>1411473</v>
      </c>
      <c r="FV25" s="116">
        <v>1658944</v>
      </c>
      <c r="FW25" s="115">
        <v>36141</v>
      </c>
      <c r="FX25" s="114">
        <v>111510</v>
      </c>
      <c r="FY25" s="112">
        <v>147651</v>
      </c>
      <c r="FZ25" s="111">
        <v>0</v>
      </c>
      <c r="GA25" s="114">
        <v>156212</v>
      </c>
      <c r="GB25" s="114">
        <v>301399</v>
      </c>
      <c r="GC25" s="114">
        <v>336273</v>
      </c>
      <c r="GD25" s="114">
        <v>192990</v>
      </c>
      <c r="GE25" s="114">
        <v>212058</v>
      </c>
      <c r="GF25" s="113">
        <v>1198932</v>
      </c>
      <c r="GG25" s="316">
        <v>1346583</v>
      </c>
      <c r="GH25" s="115">
        <v>0</v>
      </c>
      <c r="GI25" s="114">
        <v>22820</v>
      </c>
      <c r="GJ25" s="112">
        <v>22820</v>
      </c>
      <c r="GK25" s="111">
        <v>0</v>
      </c>
      <c r="GL25" s="114">
        <v>0</v>
      </c>
      <c r="GM25" s="114">
        <v>70000</v>
      </c>
      <c r="GN25" s="114">
        <v>0</v>
      </c>
      <c r="GO25" s="114">
        <v>35490</v>
      </c>
      <c r="GP25" s="114">
        <v>0</v>
      </c>
      <c r="GQ25" s="113">
        <v>105490</v>
      </c>
      <c r="GR25" s="116">
        <v>128310</v>
      </c>
      <c r="GS25" s="110">
        <v>0</v>
      </c>
      <c r="GT25" s="114">
        <v>77000</v>
      </c>
      <c r="GU25" s="113">
        <v>77000</v>
      </c>
      <c r="GV25" s="110">
        <v>0</v>
      </c>
      <c r="GW25" s="114">
        <v>0</v>
      </c>
      <c r="GX25" s="114">
        <v>107051</v>
      </c>
      <c r="GY25" s="114">
        <v>0</v>
      </c>
      <c r="GZ25" s="114">
        <v>0</v>
      </c>
      <c r="HA25" s="114">
        <v>0</v>
      </c>
      <c r="HB25" s="112">
        <v>107051</v>
      </c>
      <c r="HC25" s="116">
        <v>184051</v>
      </c>
      <c r="HD25" s="110">
        <v>150906</v>
      </c>
      <c r="HE25" s="114">
        <v>78985</v>
      </c>
      <c r="HF25" s="112">
        <v>229891</v>
      </c>
      <c r="HG25" s="111">
        <v>0</v>
      </c>
      <c r="HH25" s="114">
        <v>143922</v>
      </c>
      <c r="HI25" s="114">
        <v>542663</v>
      </c>
      <c r="HJ25" s="114">
        <v>548854</v>
      </c>
      <c r="HK25" s="114">
        <v>796448</v>
      </c>
      <c r="HL25" s="114">
        <v>631561</v>
      </c>
      <c r="HM25" s="113">
        <v>2663448</v>
      </c>
      <c r="HN25" s="109">
        <v>2893339</v>
      </c>
      <c r="HO25" s="326"/>
      <c r="HP25" s="327"/>
      <c r="HQ25" s="328"/>
      <c r="HR25" s="329"/>
      <c r="HS25" s="327"/>
      <c r="HT25" s="327"/>
      <c r="HU25" s="327"/>
      <c r="HV25" s="327"/>
      <c r="HW25" s="327"/>
      <c r="HX25" s="330"/>
      <c r="HY25" s="331"/>
      <c r="HZ25" s="131">
        <v>0</v>
      </c>
      <c r="IA25" s="132">
        <v>64157</v>
      </c>
      <c r="IB25" s="133">
        <v>64157</v>
      </c>
      <c r="IC25" s="146">
        <v>0</v>
      </c>
      <c r="ID25" s="132">
        <v>218287</v>
      </c>
      <c r="IE25" s="147">
        <v>534730</v>
      </c>
      <c r="IF25" s="133">
        <v>613881</v>
      </c>
      <c r="IG25" s="132">
        <v>0</v>
      </c>
      <c r="IH25" s="133">
        <v>390042</v>
      </c>
      <c r="II25" s="148">
        <v>1756940</v>
      </c>
      <c r="IJ25" s="139">
        <v>1821097</v>
      </c>
      <c r="IK25" s="232">
        <v>0</v>
      </c>
      <c r="IL25" s="236">
        <v>0</v>
      </c>
      <c r="IM25" s="237">
        <v>0</v>
      </c>
      <c r="IN25" s="140"/>
      <c r="IO25" s="119">
        <v>0</v>
      </c>
      <c r="IP25" s="119">
        <v>87345</v>
      </c>
      <c r="IQ25" s="119">
        <v>0</v>
      </c>
      <c r="IR25" s="119">
        <v>0</v>
      </c>
      <c r="IS25" s="119">
        <v>0</v>
      </c>
      <c r="IT25" s="141">
        <v>87345</v>
      </c>
      <c r="IU25" s="318">
        <v>87345</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125155</v>
      </c>
      <c r="JL25" s="119">
        <v>228458</v>
      </c>
      <c r="JM25" s="119">
        <v>5356</v>
      </c>
      <c r="JN25" s="119">
        <v>0</v>
      </c>
      <c r="JO25" s="119">
        <v>0</v>
      </c>
      <c r="JP25" s="120">
        <v>358969</v>
      </c>
      <c r="JQ25" s="318">
        <v>358969</v>
      </c>
      <c r="JR25" s="142">
        <v>0</v>
      </c>
      <c r="JS25" s="119">
        <v>0</v>
      </c>
      <c r="JT25" s="141">
        <v>0</v>
      </c>
      <c r="JU25" s="118">
        <v>0</v>
      </c>
      <c r="JV25" s="119">
        <v>0</v>
      </c>
      <c r="JW25" s="119">
        <v>0</v>
      </c>
      <c r="JX25" s="119">
        <v>0</v>
      </c>
      <c r="JY25" s="119">
        <v>0</v>
      </c>
      <c r="JZ25" s="119">
        <v>148568</v>
      </c>
      <c r="KA25" s="120">
        <v>148568</v>
      </c>
      <c r="KB25" s="318">
        <v>148568</v>
      </c>
      <c r="KC25" s="234">
        <v>0</v>
      </c>
      <c r="KD25" s="230">
        <v>64157</v>
      </c>
      <c r="KE25" s="120">
        <v>64157</v>
      </c>
      <c r="KF25" s="118">
        <v>0</v>
      </c>
      <c r="KG25" s="119">
        <v>93132</v>
      </c>
      <c r="KH25" s="119">
        <v>0</v>
      </c>
      <c r="KI25" s="119">
        <v>381217</v>
      </c>
      <c r="KJ25" s="119">
        <v>0</v>
      </c>
      <c r="KK25" s="119">
        <v>0</v>
      </c>
      <c r="KL25" s="120">
        <v>474349</v>
      </c>
      <c r="KM25" s="143">
        <v>538506</v>
      </c>
      <c r="KN25" s="232">
        <v>0</v>
      </c>
      <c r="KO25" s="236">
        <v>0</v>
      </c>
      <c r="KP25" s="237">
        <v>0</v>
      </c>
      <c r="KQ25" s="140"/>
      <c r="KR25" s="119">
        <v>0</v>
      </c>
      <c r="KS25" s="119">
        <v>218927</v>
      </c>
      <c r="KT25" s="119">
        <v>227308</v>
      </c>
      <c r="KU25" s="119">
        <v>0</v>
      </c>
      <c r="KV25" s="119">
        <v>241474</v>
      </c>
      <c r="KW25" s="120">
        <v>687709</v>
      </c>
      <c r="KX25" s="318">
        <v>687709</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18">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472979</v>
      </c>
      <c r="MK25" s="119">
        <v>743249</v>
      </c>
      <c r="ML25" s="119">
        <v>250786</v>
      </c>
      <c r="MM25" s="119">
        <v>2355226</v>
      </c>
      <c r="MN25" s="119">
        <v>1301343</v>
      </c>
      <c r="MO25" s="120">
        <v>5123583</v>
      </c>
      <c r="MP25" s="143">
        <v>5123583</v>
      </c>
      <c r="MQ25" s="142">
        <v>0</v>
      </c>
      <c r="MR25" s="119">
        <v>0</v>
      </c>
      <c r="MS25" s="120">
        <v>0</v>
      </c>
      <c r="MT25" s="145"/>
      <c r="MU25" s="119">
        <v>0</v>
      </c>
      <c r="MV25" s="119">
        <v>219900</v>
      </c>
      <c r="MW25" s="119">
        <v>0</v>
      </c>
      <c r="MX25" s="119">
        <v>1599773</v>
      </c>
      <c r="MY25" s="119">
        <v>1301343</v>
      </c>
      <c r="MZ25" s="120">
        <v>3121016</v>
      </c>
      <c r="NA25" s="143">
        <v>3121016</v>
      </c>
      <c r="NB25" s="142">
        <v>0</v>
      </c>
      <c r="NC25" s="119">
        <v>0</v>
      </c>
      <c r="ND25" s="120">
        <v>0</v>
      </c>
      <c r="NE25" s="145"/>
      <c r="NF25" s="119">
        <v>472979</v>
      </c>
      <c r="NG25" s="119">
        <v>523349</v>
      </c>
      <c r="NH25" s="119">
        <v>250786</v>
      </c>
      <c r="NI25" s="119">
        <v>755453</v>
      </c>
      <c r="NJ25" s="119">
        <v>0</v>
      </c>
      <c r="NK25" s="120">
        <v>2002567</v>
      </c>
      <c r="NL25" s="318">
        <v>2002567</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290521</v>
      </c>
      <c r="OJ25" s="119">
        <v>660907</v>
      </c>
      <c r="OK25" s="141">
        <v>951428</v>
      </c>
      <c r="OL25" s="118">
        <v>0</v>
      </c>
      <c r="OM25" s="119">
        <v>3131689</v>
      </c>
      <c r="ON25" s="119">
        <v>5239385</v>
      </c>
      <c r="OO25" s="119">
        <v>4751765</v>
      </c>
      <c r="OP25" s="119">
        <v>5747332</v>
      </c>
      <c r="OQ25" s="119">
        <v>3977279</v>
      </c>
      <c r="OR25" s="120">
        <v>22847450</v>
      </c>
      <c r="OS25" s="143">
        <v>23798878</v>
      </c>
    </row>
    <row r="26" spans="2:409" ht="21" customHeight="1" x14ac:dyDescent="0.2">
      <c r="B26" s="126" t="s">
        <v>21</v>
      </c>
      <c r="C26" s="110">
        <v>319324</v>
      </c>
      <c r="D26" s="114">
        <v>224359</v>
      </c>
      <c r="E26" s="113">
        <v>543683</v>
      </c>
      <c r="F26" s="109">
        <v>0</v>
      </c>
      <c r="G26" s="114">
        <v>3315432</v>
      </c>
      <c r="H26" s="114">
        <v>3049389</v>
      </c>
      <c r="I26" s="114">
        <v>3576069</v>
      </c>
      <c r="J26" s="114">
        <v>2587650</v>
      </c>
      <c r="K26" s="114">
        <v>1871758</v>
      </c>
      <c r="L26" s="173">
        <v>14400298</v>
      </c>
      <c r="M26" s="116">
        <v>14943981</v>
      </c>
      <c r="N26" s="110">
        <v>120900</v>
      </c>
      <c r="O26" s="114">
        <v>58863</v>
      </c>
      <c r="P26" s="113">
        <v>179763</v>
      </c>
      <c r="Q26" s="110">
        <v>0</v>
      </c>
      <c r="R26" s="114">
        <v>1017447</v>
      </c>
      <c r="S26" s="114">
        <v>1119636</v>
      </c>
      <c r="T26" s="114">
        <v>943662</v>
      </c>
      <c r="U26" s="114">
        <v>1015112</v>
      </c>
      <c r="V26" s="114">
        <v>1238077</v>
      </c>
      <c r="W26" s="113">
        <v>5333934</v>
      </c>
      <c r="X26" s="116">
        <v>5513697</v>
      </c>
      <c r="Y26" s="110">
        <v>0</v>
      </c>
      <c r="Z26" s="114">
        <v>0</v>
      </c>
      <c r="AA26" s="113">
        <v>0</v>
      </c>
      <c r="AB26" s="110">
        <v>0</v>
      </c>
      <c r="AC26" s="114">
        <v>393467</v>
      </c>
      <c r="AD26" s="114">
        <v>462581</v>
      </c>
      <c r="AE26" s="114">
        <v>537596</v>
      </c>
      <c r="AF26" s="114">
        <v>669671</v>
      </c>
      <c r="AG26" s="114">
        <v>713596</v>
      </c>
      <c r="AH26" s="113">
        <v>2776911</v>
      </c>
      <c r="AI26" s="116">
        <v>2776911</v>
      </c>
      <c r="AJ26" s="110">
        <v>0</v>
      </c>
      <c r="AK26" s="114">
        <v>0</v>
      </c>
      <c r="AL26" s="113">
        <v>0</v>
      </c>
      <c r="AM26" s="110">
        <v>0</v>
      </c>
      <c r="AN26" s="114">
        <v>0</v>
      </c>
      <c r="AO26" s="114">
        <v>0</v>
      </c>
      <c r="AP26" s="114">
        <v>0</v>
      </c>
      <c r="AQ26" s="114">
        <v>10364</v>
      </c>
      <c r="AR26" s="114">
        <v>112108</v>
      </c>
      <c r="AS26" s="113">
        <v>122472</v>
      </c>
      <c r="AT26" s="116">
        <v>122472</v>
      </c>
      <c r="AU26" s="110">
        <v>71354</v>
      </c>
      <c r="AV26" s="114">
        <v>41524</v>
      </c>
      <c r="AW26" s="113">
        <v>112878</v>
      </c>
      <c r="AX26" s="110">
        <v>0</v>
      </c>
      <c r="AY26" s="114">
        <v>368403</v>
      </c>
      <c r="AZ26" s="114">
        <v>406998</v>
      </c>
      <c r="BA26" s="114">
        <v>221476</v>
      </c>
      <c r="BB26" s="114">
        <v>140654</v>
      </c>
      <c r="BC26" s="114">
        <v>334044</v>
      </c>
      <c r="BD26" s="113">
        <v>1471575</v>
      </c>
      <c r="BE26" s="116">
        <v>1584453</v>
      </c>
      <c r="BF26" s="110">
        <v>0</v>
      </c>
      <c r="BG26" s="114">
        <v>0</v>
      </c>
      <c r="BH26" s="112">
        <v>0</v>
      </c>
      <c r="BI26" s="111">
        <v>0</v>
      </c>
      <c r="BJ26" s="114">
        <v>0</v>
      </c>
      <c r="BK26" s="114">
        <v>22893</v>
      </c>
      <c r="BL26" s="114">
        <v>0</v>
      </c>
      <c r="BM26" s="114">
        <v>46303</v>
      </c>
      <c r="BN26" s="114">
        <v>21020</v>
      </c>
      <c r="BO26" s="113">
        <v>90216</v>
      </c>
      <c r="BP26" s="116">
        <v>90216</v>
      </c>
      <c r="BQ26" s="110">
        <v>49546</v>
      </c>
      <c r="BR26" s="114">
        <v>17339</v>
      </c>
      <c r="BS26" s="113">
        <v>66885</v>
      </c>
      <c r="BT26" s="110">
        <v>0</v>
      </c>
      <c r="BU26" s="114">
        <v>255577</v>
      </c>
      <c r="BV26" s="114">
        <v>227164</v>
      </c>
      <c r="BW26" s="114">
        <v>184590</v>
      </c>
      <c r="BX26" s="114">
        <v>148120</v>
      </c>
      <c r="BY26" s="114">
        <v>57309</v>
      </c>
      <c r="BZ26" s="113">
        <v>872760</v>
      </c>
      <c r="CA26" s="116">
        <v>939645</v>
      </c>
      <c r="CB26" s="110">
        <v>0</v>
      </c>
      <c r="CC26" s="114">
        <v>33187</v>
      </c>
      <c r="CD26" s="113">
        <v>33187</v>
      </c>
      <c r="CE26" s="110">
        <v>0</v>
      </c>
      <c r="CF26" s="114">
        <v>985347</v>
      </c>
      <c r="CG26" s="114">
        <v>813133</v>
      </c>
      <c r="CH26" s="114">
        <v>124967</v>
      </c>
      <c r="CI26" s="114">
        <v>409214</v>
      </c>
      <c r="CJ26" s="114">
        <v>315284</v>
      </c>
      <c r="CK26" s="113">
        <v>2647945</v>
      </c>
      <c r="CL26" s="116">
        <v>2681132</v>
      </c>
      <c r="CM26" s="110">
        <v>0</v>
      </c>
      <c r="CN26" s="114">
        <v>0</v>
      </c>
      <c r="CO26" s="113">
        <v>0</v>
      </c>
      <c r="CP26" s="111">
        <v>0</v>
      </c>
      <c r="CQ26" s="114">
        <v>934097</v>
      </c>
      <c r="CR26" s="114">
        <v>622046</v>
      </c>
      <c r="CS26" s="114">
        <v>124967</v>
      </c>
      <c r="CT26" s="114">
        <v>366301</v>
      </c>
      <c r="CU26" s="114">
        <v>160284</v>
      </c>
      <c r="CV26" s="113">
        <v>2207695</v>
      </c>
      <c r="CW26" s="116">
        <v>2207695</v>
      </c>
      <c r="CX26" s="110">
        <v>0</v>
      </c>
      <c r="CY26" s="114">
        <v>33187</v>
      </c>
      <c r="CZ26" s="113">
        <v>33187</v>
      </c>
      <c r="DA26" s="110">
        <v>0</v>
      </c>
      <c r="DB26" s="114">
        <v>51250</v>
      </c>
      <c r="DC26" s="114">
        <v>191087</v>
      </c>
      <c r="DD26" s="114">
        <v>0</v>
      </c>
      <c r="DE26" s="114">
        <v>42913</v>
      </c>
      <c r="DF26" s="114">
        <v>155000</v>
      </c>
      <c r="DG26" s="113">
        <v>440250</v>
      </c>
      <c r="DH26" s="116">
        <v>473437</v>
      </c>
      <c r="DI26" s="110">
        <v>0</v>
      </c>
      <c r="DJ26" s="114">
        <v>19702</v>
      </c>
      <c r="DK26" s="112">
        <v>19702</v>
      </c>
      <c r="DL26" s="111">
        <v>0</v>
      </c>
      <c r="DM26" s="114">
        <v>88759</v>
      </c>
      <c r="DN26" s="114">
        <v>132388</v>
      </c>
      <c r="DO26" s="114">
        <v>634748</v>
      </c>
      <c r="DP26" s="114">
        <v>188133</v>
      </c>
      <c r="DQ26" s="114">
        <v>249419</v>
      </c>
      <c r="DR26" s="113">
        <v>1293447</v>
      </c>
      <c r="DS26" s="116">
        <v>1313149</v>
      </c>
      <c r="DT26" s="110">
        <v>0</v>
      </c>
      <c r="DU26" s="114">
        <v>19702</v>
      </c>
      <c r="DV26" s="113">
        <v>19702</v>
      </c>
      <c r="DW26" s="110">
        <v>0</v>
      </c>
      <c r="DX26" s="114">
        <v>88759</v>
      </c>
      <c r="DY26" s="114">
        <v>132388</v>
      </c>
      <c r="DZ26" s="114">
        <v>634748</v>
      </c>
      <c r="EA26" s="114">
        <v>158894</v>
      </c>
      <c r="EB26" s="114">
        <v>249419</v>
      </c>
      <c r="EC26" s="113">
        <v>1264208</v>
      </c>
      <c r="ED26" s="116">
        <v>1283910</v>
      </c>
      <c r="EE26" s="110">
        <v>0</v>
      </c>
      <c r="EF26" s="112">
        <v>0</v>
      </c>
      <c r="EG26" s="113">
        <v>0</v>
      </c>
      <c r="EH26" s="110">
        <v>0</v>
      </c>
      <c r="EI26" s="114">
        <v>0</v>
      </c>
      <c r="EJ26" s="114">
        <v>0</v>
      </c>
      <c r="EK26" s="114">
        <v>0</v>
      </c>
      <c r="EL26" s="114">
        <v>29239</v>
      </c>
      <c r="EM26" s="114">
        <v>0</v>
      </c>
      <c r="EN26" s="112">
        <v>29239</v>
      </c>
      <c r="EO26" s="116">
        <v>29239</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5"/>
      <c r="FE26" s="114">
        <v>0</v>
      </c>
      <c r="FF26" s="114">
        <v>0</v>
      </c>
      <c r="FG26" s="114">
        <v>0</v>
      </c>
      <c r="FH26" s="114">
        <v>0</v>
      </c>
      <c r="FI26" s="114">
        <v>0</v>
      </c>
      <c r="FJ26" s="113">
        <v>0</v>
      </c>
      <c r="FK26" s="116">
        <v>0</v>
      </c>
      <c r="FL26" s="110">
        <v>101010</v>
      </c>
      <c r="FM26" s="114">
        <v>29456</v>
      </c>
      <c r="FN26" s="113">
        <v>130466</v>
      </c>
      <c r="FO26" s="110">
        <v>0</v>
      </c>
      <c r="FP26" s="114">
        <v>66115</v>
      </c>
      <c r="FQ26" s="114">
        <v>322952</v>
      </c>
      <c r="FR26" s="114">
        <v>118132</v>
      </c>
      <c r="FS26" s="114">
        <v>9730</v>
      </c>
      <c r="FT26" s="114">
        <v>68978</v>
      </c>
      <c r="FU26" s="113">
        <v>585907</v>
      </c>
      <c r="FV26" s="116">
        <v>716373</v>
      </c>
      <c r="FW26" s="115">
        <v>34790</v>
      </c>
      <c r="FX26" s="114">
        <v>29456</v>
      </c>
      <c r="FY26" s="112">
        <v>64246</v>
      </c>
      <c r="FZ26" s="111">
        <v>0</v>
      </c>
      <c r="GA26" s="114">
        <v>66115</v>
      </c>
      <c r="GB26" s="114">
        <v>322952</v>
      </c>
      <c r="GC26" s="114">
        <v>105532</v>
      </c>
      <c r="GD26" s="114">
        <v>9730</v>
      </c>
      <c r="GE26" s="114">
        <v>68978</v>
      </c>
      <c r="GF26" s="113">
        <v>573307</v>
      </c>
      <c r="GG26" s="316">
        <v>637553</v>
      </c>
      <c r="GH26" s="115">
        <v>0</v>
      </c>
      <c r="GI26" s="114">
        <v>0</v>
      </c>
      <c r="GJ26" s="112">
        <v>0</v>
      </c>
      <c r="GK26" s="111">
        <v>0</v>
      </c>
      <c r="GL26" s="114">
        <v>0</v>
      </c>
      <c r="GM26" s="114">
        <v>0</v>
      </c>
      <c r="GN26" s="114">
        <v>12600</v>
      </c>
      <c r="GO26" s="114">
        <v>0</v>
      </c>
      <c r="GP26" s="114">
        <v>0</v>
      </c>
      <c r="GQ26" s="113">
        <v>12600</v>
      </c>
      <c r="GR26" s="116">
        <v>12600</v>
      </c>
      <c r="GS26" s="110">
        <v>66220</v>
      </c>
      <c r="GT26" s="114">
        <v>0</v>
      </c>
      <c r="GU26" s="113">
        <v>66220</v>
      </c>
      <c r="GV26" s="110">
        <v>0</v>
      </c>
      <c r="GW26" s="114">
        <v>0</v>
      </c>
      <c r="GX26" s="114">
        <v>0</v>
      </c>
      <c r="GY26" s="114">
        <v>0</v>
      </c>
      <c r="GZ26" s="114">
        <v>0</v>
      </c>
      <c r="HA26" s="114">
        <v>0</v>
      </c>
      <c r="HB26" s="112">
        <v>0</v>
      </c>
      <c r="HC26" s="116">
        <v>66220</v>
      </c>
      <c r="HD26" s="110">
        <v>97414</v>
      </c>
      <c r="HE26" s="114">
        <v>83151</v>
      </c>
      <c r="HF26" s="112">
        <v>180565</v>
      </c>
      <c r="HG26" s="111">
        <v>0</v>
      </c>
      <c r="HH26" s="114">
        <v>1157764</v>
      </c>
      <c r="HI26" s="114">
        <v>661280</v>
      </c>
      <c r="HJ26" s="114">
        <v>1754560</v>
      </c>
      <c r="HK26" s="114">
        <v>965461</v>
      </c>
      <c r="HL26" s="114">
        <v>0</v>
      </c>
      <c r="HM26" s="113">
        <v>4539065</v>
      </c>
      <c r="HN26" s="109">
        <v>4719630</v>
      </c>
      <c r="HO26" s="326"/>
      <c r="HP26" s="327"/>
      <c r="HQ26" s="328"/>
      <c r="HR26" s="329"/>
      <c r="HS26" s="327"/>
      <c r="HT26" s="327"/>
      <c r="HU26" s="327"/>
      <c r="HV26" s="327"/>
      <c r="HW26" s="327"/>
      <c r="HX26" s="330"/>
      <c r="HY26" s="331"/>
      <c r="HZ26" s="150">
        <v>0</v>
      </c>
      <c r="IA26" s="135">
        <v>0</v>
      </c>
      <c r="IB26" s="150">
        <v>0</v>
      </c>
      <c r="IC26" s="134">
        <v>0</v>
      </c>
      <c r="ID26" s="135">
        <v>813152</v>
      </c>
      <c r="IE26" s="136">
        <v>495501</v>
      </c>
      <c r="IF26" s="137">
        <v>442035</v>
      </c>
      <c r="IG26" s="135">
        <v>840075</v>
      </c>
      <c r="IH26" s="137">
        <v>163555</v>
      </c>
      <c r="II26" s="138">
        <v>2754318</v>
      </c>
      <c r="IJ26" s="150">
        <v>2754318</v>
      </c>
      <c r="IK26" s="232">
        <v>0</v>
      </c>
      <c r="IL26" s="236">
        <v>0</v>
      </c>
      <c r="IM26" s="237">
        <v>0</v>
      </c>
      <c r="IN26" s="140"/>
      <c r="IO26" s="119">
        <v>139141</v>
      </c>
      <c r="IP26" s="119">
        <v>0</v>
      </c>
      <c r="IQ26" s="119">
        <v>0</v>
      </c>
      <c r="IR26" s="119">
        <v>0</v>
      </c>
      <c r="IS26" s="119">
        <v>0</v>
      </c>
      <c r="IT26" s="141">
        <v>139141</v>
      </c>
      <c r="IU26" s="318">
        <v>139141</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373435</v>
      </c>
      <c r="JL26" s="119">
        <v>152986</v>
      </c>
      <c r="JM26" s="119">
        <v>218423</v>
      </c>
      <c r="JN26" s="119">
        <v>159393</v>
      </c>
      <c r="JO26" s="119">
        <v>0</v>
      </c>
      <c r="JP26" s="120">
        <v>904237</v>
      </c>
      <c r="JQ26" s="318">
        <v>904237</v>
      </c>
      <c r="JR26" s="142">
        <v>0</v>
      </c>
      <c r="JS26" s="119">
        <v>0</v>
      </c>
      <c r="JT26" s="141">
        <v>0</v>
      </c>
      <c r="JU26" s="118">
        <v>0</v>
      </c>
      <c r="JV26" s="119">
        <v>0</v>
      </c>
      <c r="JW26" s="119">
        <v>0</v>
      </c>
      <c r="JX26" s="119">
        <v>0</v>
      </c>
      <c r="JY26" s="119">
        <v>0</v>
      </c>
      <c r="JZ26" s="119">
        <v>0</v>
      </c>
      <c r="KA26" s="120">
        <v>0</v>
      </c>
      <c r="KB26" s="318">
        <v>0</v>
      </c>
      <c r="KC26" s="234">
        <v>0</v>
      </c>
      <c r="KD26" s="230">
        <v>0</v>
      </c>
      <c r="KE26" s="120">
        <v>0</v>
      </c>
      <c r="KF26" s="118">
        <v>0</v>
      </c>
      <c r="KG26" s="119">
        <v>93043</v>
      </c>
      <c r="KH26" s="119">
        <v>0</v>
      </c>
      <c r="KI26" s="119">
        <v>0</v>
      </c>
      <c r="KJ26" s="119">
        <v>223137</v>
      </c>
      <c r="KK26" s="119">
        <v>0</v>
      </c>
      <c r="KL26" s="120">
        <v>316180</v>
      </c>
      <c r="KM26" s="143">
        <v>316180</v>
      </c>
      <c r="KN26" s="232">
        <v>0</v>
      </c>
      <c r="KO26" s="236">
        <v>0</v>
      </c>
      <c r="KP26" s="237">
        <v>0</v>
      </c>
      <c r="KQ26" s="140"/>
      <c r="KR26" s="119">
        <v>207533</v>
      </c>
      <c r="KS26" s="119">
        <v>342515</v>
      </c>
      <c r="KT26" s="119">
        <v>223612</v>
      </c>
      <c r="KU26" s="119">
        <v>457545</v>
      </c>
      <c r="KV26" s="119">
        <v>163555</v>
      </c>
      <c r="KW26" s="120">
        <v>1394760</v>
      </c>
      <c r="KX26" s="318">
        <v>1394760</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18">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881440</v>
      </c>
      <c r="ML26" s="119">
        <v>1114949</v>
      </c>
      <c r="MM26" s="119">
        <v>1211630</v>
      </c>
      <c r="MN26" s="119">
        <v>1930596</v>
      </c>
      <c r="MO26" s="120">
        <v>5138615</v>
      </c>
      <c r="MP26" s="143">
        <v>5138615</v>
      </c>
      <c r="MQ26" s="142">
        <v>0</v>
      </c>
      <c r="MR26" s="119">
        <v>0</v>
      </c>
      <c r="MS26" s="120">
        <v>0</v>
      </c>
      <c r="MT26" s="145"/>
      <c r="MU26" s="119">
        <v>0</v>
      </c>
      <c r="MV26" s="119">
        <v>0</v>
      </c>
      <c r="MW26" s="119">
        <v>880935</v>
      </c>
      <c r="MX26" s="119">
        <v>676825</v>
      </c>
      <c r="MY26" s="119">
        <v>976413</v>
      </c>
      <c r="MZ26" s="120">
        <v>2534173</v>
      </c>
      <c r="NA26" s="143">
        <v>2534173</v>
      </c>
      <c r="NB26" s="142">
        <v>0</v>
      </c>
      <c r="NC26" s="119">
        <v>0</v>
      </c>
      <c r="ND26" s="120">
        <v>0</v>
      </c>
      <c r="NE26" s="145"/>
      <c r="NF26" s="119">
        <v>0</v>
      </c>
      <c r="NG26" s="119">
        <v>881440</v>
      </c>
      <c r="NH26" s="119">
        <v>234014</v>
      </c>
      <c r="NI26" s="119">
        <v>534805</v>
      </c>
      <c r="NJ26" s="119">
        <v>298609</v>
      </c>
      <c r="NK26" s="120">
        <v>1948868</v>
      </c>
      <c r="NL26" s="318">
        <v>1948868</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655574</v>
      </c>
      <c r="OG26" s="120">
        <v>655574</v>
      </c>
      <c r="OH26" s="121">
        <v>655574</v>
      </c>
      <c r="OI26" s="142">
        <v>319324</v>
      </c>
      <c r="OJ26" s="119">
        <v>224359</v>
      </c>
      <c r="OK26" s="141">
        <v>543683</v>
      </c>
      <c r="OL26" s="118">
        <v>0</v>
      </c>
      <c r="OM26" s="119">
        <v>4128584</v>
      </c>
      <c r="ON26" s="119">
        <v>4426330</v>
      </c>
      <c r="OO26" s="119">
        <v>5133053</v>
      </c>
      <c r="OP26" s="119">
        <v>4639355</v>
      </c>
      <c r="OQ26" s="119">
        <v>3965909</v>
      </c>
      <c r="OR26" s="120">
        <v>22293231</v>
      </c>
      <c r="OS26" s="143">
        <v>22836914</v>
      </c>
    </row>
    <row r="27" spans="2:409" ht="21" customHeight="1" x14ac:dyDescent="0.2">
      <c r="B27" s="126" t="s">
        <v>22</v>
      </c>
      <c r="C27" s="110">
        <v>73388</v>
      </c>
      <c r="D27" s="114">
        <v>18585</v>
      </c>
      <c r="E27" s="113">
        <v>91973</v>
      </c>
      <c r="F27" s="109">
        <v>0</v>
      </c>
      <c r="G27" s="114">
        <v>1156063</v>
      </c>
      <c r="H27" s="114">
        <v>1229671</v>
      </c>
      <c r="I27" s="114">
        <v>1078121</v>
      </c>
      <c r="J27" s="114">
        <v>1571642</v>
      </c>
      <c r="K27" s="114">
        <v>1489851</v>
      </c>
      <c r="L27" s="173">
        <v>6525348</v>
      </c>
      <c r="M27" s="116">
        <v>6617321</v>
      </c>
      <c r="N27" s="110">
        <v>0</v>
      </c>
      <c r="O27" s="114">
        <v>0</v>
      </c>
      <c r="P27" s="113">
        <v>0</v>
      </c>
      <c r="Q27" s="110">
        <v>0</v>
      </c>
      <c r="R27" s="114">
        <v>354039</v>
      </c>
      <c r="S27" s="114">
        <v>180362</v>
      </c>
      <c r="T27" s="114">
        <v>235677</v>
      </c>
      <c r="U27" s="114">
        <v>268095</v>
      </c>
      <c r="V27" s="114">
        <v>725704</v>
      </c>
      <c r="W27" s="113">
        <v>1763877</v>
      </c>
      <c r="X27" s="116">
        <v>1763877</v>
      </c>
      <c r="Y27" s="110">
        <v>0</v>
      </c>
      <c r="Z27" s="114">
        <v>0</v>
      </c>
      <c r="AA27" s="113">
        <v>0</v>
      </c>
      <c r="AB27" s="110">
        <v>0</v>
      </c>
      <c r="AC27" s="114">
        <v>88109</v>
      </c>
      <c r="AD27" s="114">
        <v>6566</v>
      </c>
      <c r="AE27" s="114">
        <v>141951</v>
      </c>
      <c r="AF27" s="114">
        <v>39409</v>
      </c>
      <c r="AG27" s="114">
        <v>337911</v>
      </c>
      <c r="AH27" s="113">
        <v>613946</v>
      </c>
      <c r="AI27" s="116">
        <v>613946</v>
      </c>
      <c r="AJ27" s="110">
        <v>0</v>
      </c>
      <c r="AK27" s="114">
        <v>0</v>
      </c>
      <c r="AL27" s="113">
        <v>0</v>
      </c>
      <c r="AM27" s="110">
        <v>0</v>
      </c>
      <c r="AN27" s="114">
        <v>0</v>
      </c>
      <c r="AO27" s="114">
        <v>0</v>
      </c>
      <c r="AP27" s="114">
        <v>0</v>
      </c>
      <c r="AQ27" s="114">
        <v>0</v>
      </c>
      <c r="AR27" s="114">
        <v>187103</v>
      </c>
      <c r="AS27" s="113">
        <v>187103</v>
      </c>
      <c r="AT27" s="116">
        <v>187103</v>
      </c>
      <c r="AU27" s="110">
        <v>0</v>
      </c>
      <c r="AV27" s="114">
        <v>0</v>
      </c>
      <c r="AW27" s="113">
        <v>0</v>
      </c>
      <c r="AX27" s="110">
        <v>0</v>
      </c>
      <c r="AY27" s="114">
        <v>157332</v>
      </c>
      <c r="AZ27" s="114">
        <v>90832</v>
      </c>
      <c r="BA27" s="114">
        <v>63388</v>
      </c>
      <c r="BB27" s="114">
        <v>93026</v>
      </c>
      <c r="BC27" s="114">
        <v>192290</v>
      </c>
      <c r="BD27" s="113">
        <v>596868</v>
      </c>
      <c r="BE27" s="116">
        <v>596868</v>
      </c>
      <c r="BF27" s="110">
        <v>0</v>
      </c>
      <c r="BG27" s="114">
        <v>0</v>
      </c>
      <c r="BH27" s="112">
        <v>0</v>
      </c>
      <c r="BI27" s="111">
        <v>0</v>
      </c>
      <c r="BJ27" s="114">
        <v>60228</v>
      </c>
      <c r="BK27" s="114">
        <v>60228</v>
      </c>
      <c r="BL27" s="114">
        <v>0</v>
      </c>
      <c r="BM27" s="114">
        <v>60228</v>
      </c>
      <c r="BN27" s="114">
        <v>0</v>
      </c>
      <c r="BO27" s="113">
        <v>180684</v>
      </c>
      <c r="BP27" s="116">
        <v>180684</v>
      </c>
      <c r="BQ27" s="110">
        <v>0</v>
      </c>
      <c r="BR27" s="114">
        <v>0</v>
      </c>
      <c r="BS27" s="113">
        <v>0</v>
      </c>
      <c r="BT27" s="110">
        <v>0</v>
      </c>
      <c r="BU27" s="114">
        <v>48370</v>
      </c>
      <c r="BV27" s="114">
        <v>22736</v>
      </c>
      <c r="BW27" s="114">
        <v>30338</v>
      </c>
      <c r="BX27" s="114">
        <v>75432</v>
      </c>
      <c r="BY27" s="114">
        <v>8400</v>
      </c>
      <c r="BZ27" s="113">
        <v>185276</v>
      </c>
      <c r="CA27" s="116">
        <v>185276</v>
      </c>
      <c r="CB27" s="110">
        <v>16226</v>
      </c>
      <c r="CC27" s="114">
        <v>0</v>
      </c>
      <c r="CD27" s="113">
        <v>16226</v>
      </c>
      <c r="CE27" s="110">
        <v>0</v>
      </c>
      <c r="CF27" s="114">
        <v>383818</v>
      </c>
      <c r="CG27" s="114">
        <v>266916</v>
      </c>
      <c r="CH27" s="114">
        <v>209010</v>
      </c>
      <c r="CI27" s="114">
        <v>415359</v>
      </c>
      <c r="CJ27" s="114">
        <v>149002</v>
      </c>
      <c r="CK27" s="113">
        <v>1424105</v>
      </c>
      <c r="CL27" s="116">
        <v>1440331</v>
      </c>
      <c r="CM27" s="110">
        <v>0</v>
      </c>
      <c r="CN27" s="114">
        <v>0</v>
      </c>
      <c r="CO27" s="113">
        <v>0</v>
      </c>
      <c r="CP27" s="111">
        <v>0</v>
      </c>
      <c r="CQ27" s="114">
        <v>336757</v>
      </c>
      <c r="CR27" s="114">
        <v>138831</v>
      </c>
      <c r="CS27" s="114">
        <v>120369</v>
      </c>
      <c r="CT27" s="114">
        <v>329728</v>
      </c>
      <c r="CU27" s="114">
        <v>149002</v>
      </c>
      <c r="CV27" s="113">
        <v>1074687</v>
      </c>
      <c r="CW27" s="116">
        <v>1074687</v>
      </c>
      <c r="CX27" s="110">
        <v>16226</v>
      </c>
      <c r="CY27" s="114">
        <v>0</v>
      </c>
      <c r="CZ27" s="113">
        <v>16226</v>
      </c>
      <c r="DA27" s="110">
        <v>0</v>
      </c>
      <c r="DB27" s="114">
        <v>47061</v>
      </c>
      <c r="DC27" s="114">
        <v>128085</v>
      </c>
      <c r="DD27" s="114">
        <v>88641</v>
      </c>
      <c r="DE27" s="114">
        <v>85631</v>
      </c>
      <c r="DF27" s="114">
        <v>0</v>
      </c>
      <c r="DG27" s="113">
        <v>349418</v>
      </c>
      <c r="DH27" s="116">
        <v>365644</v>
      </c>
      <c r="DI27" s="110">
        <v>0</v>
      </c>
      <c r="DJ27" s="114">
        <v>0</v>
      </c>
      <c r="DK27" s="112">
        <v>0</v>
      </c>
      <c r="DL27" s="111">
        <v>0</v>
      </c>
      <c r="DM27" s="114">
        <v>73176</v>
      </c>
      <c r="DN27" s="114">
        <v>122804</v>
      </c>
      <c r="DO27" s="114">
        <v>255644</v>
      </c>
      <c r="DP27" s="114">
        <v>74115</v>
      </c>
      <c r="DQ27" s="114">
        <v>205354</v>
      </c>
      <c r="DR27" s="113">
        <v>731093</v>
      </c>
      <c r="DS27" s="116">
        <v>731093</v>
      </c>
      <c r="DT27" s="110">
        <v>0</v>
      </c>
      <c r="DU27" s="114">
        <v>0</v>
      </c>
      <c r="DV27" s="113">
        <v>0</v>
      </c>
      <c r="DW27" s="110">
        <v>0</v>
      </c>
      <c r="DX27" s="114">
        <v>73176</v>
      </c>
      <c r="DY27" s="114">
        <v>122804</v>
      </c>
      <c r="DZ27" s="114">
        <v>206616</v>
      </c>
      <c r="EA27" s="114">
        <v>74115</v>
      </c>
      <c r="EB27" s="114">
        <v>205354</v>
      </c>
      <c r="EC27" s="113">
        <v>682065</v>
      </c>
      <c r="ED27" s="116">
        <v>682065</v>
      </c>
      <c r="EE27" s="110">
        <v>0</v>
      </c>
      <c r="EF27" s="112">
        <v>0</v>
      </c>
      <c r="EG27" s="113">
        <v>0</v>
      </c>
      <c r="EH27" s="110">
        <v>0</v>
      </c>
      <c r="EI27" s="114">
        <v>0</v>
      </c>
      <c r="EJ27" s="114">
        <v>0</v>
      </c>
      <c r="EK27" s="114">
        <v>49028</v>
      </c>
      <c r="EL27" s="114">
        <v>0</v>
      </c>
      <c r="EM27" s="114">
        <v>0</v>
      </c>
      <c r="EN27" s="112">
        <v>49028</v>
      </c>
      <c r="EO27" s="116">
        <v>49028</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5"/>
      <c r="FE27" s="114">
        <v>0</v>
      </c>
      <c r="FF27" s="114">
        <v>0</v>
      </c>
      <c r="FG27" s="114">
        <v>0</v>
      </c>
      <c r="FH27" s="114">
        <v>0</v>
      </c>
      <c r="FI27" s="114">
        <v>0</v>
      </c>
      <c r="FJ27" s="113">
        <v>0</v>
      </c>
      <c r="FK27" s="116">
        <v>0</v>
      </c>
      <c r="FL27" s="110">
        <v>10990</v>
      </c>
      <c r="FM27" s="114">
        <v>18585</v>
      </c>
      <c r="FN27" s="113">
        <v>29575</v>
      </c>
      <c r="FO27" s="110">
        <v>0</v>
      </c>
      <c r="FP27" s="114">
        <v>76370</v>
      </c>
      <c r="FQ27" s="114">
        <v>36386</v>
      </c>
      <c r="FR27" s="114">
        <v>73458</v>
      </c>
      <c r="FS27" s="114">
        <v>69097</v>
      </c>
      <c r="FT27" s="114">
        <v>201936</v>
      </c>
      <c r="FU27" s="113">
        <v>457247</v>
      </c>
      <c r="FV27" s="116">
        <v>486822</v>
      </c>
      <c r="FW27" s="115">
        <v>10990</v>
      </c>
      <c r="FX27" s="114">
        <v>18585</v>
      </c>
      <c r="FY27" s="112">
        <v>29575</v>
      </c>
      <c r="FZ27" s="111">
        <v>0</v>
      </c>
      <c r="GA27" s="114">
        <v>59570</v>
      </c>
      <c r="GB27" s="114">
        <v>36386</v>
      </c>
      <c r="GC27" s="114">
        <v>73458</v>
      </c>
      <c r="GD27" s="114">
        <v>69097</v>
      </c>
      <c r="GE27" s="114">
        <v>119336</v>
      </c>
      <c r="GF27" s="113">
        <v>357847</v>
      </c>
      <c r="GG27" s="316">
        <v>387422</v>
      </c>
      <c r="GH27" s="115">
        <v>0</v>
      </c>
      <c r="GI27" s="114">
        <v>0</v>
      </c>
      <c r="GJ27" s="112">
        <v>0</v>
      </c>
      <c r="GK27" s="111">
        <v>0</v>
      </c>
      <c r="GL27" s="114">
        <v>0</v>
      </c>
      <c r="GM27" s="114">
        <v>0</v>
      </c>
      <c r="GN27" s="114">
        <v>0</v>
      </c>
      <c r="GO27" s="114">
        <v>0</v>
      </c>
      <c r="GP27" s="114">
        <v>12600</v>
      </c>
      <c r="GQ27" s="113">
        <v>12600</v>
      </c>
      <c r="GR27" s="116">
        <v>12600</v>
      </c>
      <c r="GS27" s="110">
        <v>0</v>
      </c>
      <c r="GT27" s="114">
        <v>0</v>
      </c>
      <c r="GU27" s="113">
        <v>0</v>
      </c>
      <c r="GV27" s="110">
        <v>0</v>
      </c>
      <c r="GW27" s="114">
        <v>16800</v>
      </c>
      <c r="GX27" s="114">
        <v>0</v>
      </c>
      <c r="GY27" s="114">
        <v>0</v>
      </c>
      <c r="GZ27" s="114">
        <v>0</v>
      </c>
      <c r="HA27" s="114">
        <v>70000</v>
      </c>
      <c r="HB27" s="112">
        <v>86800</v>
      </c>
      <c r="HC27" s="116">
        <v>86800</v>
      </c>
      <c r="HD27" s="110">
        <v>46172</v>
      </c>
      <c r="HE27" s="114">
        <v>0</v>
      </c>
      <c r="HF27" s="112">
        <v>46172</v>
      </c>
      <c r="HG27" s="111">
        <v>0</v>
      </c>
      <c r="HH27" s="114">
        <v>268660</v>
      </c>
      <c r="HI27" s="114">
        <v>623203</v>
      </c>
      <c r="HJ27" s="114">
        <v>304332</v>
      </c>
      <c r="HK27" s="114">
        <v>744976</v>
      </c>
      <c r="HL27" s="114">
        <v>207855</v>
      </c>
      <c r="HM27" s="113">
        <v>2149026</v>
      </c>
      <c r="HN27" s="109">
        <v>2195198</v>
      </c>
      <c r="HO27" s="326"/>
      <c r="HP27" s="327"/>
      <c r="HQ27" s="328"/>
      <c r="HR27" s="329"/>
      <c r="HS27" s="327"/>
      <c r="HT27" s="327"/>
      <c r="HU27" s="327"/>
      <c r="HV27" s="327"/>
      <c r="HW27" s="327"/>
      <c r="HX27" s="330"/>
      <c r="HY27" s="331"/>
      <c r="HZ27" s="131">
        <v>0</v>
      </c>
      <c r="IA27" s="132">
        <v>26369</v>
      </c>
      <c r="IB27" s="133">
        <v>26369</v>
      </c>
      <c r="IC27" s="146">
        <v>0</v>
      </c>
      <c r="ID27" s="132">
        <v>667485</v>
      </c>
      <c r="IE27" s="147">
        <v>423843</v>
      </c>
      <c r="IF27" s="133">
        <v>216279</v>
      </c>
      <c r="IG27" s="132">
        <v>0</v>
      </c>
      <c r="IH27" s="133">
        <v>0</v>
      </c>
      <c r="II27" s="148">
        <v>1307607</v>
      </c>
      <c r="IJ27" s="139">
        <v>1333976</v>
      </c>
      <c r="IK27" s="232">
        <v>0</v>
      </c>
      <c r="IL27" s="236">
        <v>0</v>
      </c>
      <c r="IM27" s="237">
        <v>0</v>
      </c>
      <c r="IN27" s="140"/>
      <c r="IO27" s="119">
        <v>102172</v>
      </c>
      <c r="IP27" s="119">
        <v>0</v>
      </c>
      <c r="IQ27" s="119">
        <v>142527</v>
      </c>
      <c r="IR27" s="119">
        <v>0</v>
      </c>
      <c r="IS27" s="119">
        <v>0</v>
      </c>
      <c r="IT27" s="141">
        <v>244699</v>
      </c>
      <c r="IU27" s="318">
        <v>244699</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277683</v>
      </c>
      <c r="JL27" s="119">
        <v>35322</v>
      </c>
      <c r="JM27" s="119">
        <v>0</v>
      </c>
      <c r="JN27" s="119">
        <v>0</v>
      </c>
      <c r="JO27" s="119">
        <v>0</v>
      </c>
      <c r="JP27" s="120">
        <v>313005</v>
      </c>
      <c r="JQ27" s="318">
        <v>313005</v>
      </c>
      <c r="JR27" s="142">
        <v>0</v>
      </c>
      <c r="JS27" s="119">
        <v>0</v>
      </c>
      <c r="JT27" s="141">
        <v>0</v>
      </c>
      <c r="JU27" s="118">
        <v>0</v>
      </c>
      <c r="JV27" s="119">
        <v>0</v>
      </c>
      <c r="JW27" s="119">
        <v>0</v>
      </c>
      <c r="JX27" s="119">
        <v>73752</v>
      </c>
      <c r="JY27" s="119">
        <v>0</v>
      </c>
      <c r="JZ27" s="119">
        <v>0</v>
      </c>
      <c r="KA27" s="120">
        <v>73752</v>
      </c>
      <c r="KB27" s="318">
        <v>73752</v>
      </c>
      <c r="KC27" s="234">
        <v>0</v>
      </c>
      <c r="KD27" s="230">
        <v>26369</v>
      </c>
      <c r="KE27" s="120">
        <v>26369</v>
      </c>
      <c r="KF27" s="118">
        <v>0</v>
      </c>
      <c r="KG27" s="119">
        <v>80472</v>
      </c>
      <c r="KH27" s="119">
        <v>388521</v>
      </c>
      <c r="KI27" s="119">
        <v>0</v>
      </c>
      <c r="KJ27" s="119">
        <v>0</v>
      </c>
      <c r="KK27" s="119">
        <v>0</v>
      </c>
      <c r="KL27" s="120">
        <v>468993</v>
      </c>
      <c r="KM27" s="143">
        <v>495362</v>
      </c>
      <c r="KN27" s="232">
        <v>0</v>
      </c>
      <c r="KO27" s="236">
        <v>0</v>
      </c>
      <c r="KP27" s="237">
        <v>0</v>
      </c>
      <c r="KQ27" s="140"/>
      <c r="KR27" s="119">
        <v>207158</v>
      </c>
      <c r="KS27" s="119">
        <v>0</v>
      </c>
      <c r="KT27" s="119">
        <v>0</v>
      </c>
      <c r="KU27" s="119">
        <v>0</v>
      </c>
      <c r="KV27" s="119">
        <v>0</v>
      </c>
      <c r="KW27" s="120">
        <v>207158</v>
      </c>
      <c r="KX27" s="318">
        <v>207158</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0</v>
      </c>
      <c r="LR27" s="119">
        <v>0</v>
      </c>
      <c r="LS27" s="120">
        <v>0</v>
      </c>
      <c r="LT27" s="318">
        <v>0</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201008</v>
      </c>
      <c r="MK27" s="119">
        <v>0</v>
      </c>
      <c r="ML27" s="119">
        <v>512691</v>
      </c>
      <c r="MM27" s="119">
        <v>459858</v>
      </c>
      <c r="MN27" s="119">
        <v>246302</v>
      </c>
      <c r="MO27" s="120">
        <v>1419859</v>
      </c>
      <c r="MP27" s="143">
        <v>1419859</v>
      </c>
      <c r="MQ27" s="142">
        <v>0</v>
      </c>
      <c r="MR27" s="119">
        <v>0</v>
      </c>
      <c r="MS27" s="120">
        <v>0</v>
      </c>
      <c r="MT27" s="145"/>
      <c r="MU27" s="119">
        <v>0</v>
      </c>
      <c r="MV27" s="119">
        <v>0</v>
      </c>
      <c r="MW27" s="119">
        <v>57393</v>
      </c>
      <c r="MX27" s="119">
        <v>459858</v>
      </c>
      <c r="MY27" s="119">
        <v>246302</v>
      </c>
      <c r="MZ27" s="120">
        <v>763553</v>
      </c>
      <c r="NA27" s="143">
        <v>763553</v>
      </c>
      <c r="NB27" s="142">
        <v>0</v>
      </c>
      <c r="NC27" s="119">
        <v>0</v>
      </c>
      <c r="ND27" s="120">
        <v>0</v>
      </c>
      <c r="NE27" s="145"/>
      <c r="NF27" s="119">
        <v>201008</v>
      </c>
      <c r="NG27" s="119">
        <v>0</v>
      </c>
      <c r="NH27" s="119">
        <v>455298</v>
      </c>
      <c r="NI27" s="119">
        <v>0</v>
      </c>
      <c r="NJ27" s="119">
        <v>0</v>
      </c>
      <c r="NK27" s="120">
        <v>656306</v>
      </c>
      <c r="NL27" s="318">
        <v>656306</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73388</v>
      </c>
      <c r="OJ27" s="119">
        <v>44954</v>
      </c>
      <c r="OK27" s="141">
        <v>118342</v>
      </c>
      <c r="OL27" s="118">
        <v>0</v>
      </c>
      <c r="OM27" s="119">
        <v>2024556</v>
      </c>
      <c r="ON27" s="119">
        <v>1653514</v>
      </c>
      <c r="OO27" s="119">
        <v>1807091</v>
      </c>
      <c r="OP27" s="119">
        <v>2031500</v>
      </c>
      <c r="OQ27" s="119">
        <v>1736153</v>
      </c>
      <c r="OR27" s="120">
        <v>9252814</v>
      </c>
      <c r="OS27" s="143">
        <v>9371156</v>
      </c>
    </row>
    <row r="28" spans="2:409" ht="21" customHeight="1" x14ac:dyDescent="0.2">
      <c r="B28" s="126" t="s">
        <v>23</v>
      </c>
      <c r="C28" s="110">
        <v>132555</v>
      </c>
      <c r="D28" s="114">
        <v>149844</v>
      </c>
      <c r="E28" s="113">
        <v>282399</v>
      </c>
      <c r="F28" s="109">
        <v>0</v>
      </c>
      <c r="G28" s="114">
        <v>1338339</v>
      </c>
      <c r="H28" s="114">
        <v>1789713</v>
      </c>
      <c r="I28" s="114">
        <v>1943133</v>
      </c>
      <c r="J28" s="114">
        <v>3835317</v>
      </c>
      <c r="K28" s="114">
        <v>1263650</v>
      </c>
      <c r="L28" s="173">
        <v>10170152</v>
      </c>
      <c r="M28" s="116">
        <v>10452551</v>
      </c>
      <c r="N28" s="110">
        <v>69051</v>
      </c>
      <c r="O28" s="114">
        <v>132036</v>
      </c>
      <c r="P28" s="113">
        <v>201087</v>
      </c>
      <c r="Q28" s="110">
        <v>0</v>
      </c>
      <c r="R28" s="114">
        <v>181690</v>
      </c>
      <c r="S28" s="114">
        <v>538190</v>
      </c>
      <c r="T28" s="114">
        <v>672684</v>
      </c>
      <c r="U28" s="114">
        <v>525382</v>
      </c>
      <c r="V28" s="114">
        <v>245568</v>
      </c>
      <c r="W28" s="113">
        <v>2163514</v>
      </c>
      <c r="X28" s="116">
        <v>2364601</v>
      </c>
      <c r="Y28" s="110">
        <v>0</v>
      </c>
      <c r="Z28" s="114">
        <v>0</v>
      </c>
      <c r="AA28" s="113">
        <v>0</v>
      </c>
      <c r="AB28" s="110">
        <v>0</v>
      </c>
      <c r="AC28" s="114">
        <v>8058</v>
      </c>
      <c r="AD28" s="114">
        <v>125054</v>
      </c>
      <c r="AE28" s="114">
        <v>444251</v>
      </c>
      <c r="AF28" s="114">
        <v>54501</v>
      </c>
      <c r="AG28" s="114">
        <v>45975</v>
      </c>
      <c r="AH28" s="113">
        <v>677839</v>
      </c>
      <c r="AI28" s="116">
        <v>677839</v>
      </c>
      <c r="AJ28" s="110">
        <v>0</v>
      </c>
      <c r="AK28" s="114">
        <v>0</v>
      </c>
      <c r="AL28" s="113">
        <v>0</v>
      </c>
      <c r="AM28" s="110">
        <v>0</v>
      </c>
      <c r="AN28" s="114">
        <v>51149</v>
      </c>
      <c r="AO28" s="114">
        <v>0</v>
      </c>
      <c r="AP28" s="114">
        <v>0</v>
      </c>
      <c r="AQ28" s="114">
        <v>0</v>
      </c>
      <c r="AR28" s="114">
        <v>50437</v>
      </c>
      <c r="AS28" s="113">
        <v>101586</v>
      </c>
      <c r="AT28" s="116">
        <v>101586</v>
      </c>
      <c r="AU28" s="110">
        <v>61260</v>
      </c>
      <c r="AV28" s="114">
        <v>98234</v>
      </c>
      <c r="AW28" s="113">
        <v>159494</v>
      </c>
      <c r="AX28" s="110">
        <v>0</v>
      </c>
      <c r="AY28" s="114">
        <v>80140</v>
      </c>
      <c r="AZ28" s="114">
        <v>347020</v>
      </c>
      <c r="BA28" s="114">
        <v>124245</v>
      </c>
      <c r="BB28" s="114">
        <v>163585</v>
      </c>
      <c r="BC28" s="114">
        <v>28896</v>
      </c>
      <c r="BD28" s="113">
        <v>743886</v>
      </c>
      <c r="BE28" s="116">
        <v>903380</v>
      </c>
      <c r="BF28" s="110">
        <v>0</v>
      </c>
      <c r="BG28" s="114">
        <v>33802</v>
      </c>
      <c r="BH28" s="112">
        <v>33802</v>
      </c>
      <c r="BI28" s="111">
        <v>0</v>
      </c>
      <c r="BJ28" s="114">
        <v>0</v>
      </c>
      <c r="BK28" s="114">
        <v>50114</v>
      </c>
      <c r="BL28" s="114">
        <v>0</v>
      </c>
      <c r="BM28" s="114">
        <v>64795</v>
      </c>
      <c r="BN28" s="114">
        <v>0</v>
      </c>
      <c r="BO28" s="113">
        <v>114909</v>
      </c>
      <c r="BP28" s="116">
        <v>148711</v>
      </c>
      <c r="BQ28" s="110">
        <v>7791</v>
      </c>
      <c r="BR28" s="114">
        <v>0</v>
      </c>
      <c r="BS28" s="113">
        <v>7791</v>
      </c>
      <c r="BT28" s="110">
        <v>0</v>
      </c>
      <c r="BU28" s="114">
        <v>42343</v>
      </c>
      <c r="BV28" s="114">
        <v>16002</v>
      </c>
      <c r="BW28" s="114">
        <v>104188</v>
      </c>
      <c r="BX28" s="114">
        <v>242501</v>
      </c>
      <c r="BY28" s="114">
        <v>120260</v>
      </c>
      <c r="BZ28" s="113">
        <v>525294</v>
      </c>
      <c r="CA28" s="116">
        <v>533085</v>
      </c>
      <c r="CB28" s="110">
        <v>0</v>
      </c>
      <c r="CC28" s="114">
        <v>0</v>
      </c>
      <c r="CD28" s="113">
        <v>0</v>
      </c>
      <c r="CE28" s="110">
        <v>0</v>
      </c>
      <c r="CF28" s="114">
        <v>482104</v>
      </c>
      <c r="CG28" s="114">
        <v>932519</v>
      </c>
      <c r="CH28" s="114">
        <v>869633</v>
      </c>
      <c r="CI28" s="114">
        <v>730803</v>
      </c>
      <c r="CJ28" s="114">
        <v>0</v>
      </c>
      <c r="CK28" s="113">
        <v>3015059</v>
      </c>
      <c r="CL28" s="116">
        <v>3015059</v>
      </c>
      <c r="CM28" s="110">
        <v>0</v>
      </c>
      <c r="CN28" s="114">
        <v>0</v>
      </c>
      <c r="CO28" s="113">
        <v>0</v>
      </c>
      <c r="CP28" s="111">
        <v>0</v>
      </c>
      <c r="CQ28" s="114">
        <v>381345</v>
      </c>
      <c r="CR28" s="114">
        <v>839283</v>
      </c>
      <c r="CS28" s="114">
        <v>403866</v>
      </c>
      <c r="CT28" s="114">
        <v>415679</v>
      </c>
      <c r="CU28" s="114">
        <v>0</v>
      </c>
      <c r="CV28" s="113">
        <v>2040173</v>
      </c>
      <c r="CW28" s="116">
        <v>2040173</v>
      </c>
      <c r="CX28" s="110">
        <v>0</v>
      </c>
      <c r="CY28" s="114">
        <v>0</v>
      </c>
      <c r="CZ28" s="113">
        <v>0</v>
      </c>
      <c r="DA28" s="110">
        <v>0</v>
      </c>
      <c r="DB28" s="114">
        <v>100759</v>
      </c>
      <c r="DC28" s="114">
        <v>93236</v>
      </c>
      <c r="DD28" s="114">
        <v>465767</v>
      </c>
      <c r="DE28" s="114">
        <v>315124</v>
      </c>
      <c r="DF28" s="114">
        <v>0</v>
      </c>
      <c r="DG28" s="113">
        <v>974886</v>
      </c>
      <c r="DH28" s="116">
        <v>974886</v>
      </c>
      <c r="DI28" s="110">
        <v>0</v>
      </c>
      <c r="DJ28" s="114">
        <v>0</v>
      </c>
      <c r="DK28" s="112">
        <v>0</v>
      </c>
      <c r="DL28" s="111">
        <v>0</v>
      </c>
      <c r="DM28" s="114">
        <v>75546</v>
      </c>
      <c r="DN28" s="114">
        <v>112553</v>
      </c>
      <c r="DO28" s="114">
        <v>65610</v>
      </c>
      <c r="DP28" s="114">
        <v>69005</v>
      </c>
      <c r="DQ28" s="114">
        <v>0</v>
      </c>
      <c r="DR28" s="113">
        <v>322714</v>
      </c>
      <c r="DS28" s="116">
        <v>322714</v>
      </c>
      <c r="DT28" s="110">
        <v>0</v>
      </c>
      <c r="DU28" s="114">
        <v>0</v>
      </c>
      <c r="DV28" s="113">
        <v>0</v>
      </c>
      <c r="DW28" s="110">
        <v>0</v>
      </c>
      <c r="DX28" s="114">
        <v>75546</v>
      </c>
      <c r="DY28" s="114">
        <v>112553</v>
      </c>
      <c r="DZ28" s="114">
        <v>30056</v>
      </c>
      <c r="EA28" s="114">
        <v>69005</v>
      </c>
      <c r="EB28" s="114">
        <v>0</v>
      </c>
      <c r="EC28" s="113">
        <v>287160</v>
      </c>
      <c r="ED28" s="116">
        <v>287160</v>
      </c>
      <c r="EE28" s="110">
        <v>0</v>
      </c>
      <c r="EF28" s="112">
        <v>0</v>
      </c>
      <c r="EG28" s="113">
        <v>0</v>
      </c>
      <c r="EH28" s="110">
        <v>0</v>
      </c>
      <c r="EI28" s="114">
        <v>0</v>
      </c>
      <c r="EJ28" s="114">
        <v>0</v>
      </c>
      <c r="EK28" s="114">
        <v>35554</v>
      </c>
      <c r="EL28" s="114">
        <v>0</v>
      </c>
      <c r="EM28" s="114">
        <v>0</v>
      </c>
      <c r="EN28" s="112">
        <v>35554</v>
      </c>
      <c r="EO28" s="116">
        <v>35554</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5"/>
      <c r="FE28" s="114">
        <v>0</v>
      </c>
      <c r="FF28" s="114">
        <v>0</v>
      </c>
      <c r="FG28" s="114">
        <v>0</v>
      </c>
      <c r="FH28" s="114">
        <v>0</v>
      </c>
      <c r="FI28" s="114">
        <v>0</v>
      </c>
      <c r="FJ28" s="113">
        <v>0</v>
      </c>
      <c r="FK28" s="116">
        <v>0</v>
      </c>
      <c r="FL28" s="110">
        <v>63504</v>
      </c>
      <c r="FM28" s="114">
        <v>17808</v>
      </c>
      <c r="FN28" s="113">
        <v>81312</v>
      </c>
      <c r="FO28" s="110">
        <v>0</v>
      </c>
      <c r="FP28" s="114">
        <v>174951</v>
      </c>
      <c r="FQ28" s="114">
        <v>206451</v>
      </c>
      <c r="FR28" s="114">
        <v>140658</v>
      </c>
      <c r="FS28" s="114">
        <v>160797</v>
      </c>
      <c r="FT28" s="114">
        <v>75670</v>
      </c>
      <c r="FU28" s="113">
        <v>758527</v>
      </c>
      <c r="FV28" s="116">
        <v>839839</v>
      </c>
      <c r="FW28" s="115">
        <v>12684</v>
      </c>
      <c r="FX28" s="114">
        <v>17808</v>
      </c>
      <c r="FY28" s="112">
        <v>30492</v>
      </c>
      <c r="FZ28" s="111">
        <v>0</v>
      </c>
      <c r="GA28" s="114">
        <v>81151</v>
      </c>
      <c r="GB28" s="114">
        <v>198121</v>
      </c>
      <c r="GC28" s="114">
        <v>110558</v>
      </c>
      <c r="GD28" s="114">
        <v>138621</v>
      </c>
      <c r="GE28" s="114">
        <v>75670</v>
      </c>
      <c r="GF28" s="113">
        <v>604121</v>
      </c>
      <c r="GG28" s="316">
        <v>634613</v>
      </c>
      <c r="GH28" s="115">
        <v>0</v>
      </c>
      <c r="GI28" s="114">
        <v>0</v>
      </c>
      <c r="GJ28" s="112">
        <v>0</v>
      </c>
      <c r="GK28" s="111">
        <v>0</v>
      </c>
      <c r="GL28" s="114">
        <v>0</v>
      </c>
      <c r="GM28" s="114">
        <v>8330</v>
      </c>
      <c r="GN28" s="114">
        <v>0</v>
      </c>
      <c r="GO28" s="114">
        <v>22176</v>
      </c>
      <c r="GP28" s="114">
        <v>0</v>
      </c>
      <c r="GQ28" s="113">
        <v>30506</v>
      </c>
      <c r="GR28" s="116">
        <v>30506</v>
      </c>
      <c r="GS28" s="110">
        <v>50820</v>
      </c>
      <c r="GT28" s="114">
        <v>0</v>
      </c>
      <c r="GU28" s="113">
        <v>50820</v>
      </c>
      <c r="GV28" s="110">
        <v>0</v>
      </c>
      <c r="GW28" s="114">
        <v>93800</v>
      </c>
      <c r="GX28" s="114">
        <v>0</v>
      </c>
      <c r="GY28" s="114">
        <v>30100</v>
      </c>
      <c r="GZ28" s="114">
        <v>0</v>
      </c>
      <c r="HA28" s="114">
        <v>0</v>
      </c>
      <c r="HB28" s="112">
        <v>123900</v>
      </c>
      <c r="HC28" s="116">
        <v>174720</v>
      </c>
      <c r="HD28" s="110">
        <v>0</v>
      </c>
      <c r="HE28" s="114">
        <v>0</v>
      </c>
      <c r="HF28" s="112">
        <v>0</v>
      </c>
      <c r="HG28" s="111">
        <v>0</v>
      </c>
      <c r="HH28" s="114">
        <v>424048</v>
      </c>
      <c r="HI28" s="114">
        <v>0</v>
      </c>
      <c r="HJ28" s="114">
        <v>194548</v>
      </c>
      <c r="HK28" s="114">
        <v>2349330</v>
      </c>
      <c r="HL28" s="114">
        <v>942412</v>
      </c>
      <c r="HM28" s="113">
        <v>3910338</v>
      </c>
      <c r="HN28" s="109">
        <v>3910338</v>
      </c>
      <c r="HO28" s="326"/>
      <c r="HP28" s="327"/>
      <c r="HQ28" s="328"/>
      <c r="HR28" s="329"/>
      <c r="HS28" s="327"/>
      <c r="HT28" s="327"/>
      <c r="HU28" s="327"/>
      <c r="HV28" s="327"/>
      <c r="HW28" s="327"/>
      <c r="HX28" s="330"/>
      <c r="HY28" s="331"/>
      <c r="HZ28" s="150">
        <v>0</v>
      </c>
      <c r="IA28" s="135">
        <v>0</v>
      </c>
      <c r="IB28" s="150">
        <v>0</v>
      </c>
      <c r="IC28" s="134">
        <v>0</v>
      </c>
      <c r="ID28" s="135">
        <v>0</v>
      </c>
      <c r="IE28" s="136">
        <v>133993</v>
      </c>
      <c r="IF28" s="137">
        <v>808399</v>
      </c>
      <c r="IG28" s="135">
        <v>408402</v>
      </c>
      <c r="IH28" s="137">
        <v>447559</v>
      </c>
      <c r="II28" s="138">
        <v>1798353</v>
      </c>
      <c r="IJ28" s="150">
        <v>1798353</v>
      </c>
      <c r="IK28" s="232">
        <v>0</v>
      </c>
      <c r="IL28" s="236">
        <v>0</v>
      </c>
      <c r="IM28" s="237">
        <v>0</v>
      </c>
      <c r="IN28" s="140"/>
      <c r="IO28" s="119">
        <v>0</v>
      </c>
      <c r="IP28" s="119">
        <v>0</v>
      </c>
      <c r="IQ28" s="119">
        <v>0</v>
      </c>
      <c r="IR28" s="119">
        <v>0</v>
      </c>
      <c r="IS28" s="119">
        <v>232199</v>
      </c>
      <c r="IT28" s="141">
        <v>232199</v>
      </c>
      <c r="IU28" s="318">
        <v>232199</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0</v>
      </c>
      <c r="JL28" s="119">
        <v>133993</v>
      </c>
      <c r="JM28" s="119">
        <v>130520</v>
      </c>
      <c r="JN28" s="119">
        <v>0</v>
      </c>
      <c r="JO28" s="119">
        <v>215360</v>
      </c>
      <c r="JP28" s="120">
        <v>479873</v>
      </c>
      <c r="JQ28" s="318">
        <v>479873</v>
      </c>
      <c r="JR28" s="142">
        <v>0</v>
      </c>
      <c r="JS28" s="119">
        <v>0</v>
      </c>
      <c r="JT28" s="141">
        <v>0</v>
      </c>
      <c r="JU28" s="118">
        <v>0</v>
      </c>
      <c r="JV28" s="119">
        <v>0</v>
      </c>
      <c r="JW28" s="119">
        <v>0</v>
      </c>
      <c r="JX28" s="119">
        <v>0</v>
      </c>
      <c r="JY28" s="119">
        <v>0</v>
      </c>
      <c r="JZ28" s="119">
        <v>0</v>
      </c>
      <c r="KA28" s="120">
        <v>0</v>
      </c>
      <c r="KB28" s="318">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0</v>
      </c>
      <c r="KS28" s="119">
        <v>0</v>
      </c>
      <c r="KT28" s="119">
        <v>677879</v>
      </c>
      <c r="KU28" s="119">
        <v>408402</v>
      </c>
      <c r="KV28" s="119">
        <v>0</v>
      </c>
      <c r="KW28" s="120">
        <v>1086281</v>
      </c>
      <c r="KX28" s="318">
        <v>1086281</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18">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0</v>
      </c>
      <c r="ML28" s="119">
        <v>437443</v>
      </c>
      <c r="MM28" s="119">
        <v>1328072</v>
      </c>
      <c r="MN28" s="119">
        <v>1329989</v>
      </c>
      <c r="MO28" s="120">
        <v>3095504</v>
      </c>
      <c r="MP28" s="143">
        <v>3095504</v>
      </c>
      <c r="MQ28" s="142">
        <v>0</v>
      </c>
      <c r="MR28" s="119">
        <v>0</v>
      </c>
      <c r="MS28" s="120">
        <v>0</v>
      </c>
      <c r="MT28" s="145"/>
      <c r="MU28" s="119">
        <v>0</v>
      </c>
      <c r="MV28" s="119">
        <v>0</v>
      </c>
      <c r="MW28" s="119">
        <v>214058</v>
      </c>
      <c r="MX28" s="119">
        <v>499210</v>
      </c>
      <c r="MY28" s="119">
        <v>475182</v>
      </c>
      <c r="MZ28" s="120">
        <v>1188450</v>
      </c>
      <c r="NA28" s="143">
        <v>1188450</v>
      </c>
      <c r="NB28" s="142">
        <v>0</v>
      </c>
      <c r="NC28" s="119">
        <v>0</v>
      </c>
      <c r="ND28" s="120">
        <v>0</v>
      </c>
      <c r="NE28" s="145"/>
      <c r="NF28" s="119">
        <v>0</v>
      </c>
      <c r="NG28" s="119">
        <v>0</v>
      </c>
      <c r="NH28" s="119">
        <v>223385</v>
      </c>
      <c r="NI28" s="119">
        <v>575126</v>
      </c>
      <c r="NJ28" s="119">
        <v>528778</v>
      </c>
      <c r="NK28" s="120">
        <v>1327289</v>
      </c>
      <c r="NL28" s="318">
        <v>1327289</v>
      </c>
      <c r="NM28" s="142">
        <v>0</v>
      </c>
      <c r="NN28" s="119">
        <v>0</v>
      </c>
      <c r="NO28" s="120">
        <v>0</v>
      </c>
      <c r="NP28" s="145"/>
      <c r="NQ28" s="119">
        <v>0</v>
      </c>
      <c r="NR28" s="119">
        <v>0</v>
      </c>
      <c r="NS28" s="119">
        <v>0</v>
      </c>
      <c r="NT28" s="119">
        <v>253736</v>
      </c>
      <c r="NU28" s="119">
        <v>0</v>
      </c>
      <c r="NV28" s="120">
        <v>253736</v>
      </c>
      <c r="NW28" s="121">
        <v>253736</v>
      </c>
      <c r="NX28" s="142">
        <v>0</v>
      </c>
      <c r="NY28" s="119">
        <v>0</v>
      </c>
      <c r="NZ28" s="120">
        <v>0</v>
      </c>
      <c r="OA28" s="145"/>
      <c r="OB28" s="119">
        <v>0</v>
      </c>
      <c r="OC28" s="119">
        <v>0</v>
      </c>
      <c r="OD28" s="119">
        <v>0</v>
      </c>
      <c r="OE28" s="119">
        <v>0</v>
      </c>
      <c r="OF28" s="119">
        <v>326029</v>
      </c>
      <c r="OG28" s="120">
        <v>326029</v>
      </c>
      <c r="OH28" s="121">
        <v>326029</v>
      </c>
      <c r="OI28" s="142">
        <v>132555</v>
      </c>
      <c r="OJ28" s="119">
        <v>149844</v>
      </c>
      <c r="OK28" s="141">
        <v>282399</v>
      </c>
      <c r="OL28" s="118">
        <v>0</v>
      </c>
      <c r="OM28" s="119">
        <v>1338339</v>
      </c>
      <c r="ON28" s="119">
        <v>1923706</v>
      </c>
      <c r="OO28" s="119">
        <v>3188975</v>
      </c>
      <c r="OP28" s="119">
        <v>5571791</v>
      </c>
      <c r="OQ28" s="119">
        <v>3041198</v>
      </c>
      <c r="OR28" s="120">
        <v>15064009</v>
      </c>
      <c r="OS28" s="143">
        <v>15346408</v>
      </c>
    </row>
    <row r="29" spans="2:409" ht="21" customHeight="1" x14ac:dyDescent="0.2">
      <c r="B29" s="126" t="s">
        <v>24</v>
      </c>
      <c r="C29" s="110">
        <v>178535</v>
      </c>
      <c r="D29" s="114">
        <v>472708</v>
      </c>
      <c r="E29" s="113">
        <v>651243</v>
      </c>
      <c r="F29" s="109">
        <v>0</v>
      </c>
      <c r="G29" s="114">
        <v>2039683</v>
      </c>
      <c r="H29" s="114">
        <v>2282020</v>
      </c>
      <c r="I29" s="114">
        <v>2082398</v>
      </c>
      <c r="J29" s="114">
        <v>1356079</v>
      </c>
      <c r="K29" s="114">
        <v>3065369</v>
      </c>
      <c r="L29" s="173">
        <v>10825549</v>
      </c>
      <c r="M29" s="116">
        <v>11476792</v>
      </c>
      <c r="N29" s="110">
        <v>43145</v>
      </c>
      <c r="O29" s="114">
        <v>155346</v>
      </c>
      <c r="P29" s="113">
        <v>198491</v>
      </c>
      <c r="Q29" s="110">
        <v>0</v>
      </c>
      <c r="R29" s="114">
        <v>492910</v>
      </c>
      <c r="S29" s="114">
        <v>366370</v>
      </c>
      <c r="T29" s="114">
        <v>1022130</v>
      </c>
      <c r="U29" s="114">
        <v>436606</v>
      </c>
      <c r="V29" s="114">
        <v>1506789</v>
      </c>
      <c r="W29" s="113">
        <v>3824805</v>
      </c>
      <c r="X29" s="116">
        <v>4023296</v>
      </c>
      <c r="Y29" s="110">
        <v>0</v>
      </c>
      <c r="Z29" s="114">
        <v>0</v>
      </c>
      <c r="AA29" s="113">
        <v>0</v>
      </c>
      <c r="AB29" s="110">
        <v>0</v>
      </c>
      <c r="AC29" s="114">
        <v>196696</v>
      </c>
      <c r="AD29" s="114">
        <v>211255</v>
      </c>
      <c r="AE29" s="114">
        <v>663337</v>
      </c>
      <c r="AF29" s="114">
        <v>213774</v>
      </c>
      <c r="AG29" s="114">
        <v>976964</v>
      </c>
      <c r="AH29" s="113">
        <v>2262026</v>
      </c>
      <c r="AI29" s="116">
        <v>2262026</v>
      </c>
      <c r="AJ29" s="110">
        <v>0</v>
      </c>
      <c r="AK29" s="114">
        <v>0</v>
      </c>
      <c r="AL29" s="113">
        <v>0</v>
      </c>
      <c r="AM29" s="110">
        <v>0</v>
      </c>
      <c r="AN29" s="114">
        <v>0</v>
      </c>
      <c r="AO29" s="114">
        <v>0</v>
      </c>
      <c r="AP29" s="114">
        <v>0</v>
      </c>
      <c r="AQ29" s="114">
        <v>0</v>
      </c>
      <c r="AR29" s="114">
        <v>199049</v>
      </c>
      <c r="AS29" s="113">
        <v>199049</v>
      </c>
      <c r="AT29" s="116">
        <v>199049</v>
      </c>
      <c r="AU29" s="110">
        <v>9846</v>
      </c>
      <c r="AV29" s="114">
        <v>133408</v>
      </c>
      <c r="AW29" s="113">
        <v>143254</v>
      </c>
      <c r="AX29" s="110">
        <v>0</v>
      </c>
      <c r="AY29" s="114">
        <v>197164</v>
      </c>
      <c r="AZ29" s="114">
        <v>37830</v>
      </c>
      <c r="BA29" s="114">
        <v>265819</v>
      </c>
      <c r="BB29" s="114">
        <v>142619</v>
      </c>
      <c r="BC29" s="114">
        <v>142166</v>
      </c>
      <c r="BD29" s="113">
        <v>785598</v>
      </c>
      <c r="BE29" s="116">
        <v>928852</v>
      </c>
      <c r="BF29" s="110">
        <v>0</v>
      </c>
      <c r="BG29" s="114">
        <v>0</v>
      </c>
      <c r="BH29" s="112">
        <v>0</v>
      </c>
      <c r="BI29" s="111">
        <v>0</v>
      </c>
      <c r="BJ29" s="114">
        <v>0</v>
      </c>
      <c r="BK29" s="114">
        <v>0</v>
      </c>
      <c r="BL29" s="114">
        <v>0</v>
      </c>
      <c r="BM29" s="114">
        <v>0</v>
      </c>
      <c r="BN29" s="114">
        <v>18993</v>
      </c>
      <c r="BO29" s="113">
        <v>18993</v>
      </c>
      <c r="BP29" s="116">
        <v>18993</v>
      </c>
      <c r="BQ29" s="110">
        <v>33299</v>
      </c>
      <c r="BR29" s="114">
        <v>21938</v>
      </c>
      <c r="BS29" s="113">
        <v>55237</v>
      </c>
      <c r="BT29" s="110">
        <v>0</v>
      </c>
      <c r="BU29" s="114">
        <v>99050</v>
      </c>
      <c r="BV29" s="114">
        <v>117285</v>
      </c>
      <c r="BW29" s="114">
        <v>92974</v>
      </c>
      <c r="BX29" s="114">
        <v>80213</v>
      </c>
      <c r="BY29" s="114">
        <v>169617</v>
      </c>
      <c r="BZ29" s="113">
        <v>559139</v>
      </c>
      <c r="CA29" s="116">
        <v>614376</v>
      </c>
      <c r="CB29" s="110">
        <v>17874</v>
      </c>
      <c r="CC29" s="114">
        <v>0</v>
      </c>
      <c r="CD29" s="113">
        <v>17874</v>
      </c>
      <c r="CE29" s="110">
        <v>0</v>
      </c>
      <c r="CF29" s="114">
        <v>586678</v>
      </c>
      <c r="CG29" s="114">
        <v>607484</v>
      </c>
      <c r="CH29" s="114">
        <v>324729</v>
      </c>
      <c r="CI29" s="114">
        <v>68166</v>
      </c>
      <c r="CJ29" s="114">
        <v>466103</v>
      </c>
      <c r="CK29" s="113">
        <v>2053160</v>
      </c>
      <c r="CL29" s="116">
        <v>2071034</v>
      </c>
      <c r="CM29" s="110">
        <v>0</v>
      </c>
      <c r="CN29" s="114">
        <v>0</v>
      </c>
      <c r="CO29" s="113">
        <v>0</v>
      </c>
      <c r="CP29" s="111">
        <v>0</v>
      </c>
      <c r="CQ29" s="114">
        <v>449494</v>
      </c>
      <c r="CR29" s="114">
        <v>252668</v>
      </c>
      <c r="CS29" s="114">
        <v>238542</v>
      </c>
      <c r="CT29" s="114">
        <v>68166</v>
      </c>
      <c r="CU29" s="114">
        <v>170496</v>
      </c>
      <c r="CV29" s="113">
        <v>1179366</v>
      </c>
      <c r="CW29" s="116">
        <v>1179366</v>
      </c>
      <c r="CX29" s="110">
        <v>17874</v>
      </c>
      <c r="CY29" s="114">
        <v>0</v>
      </c>
      <c r="CZ29" s="113">
        <v>17874</v>
      </c>
      <c r="DA29" s="110">
        <v>0</v>
      </c>
      <c r="DB29" s="114">
        <v>137184</v>
      </c>
      <c r="DC29" s="114">
        <v>354816</v>
      </c>
      <c r="DD29" s="114">
        <v>86187</v>
      </c>
      <c r="DE29" s="114">
        <v>0</v>
      </c>
      <c r="DF29" s="114">
        <v>295607</v>
      </c>
      <c r="DG29" s="113">
        <v>873794</v>
      </c>
      <c r="DH29" s="116">
        <v>891668</v>
      </c>
      <c r="DI29" s="110">
        <v>0</v>
      </c>
      <c r="DJ29" s="114">
        <v>0</v>
      </c>
      <c r="DK29" s="112">
        <v>0</v>
      </c>
      <c r="DL29" s="111">
        <v>0</v>
      </c>
      <c r="DM29" s="114">
        <v>71351</v>
      </c>
      <c r="DN29" s="114">
        <v>85722</v>
      </c>
      <c r="DO29" s="114">
        <v>61918</v>
      </c>
      <c r="DP29" s="114">
        <v>25676</v>
      </c>
      <c r="DQ29" s="114">
        <v>67891</v>
      </c>
      <c r="DR29" s="113">
        <v>312558</v>
      </c>
      <c r="DS29" s="116">
        <v>312558</v>
      </c>
      <c r="DT29" s="110">
        <v>0</v>
      </c>
      <c r="DU29" s="114">
        <v>0</v>
      </c>
      <c r="DV29" s="113">
        <v>0</v>
      </c>
      <c r="DW29" s="110">
        <v>0</v>
      </c>
      <c r="DX29" s="114">
        <v>71351</v>
      </c>
      <c r="DY29" s="114">
        <v>85722</v>
      </c>
      <c r="DZ29" s="114">
        <v>61918</v>
      </c>
      <c r="EA29" s="114">
        <v>25676</v>
      </c>
      <c r="EB29" s="114">
        <v>67891</v>
      </c>
      <c r="EC29" s="113">
        <v>312558</v>
      </c>
      <c r="ED29" s="116">
        <v>312558</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5"/>
      <c r="FE29" s="114">
        <v>0</v>
      </c>
      <c r="FF29" s="114">
        <v>0</v>
      </c>
      <c r="FG29" s="114">
        <v>0</v>
      </c>
      <c r="FH29" s="114">
        <v>0</v>
      </c>
      <c r="FI29" s="114">
        <v>0</v>
      </c>
      <c r="FJ29" s="113">
        <v>0</v>
      </c>
      <c r="FK29" s="116">
        <v>0</v>
      </c>
      <c r="FL29" s="110">
        <v>22190</v>
      </c>
      <c r="FM29" s="114">
        <v>79366</v>
      </c>
      <c r="FN29" s="113">
        <v>101556</v>
      </c>
      <c r="FO29" s="110">
        <v>0</v>
      </c>
      <c r="FP29" s="114">
        <v>68481</v>
      </c>
      <c r="FQ29" s="114">
        <v>134652</v>
      </c>
      <c r="FR29" s="114">
        <v>138530</v>
      </c>
      <c r="FS29" s="114">
        <v>63315</v>
      </c>
      <c r="FT29" s="114">
        <v>185332</v>
      </c>
      <c r="FU29" s="113">
        <v>590310</v>
      </c>
      <c r="FV29" s="116">
        <v>691866</v>
      </c>
      <c r="FW29" s="115">
        <v>22190</v>
      </c>
      <c r="FX29" s="114">
        <v>35616</v>
      </c>
      <c r="FY29" s="112">
        <v>57806</v>
      </c>
      <c r="FZ29" s="111">
        <v>0</v>
      </c>
      <c r="GA29" s="114">
        <v>51730</v>
      </c>
      <c r="GB29" s="114">
        <v>134652</v>
      </c>
      <c r="GC29" s="114">
        <v>138530</v>
      </c>
      <c r="GD29" s="114">
        <v>63315</v>
      </c>
      <c r="GE29" s="114">
        <v>185332</v>
      </c>
      <c r="GF29" s="113">
        <v>573559</v>
      </c>
      <c r="GG29" s="316">
        <v>631365</v>
      </c>
      <c r="GH29" s="115">
        <v>0</v>
      </c>
      <c r="GI29" s="114">
        <v>0</v>
      </c>
      <c r="GJ29" s="112">
        <v>0</v>
      </c>
      <c r="GK29" s="111">
        <v>0</v>
      </c>
      <c r="GL29" s="114">
        <v>16751</v>
      </c>
      <c r="GM29" s="114">
        <v>0</v>
      </c>
      <c r="GN29" s="114">
        <v>0</v>
      </c>
      <c r="GO29" s="114">
        <v>0</v>
      </c>
      <c r="GP29" s="114">
        <v>0</v>
      </c>
      <c r="GQ29" s="113">
        <v>16751</v>
      </c>
      <c r="GR29" s="116">
        <v>16751</v>
      </c>
      <c r="GS29" s="110">
        <v>0</v>
      </c>
      <c r="GT29" s="114">
        <v>43750</v>
      </c>
      <c r="GU29" s="113">
        <v>43750</v>
      </c>
      <c r="GV29" s="110">
        <v>0</v>
      </c>
      <c r="GW29" s="114">
        <v>0</v>
      </c>
      <c r="GX29" s="114">
        <v>0</v>
      </c>
      <c r="GY29" s="114">
        <v>0</v>
      </c>
      <c r="GZ29" s="114">
        <v>0</v>
      </c>
      <c r="HA29" s="114">
        <v>0</v>
      </c>
      <c r="HB29" s="112">
        <v>0</v>
      </c>
      <c r="HC29" s="116">
        <v>43750</v>
      </c>
      <c r="HD29" s="110">
        <v>95326</v>
      </c>
      <c r="HE29" s="114">
        <v>237996</v>
      </c>
      <c r="HF29" s="112">
        <v>333322</v>
      </c>
      <c r="HG29" s="111">
        <v>0</v>
      </c>
      <c r="HH29" s="114">
        <v>820263</v>
      </c>
      <c r="HI29" s="114">
        <v>1087792</v>
      </c>
      <c r="HJ29" s="114">
        <v>535091</v>
      </c>
      <c r="HK29" s="114">
        <v>762316</v>
      </c>
      <c r="HL29" s="114">
        <v>839254</v>
      </c>
      <c r="HM29" s="113">
        <v>4044716</v>
      </c>
      <c r="HN29" s="109">
        <v>4378038</v>
      </c>
      <c r="HO29" s="326"/>
      <c r="HP29" s="327"/>
      <c r="HQ29" s="328"/>
      <c r="HR29" s="329"/>
      <c r="HS29" s="327"/>
      <c r="HT29" s="327"/>
      <c r="HU29" s="327"/>
      <c r="HV29" s="327"/>
      <c r="HW29" s="327"/>
      <c r="HX29" s="330"/>
      <c r="HY29" s="331"/>
      <c r="HZ29" s="131">
        <v>0</v>
      </c>
      <c r="IA29" s="132">
        <v>0</v>
      </c>
      <c r="IB29" s="133">
        <v>0</v>
      </c>
      <c r="IC29" s="146">
        <v>0</v>
      </c>
      <c r="ID29" s="132">
        <v>267883</v>
      </c>
      <c r="IE29" s="147">
        <v>0</v>
      </c>
      <c r="IF29" s="133">
        <v>670528</v>
      </c>
      <c r="IG29" s="132">
        <v>189329</v>
      </c>
      <c r="IH29" s="133">
        <v>359453</v>
      </c>
      <c r="II29" s="148">
        <v>1487193</v>
      </c>
      <c r="IJ29" s="139">
        <v>1487193</v>
      </c>
      <c r="IK29" s="232">
        <v>0</v>
      </c>
      <c r="IL29" s="236">
        <v>0</v>
      </c>
      <c r="IM29" s="237">
        <v>0</v>
      </c>
      <c r="IN29" s="140"/>
      <c r="IO29" s="119">
        <v>0</v>
      </c>
      <c r="IP29" s="119">
        <v>0</v>
      </c>
      <c r="IQ29" s="119">
        <v>0</v>
      </c>
      <c r="IR29" s="119">
        <v>189329</v>
      </c>
      <c r="IS29" s="119">
        <v>0</v>
      </c>
      <c r="IT29" s="141">
        <v>189329</v>
      </c>
      <c r="IU29" s="318">
        <v>189329</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0</v>
      </c>
      <c r="JM29" s="119">
        <v>0</v>
      </c>
      <c r="JN29" s="119">
        <v>0</v>
      </c>
      <c r="JO29" s="119">
        <v>0</v>
      </c>
      <c r="JP29" s="120">
        <v>0</v>
      </c>
      <c r="JQ29" s="318">
        <v>0</v>
      </c>
      <c r="JR29" s="142">
        <v>0</v>
      </c>
      <c r="JS29" s="119">
        <v>0</v>
      </c>
      <c r="JT29" s="141">
        <v>0</v>
      </c>
      <c r="JU29" s="118">
        <v>0</v>
      </c>
      <c r="JV29" s="119">
        <v>0</v>
      </c>
      <c r="JW29" s="119">
        <v>0</v>
      </c>
      <c r="JX29" s="119">
        <v>98442</v>
      </c>
      <c r="JY29" s="119">
        <v>0</v>
      </c>
      <c r="JZ29" s="119">
        <v>139254</v>
      </c>
      <c r="KA29" s="120">
        <v>237696</v>
      </c>
      <c r="KB29" s="318">
        <v>237696</v>
      </c>
      <c r="KC29" s="234">
        <v>0</v>
      </c>
      <c r="KD29" s="230">
        <v>0</v>
      </c>
      <c r="KE29" s="120">
        <v>0</v>
      </c>
      <c r="KF29" s="118">
        <v>0</v>
      </c>
      <c r="KG29" s="119">
        <v>267883</v>
      </c>
      <c r="KH29" s="119">
        <v>0</v>
      </c>
      <c r="KI29" s="119">
        <v>358078</v>
      </c>
      <c r="KJ29" s="119">
        <v>0</v>
      </c>
      <c r="KK29" s="119">
        <v>0</v>
      </c>
      <c r="KL29" s="120">
        <v>625961</v>
      </c>
      <c r="KM29" s="143">
        <v>625961</v>
      </c>
      <c r="KN29" s="232">
        <v>0</v>
      </c>
      <c r="KO29" s="236">
        <v>0</v>
      </c>
      <c r="KP29" s="237">
        <v>0</v>
      </c>
      <c r="KQ29" s="140"/>
      <c r="KR29" s="119">
        <v>0</v>
      </c>
      <c r="KS29" s="119">
        <v>0</v>
      </c>
      <c r="KT29" s="119">
        <v>214008</v>
      </c>
      <c r="KU29" s="119">
        <v>0</v>
      </c>
      <c r="KV29" s="119">
        <v>220199</v>
      </c>
      <c r="KW29" s="120">
        <v>434207</v>
      </c>
      <c r="KX29" s="318">
        <v>434207</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18">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848693</v>
      </c>
      <c r="MM29" s="119">
        <v>1226058</v>
      </c>
      <c r="MN29" s="119">
        <v>497958</v>
      </c>
      <c r="MO29" s="120">
        <v>2572709</v>
      </c>
      <c r="MP29" s="143">
        <v>2572709</v>
      </c>
      <c r="MQ29" s="142">
        <v>0</v>
      </c>
      <c r="MR29" s="119">
        <v>0</v>
      </c>
      <c r="MS29" s="120">
        <v>0</v>
      </c>
      <c r="MT29" s="145"/>
      <c r="MU29" s="119">
        <v>0</v>
      </c>
      <c r="MV29" s="119">
        <v>0</v>
      </c>
      <c r="MW29" s="119">
        <v>848693</v>
      </c>
      <c r="MX29" s="119">
        <v>698806</v>
      </c>
      <c r="MY29" s="119">
        <v>497958</v>
      </c>
      <c r="MZ29" s="120">
        <v>2045457</v>
      </c>
      <c r="NA29" s="143">
        <v>2045457</v>
      </c>
      <c r="NB29" s="142">
        <v>0</v>
      </c>
      <c r="NC29" s="119">
        <v>0</v>
      </c>
      <c r="ND29" s="120">
        <v>0</v>
      </c>
      <c r="NE29" s="145"/>
      <c r="NF29" s="119">
        <v>0</v>
      </c>
      <c r="NG29" s="119">
        <v>0</v>
      </c>
      <c r="NH29" s="119">
        <v>0</v>
      </c>
      <c r="NI29" s="119">
        <v>527252</v>
      </c>
      <c r="NJ29" s="119">
        <v>0</v>
      </c>
      <c r="NK29" s="120">
        <v>527252</v>
      </c>
      <c r="NL29" s="318">
        <v>527252</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178535</v>
      </c>
      <c r="OJ29" s="119">
        <v>472708</v>
      </c>
      <c r="OK29" s="141">
        <v>651243</v>
      </c>
      <c r="OL29" s="118">
        <v>0</v>
      </c>
      <c r="OM29" s="119">
        <v>2307566</v>
      </c>
      <c r="ON29" s="119">
        <v>2282020</v>
      </c>
      <c r="OO29" s="119">
        <v>3601619</v>
      </c>
      <c r="OP29" s="119">
        <v>2771466</v>
      </c>
      <c r="OQ29" s="119">
        <v>3922780</v>
      </c>
      <c r="OR29" s="120">
        <v>14885451</v>
      </c>
      <c r="OS29" s="143">
        <v>15536694</v>
      </c>
    </row>
    <row r="30" spans="2:409" ht="21" customHeight="1" x14ac:dyDescent="0.2">
      <c r="B30" s="126" t="s">
        <v>25</v>
      </c>
      <c r="C30" s="110">
        <v>48731</v>
      </c>
      <c r="D30" s="114">
        <v>203252</v>
      </c>
      <c r="E30" s="113">
        <v>251983</v>
      </c>
      <c r="F30" s="109">
        <v>0</v>
      </c>
      <c r="G30" s="114">
        <v>457820</v>
      </c>
      <c r="H30" s="114">
        <v>1107416</v>
      </c>
      <c r="I30" s="114">
        <v>1008421</v>
      </c>
      <c r="J30" s="114">
        <v>817878</v>
      </c>
      <c r="K30" s="114">
        <v>967280</v>
      </c>
      <c r="L30" s="173">
        <v>4358815</v>
      </c>
      <c r="M30" s="116">
        <v>4610798</v>
      </c>
      <c r="N30" s="110">
        <v>41493</v>
      </c>
      <c r="O30" s="114">
        <v>89522</v>
      </c>
      <c r="P30" s="113">
        <v>131015</v>
      </c>
      <c r="Q30" s="110">
        <v>0</v>
      </c>
      <c r="R30" s="114">
        <v>193293</v>
      </c>
      <c r="S30" s="114">
        <v>201758</v>
      </c>
      <c r="T30" s="114">
        <v>133403</v>
      </c>
      <c r="U30" s="114">
        <v>166923</v>
      </c>
      <c r="V30" s="114">
        <v>368818</v>
      </c>
      <c r="W30" s="113">
        <v>1064195</v>
      </c>
      <c r="X30" s="116">
        <v>1195210</v>
      </c>
      <c r="Y30" s="110">
        <v>0</v>
      </c>
      <c r="Z30" s="114">
        <v>0</v>
      </c>
      <c r="AA30" s="113">
        <v>0</v>
      </c>
      <c r="AB30" s="110">
        <v>0</v>
      </c>
      <c r="AC30" s="114">
        <v>87545</v>
      </c>
      <c r="AD30" s="114">
        <v>100431</v>
      </c>
      <c r="AE30" s="114">
        <v>38129</v>
      </c>
      <c r="AF30" s="114">
        <v>9010</v>
      </c>
      <c r="AG30" s="114">
        <v>22297</v>
      </c>
      <c r="AH30" s="113">
        <v>257412</v>
      </c>
      <c r="AI30" s="116">
        <v>257412</v>
      </c>
      <c r="AJ30" s="110">
        <v>0</v>
      </c>
      <c r="AK30" s="114">
        <v>0</v>
      </c>
      <c r="AL30" s="113">
        <v>0</v>
      </c>
      <c r="AM30" s="110">
        <v>0</v>
      </c>
      <c r="AN30" s="114">
        <v>0</v>
      </c>
      <c r="AO30" s="114">
        <v>0</v>
      </c>
      <c r="AP30" s="114">
        <v>0</v>
      </c>
      <c r="AQ30" s="114">
        <v>95811</v>
      </c>
      <c r="AR30" s="114">
        <v>187593</v>
      </c>
      <c r="AS30" s="113">
        <v>283404</v>
      </c>
      <c r="AT30" s="116">
        <v>283404</v>
      </c>
      <c r="AU30" s="110">
        <v>24896</v>
      </c>
      <c r="AV30" s="114">
        <v>83264</v>
      </c>
      <c r="AW30" s="113">
        <v>108160</v>
      </c>
      <c r="AX30" s="110">
        <v>0</v>
      </c>
      <c r="AY30" s="114">
        <v>88164</v>
      </c>
      <c r="AZ30" s="114">
        <v>97701</v>
      </c>
      <c r="BA30" s="114">
        <v>80238</v>
      </c>
      <c r="BB30" s="114">
        <v>45904</v>
      </c>
      <c r="BC30" s="114">
        <v>126861</v>
      </c>
      <c r="BD30" s="113">
        <v>438868</v>
      </c>
      <c r="BE30" s="116">
        <v>547028</v>
      </c>
      <c r="BF30" s="110">
        <v>0</v>
      </c>
      <c r="BG30" s="114">
        <v>0</v>
      </c>
      <c r="BH30" s="112">
        <v>0</v>
      </c>
      <c r="BI30" s="111">
        <v>0</v>
      </c>
      <c r="BJ30" s="114">
        <v>0</v>
      </c>
      <c r="BK30" s="114">
        <v>0</v>
      </c>
      <c r="BL30" s="114">
        <v>0</v>
      </c>
      <c r="BM30" s="114">
        <v>0</v>
      </c>
      <c r="BN30" s="114">
        <v>0</v>
      </c>
      <c r="BO30" s="113">
        <v>0</v>
      </c>
      <c r="BP30" s="116">
        <v>0</v>
      </c>
      <c r="BQ30" s="110">
        <v>16597</v>
      </c>
      <c r="BR30" s="114">
        <v>6258</v>
      </c>
      <c r="BS30" s="113">
        <v>22855</v>
      </c>
      <c r="BT30" s="110">
        <v>0</v>
      </c>
      <c r="BU30" s="114">
        <v>17584</v>
      </c>
      <c r="BV30" s="114">
        <v>3626</v>
      </c>
      <c r="BW30" s="114">
        <v>15036</v>
      </c>
      <c r="BX30" s="114">
        <v>16198</v>
      </c>
      <c r="BY30" s="114">
        <v>32067</v>
      </c>
      <c r="BZ30" s="113">
        <v>84511</v>
      </c>
      <c r="CA30" s="116">
        <v>107366</v>
      </c>
      <c r="CB30" s="110">
        <v>0</v>
      </c>
      <c r="CC30" s="114">
        <v>63456</v>
      </c>
      <c r="CD30" s="113">
        <v>63456</v>
      </c>
      <c r="CE30" s="110">
        <v>0</v>
      </c>
      <c r="CF30" s="114">
        <v>178006</v>
      </c>
      <c r="CG30" s="114">
        <v>435569</v>
      </c>
      <c r="CH30" s="114">
        <v>377659</v>
      </c>
      <c r="CI30" s="114">
        <v>128201</v>
      </c>
      <c r="CJ30" s="114">
        <v>118383</v>
      </c>
      <c r="CK30" s="113">
        <v>1237818</v>
      </c>
      <c r="CL30" s="116">
        <v>1301274</v>
      </c>
      <c r="CM30" s="110">
        <v>0</v>
      </c>
      <c r="CN30" s="114">
        <v>0</v>
      </c>
      <c r="CO30" s="113">
        <v>0</v>
      </c>
      <c r="CP30" s="111">
        <v>0</v>
      </c>
      <c r="CQ30" s="114">
        <v>123232</v>
      </c>
      <c r="CR30" s="114">
        <v>103823</v>
      </c>
      <c r="CS30" s="114">
        <v>309120</v>
      </c>
      <c r="CT30" s="114">
        <v>128201</v>
      </c>
      <c r="CU30" s="114">
        <v>0</v>
      </c>
      <c r="CV30" s="113">
        <v>664376</v>
      </c>
      <c r="CW30" s="116">
        <v>664376</v>
      </c>
      <c r="CX30" s="110">
        <v>0</v>
      </c>
      <c r="CY30" s="114">
        <v>63456</v>
      </c>
      <c r="CZ30" s="113">
        <v>63456</v>
      </c>
      <c r="DA30" s="110">
        <v>0</v>
      </c>
      <c r="DB30" s="114">
        <v>54774</v>
      </c>
      <c r="DC30" s="114">
        <v>331746</v>
      </c>
      <c r="DD30" s="114">
        <v>68539</v>
      </c>
      <c r="DE30" s="114">
        <v>0</v>
      </c>
      <c r="DF30" s="114">
        <v>118383</v>
      </c>
      <c r="DG30" s="113">
        <v>573442</v>
      </c>
      <c r="DH30" s="116">
        <v>636898</v>
      </c>
      <c r="DI30" s="110">
        <v>0</v>
      </c>
      <c r="DJ30" s="114">
        <v>0</v>
      </c>
      <c r="DK30" s="112">
        <v>0</v>
      </c>
      <c r="DL30" s="111">
        <v>0</v>
      </c>
      <c r="DM30" s="114">
        <v>68111</v>
      </c>
      <c r="DN30" s="114">
        <v>162092</v>
      </c>
      <c r="DO30" s="114">
        <v>258517</v>
      </c>
      <c r="DP30" s="114">
        <v>22036</v>
      </c>
      <c r="DQ30" s="114">
        <v>96518</v>
      </c>
      <c r="DR30" s="113">
        <v>607274</v>
      </c>
      <c r="DS30" s="116">
        <v>607274</v>
      </c>
      <c r="DT30" s="110">
        <v>0</v>
      </c>
      <c r="DU30" s="114">
        <v>0</v>
      </c>
      <c r="DV30" s="113">
        <v>0</v>
      </c>
      <c r="DW30" s="110">
        <v>0</v>
      </c>
      <c r="DX30" s="114">
        <v>68111</v>
      </c>
      <c r="DY30" s="114">
        <v>133564</v>
      </c>
      <c r="DZ30" s="114">
        <v>258517</v>
      </c>
      <c r="EA30" s="114">
        <v>22036</v>
      </c>
      <c r="EB30" s="114">
        <v>0</v>
      </c>
      <c r="EC30" s="113">
        <v>482228</v>
      </c>
      <c r="ED30" s="116">
        <v>482228</v>
      </c>
      <c r="EE30" s="110">
        <v>0</v>
      </c>
      <c r="EF30" s="112">
        <v>0</v>
      </c>
      <c r="EG30" s="113">
        <v>0</v>
      </c>
      <c r="EH30" s="110">
        <v>0</v>
      </c>
      <c r="EI30" s="114">
        <v>0</v>
      </c>
      <c r="EJ30" s="114">
        <v>28528</v>
      </c>
      <c r="EK30" s="114">
        <v>0</v>
      </c>
      <c r="EL30" s="114">
        <v>0</v>
      </c>
      <c r="EM30" s="114">
        <v>96518</v>
      </c>
      <c r="EN30" s="112">
        <v>125046</v>
      </c>
      <c r="EO30" s="116">
        <v>125046</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5"/>
      <c r="FE30" s="114">
        <v>0</v>
      </c>
      <c r="FF30" s="114">
        <v>0</v>
      </c>
      <c r="FG30" s="114">
        <v>0</v>
      </c>
      <c r="FH30" s="114">
        <v>0</v>
      </c>
      <c r="FI30" s="114">
        <v>0</v>
      </c>
      <c r="FJ30" s="113">
        <v>0</v>
      </c>
      <c r="FK30" s="116">
        <v>0</v>
      </c>
      <c r="FL30" s="110">
        <v>7238</v>
      </c>
      <c r="FM30" s="114">
        <v>50274</v>
      </c>
      <c r="FN30" s="113">
        <v>57512</v>
      </c>
      <c r="FO30" s="110">
        <v>0</v>
      </c>
      <c r="FP30" s="114">
        <v>18410</v>
      </c>
      <c r="FQ30" s="114">
        <v>153944</v>
      </c>
      <c r="FR30" s="114">
        <v>64666</v>
      </c>
      <c r="FS30" s="114">
        <v>125986</v>
      </c>
      <c r="FT30" s="114">
        <v>90195</v>
      </c>
      <c r="FU30" s="113">
        <v>453201</v>
      </c>
      <c r="FV30" s="116">
        <v>510713</v>
      </c>
      <c r="FW30" s="115">
        <v>7238</v>
      </c>
      <c r="FX30" s="114">
        <v>50274</v>
      </c>
      <c r="FY30" s="112">
        <v>57512</v>
      </c>
      <c r="FZ30" s="111">
        <v>0</v>
      </c>
      <c r="GA30" s="114">
        <v>18410</v>
      </c>
      <c r="GB30" s="114">
        <v>153944</v>
      </c>
      <c r="GC30" s="114">
        <v>64666</v>
      </c>
      <c r="GD30" s="114">
        <v>125986</v>
      </c>
      <c r="GE30" s="114">
        <v>90195</v>
      </c>
      <c r="GF30" s="113">
        <v>453201</v>
      </c>
      <c r="GG30" s="316">
        <v>510713</v>
      </c>
      <c r="GH30" s="115">
        <v>0</v>
      </c>
      <c r="GI30" s="114">
        <v>0</v>
      </c>
      <c r="GJ30" s="112">
        <v>0</v>
      </c>
      <c r="GK30" s="111">
        <v>0</v>
      </c>
      <c r="GL30" s="114">
        <v>0</v>
      </c>
      <c r="GM30" s="114">
        <v>0</v>
      </c>
      <c r="GN30" s="114">
        <v>0</v>
      </c>
      <c r="GO30" s="114">
        <v>0</v>
      </c>
      <c r="GP30" s="114">
        <v>0</v>
      </c>
      <c r="GQ30" s="113">
        <v>0</v>
      </c>
      <c r="GR30" s="116">
        <v>0</v>
      </c>
      <c r="GS30" s="110">
        <v>0</v>
      </c>
      <c r="GT30" s="114">
        <v>0</v>
      </c>
      <c r="GU30" s="113">
        <v>0</v>
      </c>
      <c r="GV30" s="110">
        <v>0</v>
      </c>
      <c r="GW30" s="114">
        <v>0</v>
      </c>
      <c r="GX30" s="114">
        <v>0</v>
      </c>
      <c r="GY30" s="114">
        <v>0</v>
      </c>
      <c r="GZ30" s="114">
        <v>0</v>
      </c>
      <c r="HA30" s="114">
        <v>0</v>
      </c>
      <c r="HB30" s="112">
        <v>0</v>
      </c>
      <c r="HC30" s="116">
        <v>0</v>
      </c>
      <c r="HD30" s="110">
        <v>0</v>
      </c>
      <c r="HE30" s="114">
        <v>0</v>
      </c>
      <c r="HF30" s="112">
        <v>0</v>
      </c>
      <c r="HG30" s="111">
        <v>0</v>
      </c>
      <c r="HH30" s="114">
        <v>0</v>
      </c>
      <c r="HI30" s="114">
        <v>154053</v>
      </c>
      <c r="HJ30" s="114">
        <v>174176</v>
      </c>
      <c r="HK30" s="114">
        <v>374732</v>
      </c>
      <c r="HL30" s="114">
        <v>293366</v>
      </c>
      <c r="HM30" s="113">
        <v>996327</v>
      </c>
      <c r="HN30" s="109">
        <v>996327</v>
      </c>
      <c r="HO30" s="326"/>
      <c r="HP30" s="327"/>
      <c r="HQ30" s="328"/>
      <c r="HR30" s="329"/>
      <c r="HS30" s="327"/>
      <c r="HT30" s="327"/>
      <c r="HU30" s="327"/>
      <c r="HV30" s="327"/>
      <c r="HW30" s="327"/>
      <c r="HX30" s="330"/>
      <c r="HY30" s="331"/>
      <c r="HZ30" s="150">
        <v>0</v>
      </c>
      <c r="IA30" s="135">
        <v>0</v>
      </c>
      <c r="IB30" s="150">
        <v>0</v>
      </c>
      <c r="IC30" s="134">
        <v>0</v>
      </c>
      <c r="ID30" s="135">
        <v>318805</v>
      </c>
      <c r="IE30" s="136">
        <v>26450</v>
      </c>
      <c r="IF30" s="137">
        <v>17570</v>
      </c>
      <c r="IG30" s="135">
        <v>0</v>
      </c>
      <c r="IH30" s="137">
        <v>0</v>
      </c>
      <c r="II30" s="138">
        <v>362825</v>
      </c>
      <c r="IJ30" s="150">
        <v>362825</v>
      </c>
      <c r="IK30" s="232">
        <v>0</v>
      </c>
      <c r="IL30" s="236">
        <v>0</v>
      </c>
      <c r="IM30" s="237">
        <v>0</v>
      </c>
      <c r="IN30" s="140"/>
      <c r="IO30" s="119">
        <v>0</v>
      </c>
      <c r="IP30" s="119">
        <v>0</v>
      </c>
      <c r="IQ30" s="119">
        <v>0</v>
      </c>
      <c r="IR30" s="119">
        <v>0</v>
      </c>
      <c r="IS30" s="119">
        <v>0</v>
      </c>
      <c r="IT30" s="141">
        <v>0</v>
      </c>
      <c r="IU30" s="318">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119523</v>
      </c>
      <c r="JL30" s="119">
        <v>26450</v>
      </c>
      <c r="JM30" s="119">
        <v>17570</v>
      </c>
      <c r="JN30" s="119">
        <v>0</v>
      </c>
      <c r="JO30" s="119">
        <v>0</v>
      </c>
      <c r="JP30" s="120">
        <v>163543</v>
      </c>
      <c r="JQ30" s="318">
        <v>163543</v>
      </c>
      <c r="JR30" s="142">
        <v>0</v>
      </c>
      <c r="JS30" s="119">
        <v>0</v>
      </c>
      <c r="JT30" s="141">
        <v>0</v>
      </c>
      <c r="JU30" s="118">
        <v>0</v>
      </c>
      <c r="JV30" s="119">
        <v>0</v>
      </c>
      <c r="JW30" s="119">
        <v>0</v>
      </c>
      <c r="JX30" s="119">
        <v>0</v>
      </c>
      <c r="JY30" s="119">
        <v>0</v>
      </c>
      <c r="JZ30" s="119">
        <v>0</v>
      </c>
      <c r="KA30" s="120">
        <v>0</v>
      </c>
      <c r="KB30" s="318">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199282</v>
      </c>
      <c r="KS30" s="119">
        <v>0</v>
      </c>
      <c r="KT30" s="119">
        <v>0</v>
      </c>
      <c r="KU30" s="119">
        <v>0</v>
      </c>
      <c r="KV30" s="119">
        <v>0</v>
      </c>
      <c r="KW30" s="120">
        <v>199282</v>
      </c>
      <c r="KX30" s="318">
        <v>199282</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18">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366647</v>
      </c>
      <c r="MM30" s="119">
        <v>533826</v>
      </c>
      <c r="MN30" s="119">
        <v>234825</v>
      </c>
      <c r="MO30" s="120">
        <v>1135298</v>
      </c>
      <c r="MP30" s="143">
        <v>1135298</v>
      </c>
      <c r="MQ30" s="142">
        <v>0</v>
      </c>
      <c r="MR30" s="119">
        <v>0</v>
      </c>
      <c r="MS30" s="120">
        <v>0</v>
      </c>
      <c r="MT30" s="145"/>
      <c r="MU30" s="119">
        <v>0</v>
      </c>
      <c r="MV30" s="119">
        <v>0</v>
      </c>
      <c r="MW30" s="119">
        <v>366647</v>
      </c>
      <c r="MX30" s="119">
        <v>217723</v>
      </c>
      <c r="MY30" s="119">
        <v>234825</v>
      </c>
      <c r="MZ30" s="120">
        <v>819195</v>
      </c>
      <c r="NA30" s="143">
        <v>819195</v>
      </c>
      <c r="NB30" s="142">
        <v>0</v>
      </c>
      <c r="NC30" s="119">
        <v>0</v>
      </c>
      <c r="ND30" s="120">
        <v>0</v>
      </c>
      <c r="NE30" s="145"/>
      <c r="NF30" s="119">
        <v>0</v>
      </c>
      <c r="NG30" s="119">
        <v>0</v>
      </c>
      <c r="NH30" s="119">
        <v>0</v>
      </c>
      <c r="NI30" s="119">
        <v>0</v>
      </c>
      <c r="NJ30" s="119">
        <v>0</v>
      </c>
      <c r="NK30" s="120">
        <v>0</v>
      </c>
      <c r="NL30" s="318">
        <v>0</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316103</v>
      </c>
      <c r="OF30" s="119">
        <v>0</v>
      </c>
      <c r="OG30" s="120">
        <v>316103</v>
      </c>
      <c r="OH30" s="121">
        <v>316103</v>
      </c>
      <c r="OI30" s="142">
        <v>48731</v>
      </c>
      <c r="OJ30" s="119">
        <v>203252</v>
      </c>
      <c r="OK30" s="141">
        <v>251983</v>
      </c>
      <c r="OL30" s="118">
        <v>0</v>
      </c>
      <c r="OM30" s="119">
        <v>776625</v>
      </c>
      <c r="ON30" s="119">
        <v>1133866</v>
      </c>
      <c r="OO30" s="119">
        <v>1392638</v>
      </c>
      <c r="OP30" s="119">
        <v>1351704</v>
      </c>
      <c r="OQ30" s="119">
        <v>1202105</v>
      </c>
      <c r="OR30" s="120">
        <v>5856938</v>
      </c>
      <c r="OS30" s="143">
        <v>6108921</v>
      </c>
    </row>
    <row r="31" spans="2:409" ht="21" customHeight="1" x14ac:dyDescent="0.2">
      <c r="B31" s="126" t="s">
        <v>26</v>
      </c>
      <c r="C31" s="110">
        <v>211862</v>
      </c>
      <c r="D31" s="114">
        <v>227890</v>
      </c>
      <c r="E31" s="113">
        <v>439752</v>
      </c>
      <c r="F31" s="109">
        <v>0</v>
      </c>
      <c r="G31" s="114">
        <v>1056407</v>
      </c>
      <c r="H31" s="114">
        <v>1581626</v>
      </c>
      <c r="I31" s="114">
        <v>662328</v>
      </c>
      <c r="J31" s="114">
        <v>930234</v>
      </c>
      <c r="K31" s="114">
        <v>677744</v>
      </c>
      <c r="L31" s="173">
        <v>4908339</v>
      </c>
      <c r="M31" s="116">
        <v>5348091</v>
      </c>
      <c r="N31" s="110">
        <v>61166</v>
      </c>
      <c r="O31" s="114">
        <v>45461</v>
      </c>
      <c r="P31" s="113">
        <v>106627</v>
      </c>
      <c r="Q31" s="110">
        <v>0</v>
      </c>
      <c r="R31" s="114">
        <v>292538</v>
      </c>
      <c r="S31" s="114">
        <v>414584</v>
      </c>
      <c r="T31" s="114">
        <v>231589</v>
      </c>
      <c r="U31" s="114">
        <v>631857</v>
      </c>
      <c r="V31" s="114">
        <v>431605</v>
      </c>
      <c r="W31" s="113">
        <v>2002173</v>
      </c>
      <c r="X31" s="116">
        <v>2108800</v>
      </c>
      <c r="Y31" s="110">
        <v>0</v>
      </c>
      <c r="Z31" s="114">
        <v>0</v>
      </c>
      <c r="AA31" s="113">
        <v>0</v>
      </c>
      <c r="AB31" s="110">
        <v>0</v>
      </c>
      <c r="AC31" s="114">
        <v>60201</v>
      </c>
      <c r="AD31" s="114">
        <v>61189</v>
      </c>
      <c r="AE31" s="114">
        <v>173387</v>
      </c>
      <c r="AF31" s="114">
        <v>382070</v>
      </c>
      <c r="AG31" s="114">
        <v>203413</v>
      </c>
      <c r="AH31" s="113">
        <v>880260</v>
      </c>
      <c r="AI31" s="116">
        <v>880260</v>
      </c>
      <c r="AJ31" s="110">
        <v>0</v>
      </c>
      <c r="AK31" s="114">
        <v>0</v>
      </c>
      <c r="AL31" s="113">
        <v>0</v>
      </c>
      <c r="AM31" s="110">
        <v>0</v>
      </c>
      <c r="AN31" s="114">
        <v>0</v>
      </c>
      <c r="AO31" s="114">
        <v>0</v>
      </c>
      <c r="AP31" s="114">
        <v>0</v>
      </c>
      <c r="AQ31" s="114">
        <v>0</v>
      </c>
      <c r="AR31" s="114">
        <v>42325</v>
      </c>
      <c r="AS31" s="113">
        <v>42325</v>
      </c>
      <c r="AT31" s="116">
        <v>42325</v>
      </c>
      <c r="AU31" s="110">
        <v>0</v>
      </c>
      <c r="AV31" s="114">
        <v>24069</v>
      </c>
      <c r="AW31" s="113">
        <v>24069</v>
      </c>
      <c r="AX31" s="110">
        <v>0</v>
      </c>
      <c r="AY31" s="114">
        <v>210686</v>
      </c>
      <c r="AZ31" s="114">
        <v>215265</v>
      </c>
      <c r="BA31" s="114">
        <v>55556</v>
      </c>
      <c r="BB31" s="114">
        <v>207283</v>
      </c>
      <c r="BC31" s="114">
        <v>154297</v>
      </c>
      <c r="BD31" s="113">
        <v>843087</v>
      </c>
      <c r="BE31" s="116">
        <v>867156</v>
      </c>
      <c r="BF31" s="110">
        <v>0</v>
      </c>
      <c r="BG31" s="114">
        <v>0</v>
      </c>
      <c r="BH31" s="112">
        <v>0</v>
      </c>
      <c r="BI31" s="111">
        <v>0</v>
      </c>
      <c r="BJ31" s="114">
        <v>0</v>
      </c>
      <c r="BK31" s="114">
        <v>62215</v>
      </c>
      <c r="BL31" s="114">
        <v>0</v>
      </c>
      <c r="BM31" s="114">
        <v>0</v>
      </c>
      <c r="BN31" s="114">
        <v>0</v>
      </c>
      <c r="BO31" s="113">
        <v>62215</v>
      </c>
      <c r="BP31" s="116">
        <v>62215</v>
      </c>
      <c r="BQ31" s="110">
        <v>61166</v>
      </c>
      <c r="BR31" s="114">
        <v>21392</v>
      </c>
      <c r="BS31" s="113">
        <v>82558</v>
      </c>
      <c r="BT31" s="110">
        <v>0</v>
      </c>
      <c r="BU31" s="114">
        <v>21651</v>
      </c>
      <c r="BV31" s="114">
        <v>75915</v>
      </c>
      <c r="BW31" s="114">
        <v>2646</v>
      </c>
      <c r="BX31" s="114">
        <v>42504</v>
      </c>
      <c r="BY31" s="114">
        <v>31570</v>
      </c>
      <c r="BZ31" s="113">
        <v>174286</v>
      </c>
      <c r="CA31" s="116">
        <v>256844</v>
      </c>
      <c r="CB31" s="110">
        <v>0</v>
      </c>
      <c r="CC31" s="114">
        <v>31953</v>
      </c>
      <c r="CD31" s="113">
        <v>31953</v>
      </c>
      <c r="CE31" s="110">
        <v>0</v>
      </c>
      <c r="CF31" s="114">
        <v>338113</v>
      </c>
      <c r="CG31" s="114">
        <v>264168</v>
      </c>
      <c r="CH31" s="114">
        <v>332483</v>
      </c>
      <c r="CI31" s="114">
        <v>112340</v>
      </c>
      <c r="CJ31" s="114">
        <v>0</v>
      </c>
      <c r="CK31" s="113">
        <v>1047104</v>
      </c>
      <c r="CL31" s="116">
        <v>1079057</v>
      </c>
      <c r="CM31" s="110">
        <v>0</v>
      </c>
      <c r="CN31" s="114">
        <v>0</v>
      </c>
      <c r="CO31" s="113">
        <v>0</v>
      </c>
      <c r="CP31" s="111">
        <v>0</v>
      </c>
      <c r="CQ31" s="114">
        <v>204463</v>
      </c>
      <c r="CR31" s="114">
        <v>105514</v>
      </c>
      <c r="CS31" s="114">
        <v>258468</v>
      </c>
      <c r="CT31" s="114">
        <v>112340</v>
      </c>
      <c r="CU31" s="114">
        <v>0</v>
      </c>
      <c r="CV31" s="113">
        <v>680785</v>
      </c>
      <c r="CW31" s="116">
        <v>680785</v>
      </c>
      <c r="CX31" s="110">
        <v>0</v>
      </c>
      <c r="CY31" s="114">
        <v>31953</v>
      </c>
      <c r="CZ31" s="113">
        <v>31953</v>
      </c>
      <c r="DA31" s="110">
        <v>0</v>
      </c>
      <c r="DB31" s="114">
        <v>133650</v>
      </c>
      <c r="DC31" s="114">
        <v>158654</v>
      </c>
      <c r="DD31" s="114">
        <v>74015</v>
      </c>
      <c r="DE31" s="114">
        <v>0</v>
      </c>
      <c r="DF31" s="114">
        <v>0</v>
      </c>
      <c r="DG31" s="113">
        <v>366319</v>
      </c>
      <c r="DH31" s="116">
        <v>398272</v>
      </c>
      <c r="DI31" s="110">
        <v>0</v>
      </c>
      <c r="DJ31" s="114">
        <v>0</v>
      </c>
      <c r="DK31" s="112">
        <v>0</v>
      </c>
      <c r="DL31" s="111">
        <v>0</v>
      </c>
      <c r="DM31" s="114">
        <v>120199</v>
      </c>
      <c r="DN31" s="114">
        <v>16261</v>
      </c>
      <c r="DO31" s="114">
        <v>59588</v>
      </c>
      <c r="DP31" s="114">
        <v>91782</v>
      </c>
      <c r="DQ31" s="114">
        <v>0</v>
      </c>
      <c r="DR31" s="113">
        <v>287830</v>
      </c>
      <c r="DS31" s="116">
        <v>287830</v>
      </c>
      <c r="DT31" s="110">
        <v>0</v>
      </c>
      <c r="DU31" s="114">
        <v>0</v>
      </c>
      <c r="DV31" s="113">
        <v>0</v>
      </c>
      <c r="DW31" s="110">
        <v>0</v>
      </c>
      <c r="DX31" s="114">
        <v>0</v>
      </c>
      <c r="DY31" s="114">
        <v>16261</v>
      </c>
      <c r="DZ31" s="114">
        <v>59588</v>
      </c>
      <c r="EA31" s="114">
        <v>91782</v>
      </c>
      <c r="EB31" s="114">
        <v>0</v>
      </c>
      <c r="EC31" s="113">
        <v>167631</v>
      </c>
      <c r="ED31" s="116">
        <v>167631</v>
      </c>
      <c r="EE31" s="110">
        <v>0</v>
      </c>
      <c r="EF31" s="112">
        <v>0</v>
      </c>
      <c r="EG31" s="113">
        <v>0</v>
      </c>
      <c r="EH31" s="110">
        <v>0</v>
      </c>
      <c r="EI31" s="114">
        <v>120199</v>
      </c>
      <c r="EJ31" s="114">
        <v>0</v>
      </c>
      <c r="EK31" s="114">
        <v>0</v>
      </c>
      <c r="EL31" s="114">
        <v>0</v>
      </c>
      <c r="EM31" s="114">
        <v>0</v>
      </c>
      <c r="EN31" s="112">
        <v>120199</v>
      </c>
      <c r="EO31" s="116">
        <v>120199</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5"/>
      <c r="FE31" s="114">
        <v>0</v>
      </c>
      <c r="FF31" s="114">
        <v>0</v>
      </c>
      <c r="FG31" s="114">
        <v>0</v>
      </c>
      <c r="FH31" s="114">
        <v>0</v>
      </c>
      <c r="FI31" s="114">
        <v>0</v>
      </c>
      <c r="FJ31" s="113">
        <v>0</v>
      </c>
      <c r="FK31" s="116">
        <v>0</v>
      </c>
      <c r="FL31" s="110">
        <v>5950</v>
      </c>
      <c r="FM31" s="114">
        <v>71050</v>
      </c>
      <c r="FN31" s="113">
        <v>77000</v>
      </c>
      <c r="FO31" s="110">
        <v>0</v>
      </c>
      <c r="FP31" s="114">
        <v>25690</v>
      </c>
      <c r="FQ31" s="114">
        <v>136248</v>
      </c>
      <c r="FR31" s="114">
        <v>38668</v>
      </c>
      <c r="FS31" s="114">
        <v>94255</v>
      </c>
      <c r="FT31" s="114">
        <v>43022</v>
      </c>
      <c r="FU31" s="113">
        <v>337883</v>
      </c>
      <c r="FV31" s="116">
        <v>414883</v>
      </c>
      <c r="FW31" s="115">
        <v>5950</v>
      </c>
      <c r="FX31" s="114">
        <v>16380</v>
      </c>
      <c r="FY31" s="112">
        <v>22330</v>
      </c>
      <c r="FZ31" s="111">
        <v>0</v>
      </c>
      <c r="GA31" s="114">
        <v>25690</v>
      </c>
      <c r="GB31" s="114">
        <v>88046</v>
      </c>
      <c r="GC31" s="114">
        <v>38668</v>
      </c>
      <c r="GD31" s="114">
        <v>94255</v>
      </c>
      <c r="GE31" s="114">
        <v>43022</v>
      </c>
      <c r="GF31" s="113">
        <v>289681</v>
      </c>
      <c r="GG31" s="316">
        <v>312011</v>
      </c>
      <c r="GH31" s="115">
        <v>0</v>
      </c>
      <c r="GI31" s="114">
        <v>0</v>
      </c>
      <c r="GJ31" s="112">
        <v>0</v>
      </c>
      <c r="GK31" s="111">
        <v>0</v>
      </c>
      <c r="GL31" s="114">
        <v>0</v>
      </c>
      <c r="GM31" s="114">
        <v>0</v>
      </c>
      <c r="GN31" s="114">
        <v>0</v>
      </c>
      <c r="GO31" s="114">
        <v>0</v>
      </c>
      <c r="GP31" s="114">
        <v>0</v>
      </c>
      <c r="GQ31" s="113">
        <v>0</v>
      </c>
      <c r="GR31" s="116">
        <v>0</v>
      </c>
      <c r="GS31" s="110">
        <v>0</v>
      </c>
      <c r="GT31" s="114">
        <v>54670</v>
      </c>
      <c r="GU31" s="113">
        <v>54670</v>
      </c>
      <c r="GV31" s="110">
        <v>0</v>
      </c>
      <c r="GW31" s="114">
        <v>0</v>
      </c>
      <c r="GX31" s="114">
        <v>48202</v>
      </c>
      <c r="GY31" s="114">
        <v>0</v>
      </c>
      <c r="GZ31" s="114">
        <v>0</v>
      </c>
      <c r="HA31" s="114">
        <v>0</v>
      </c>
      <c r="HB31" s="112">
        <v>48202</v>
      </c>
      <c r="HC31" s="116">
        <v>102872</v>
      </c>
      <c r="HD31" s="110">
        <v>144746</v>
      </c>
      <c r="HE31" s="114">
        <v>79426</v>
      </c>
      <c r="HF31" s="112">
        <v>224172</v>
      </c>
      <c r="HG31" s="111">
        <v>0</v>
      </c>
      <c r="HH31" s="114">
        <v>279867</v>
      </c>
      <c r="HI31" s="114">
        <v>750365</v>
      </c>
      <c r="HJ31" s="114">
        <v>0</v>
      </c>
      <c r="HK31" s="114">
        <v>0</v>
      </c>
      <c r="HL31" s="114">
        <v>203117</v>
      </c>
      <c r="HM31" s="113">
        <v>1233349</v>
      </c>
      <c r="HN31" s="109">
        <v>1457521</v>
      </c>
      <c r="HO31" s="326"/>
      <c r="HP31" s="327"/>
      <c r="HQ31" s="328"/>
      <c r="HR31" s="329"/>
      <c r="HS31" s="327"/>
      <c r="HT31" s="327"/>
      <c r="HU31" s="327"/>
      <c r="HV31" s="327"/>
      <c r="HW31" s="327"/>
      <c r="HX31" s="330"/>
      <c r="HY31" s="331"/>
      <c r="HZ31" s="131">
        <v>0</v>
      </c>
      <c r="IA31" s="132">
        <v>0</v>
      </c>
      <c r="IB31" s="133">
        <v>0</v>
      </c>
      <c r="IC31" s="146">
        <v>0</v>
      </c>
      <c r="ID31" s="132">
        <v>190485</v>
      </c>
      <c r="IE31" s="147">
        <v>95555</v>
      </c>
      <c r="IF31" s="133">
        <v>235353</v>
      </c>
      <c r="IG31" s="132">
        <v>444753</v>
      </c>
      <c r="IH31" s="133">
        <v>0</v>
      </c>
      <c r="II31" s="148">
        <v>966146</v>
      </c>
      <c r="IJ31" s="139">
        <v>966146</v>
      </c>
      <c r="IK31" s="232">
        <v>0</v>
      </c>
      <c r="IL31" s="236">
        <v>0</v>
      </c>
      <c r="IM31" s="237">
        <v>0</v>
      </c>
      <c r="IN31" s="140"/>
      <c r="IO31" s="119">
        <v>0</v>
      </c>
      <c r="IP31" s="119">
        <v>0</v>
      </c>
      <c r="IQ31" s="119">
        <v>0</v>
      </c>
      <c r="IR31" s="119">
        <v>0</v>
      </c>
      <c r="IS31" s="119">
        <v>0</v>
      </c>
      <c r="IT31" s="141">
        <v>0</v>
      </c>
      <c r="IU31" s="318">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82462</v>
      </c>
      <c r="JL31" s="119">
        <v>95555</v>
      </c>
      <c r="JM31" s="119">
        <v>18267</v>
      </c>
      <c r="JN31" s="119">
        <v>0</v>
      </c>
      <c r="JO31" s="119">
        <v>0</v>
      </c>
      <c r="JP31" s="120">
        <v>196284</v>
      </c>
      <c r="JQ31" s="318">
        <v>196284</v>
      </c>
      <c r="JR31" s="142">
        <v>0</v>
      </c>
      <c r="JS31" s="119">
        <v>0</v>
      </c>
      <c r="JT31" s="141">
        <v>0</v>
      </c>
      <c r="JU31" s="118">
        <v>0</v>
      </c>
      <c r="JV31" s="119">
        <v>0</v>
      </c>
      <c r="JW31" s="119">
        <v>0</v>
      </c>
      <c r="JX31" s="119">
        <v>0</v>
      </c>
      <c r="JY31" s="119">
        <v>0</v>
      </c>
      <c r="JZ31" s="119">
        <v>0</v>
      </c>
      <c r="KA31" s="120">
        <v>0</v>
      </c>
      <c r="KB31" s="318">
        <v>0</v>
      </c>
      <c r="KC31" s="234">
        <v>0</v>
      </c>
      <c r="KD31" s="230">
        <v>0</v>
      </c>
      <c r="KE31" s="120">
        <v>0</v>
      </c>
      <c r="KF31" s="118">
        <v>0</v>
      </c>
      <c r="KG31" s="119">
        <v>108023</v>
      </c>
      <c r="KH31" s="119">
        <v>0</v>
      </c>
      <c r="KI31" s="119">
        <v>0</v>
      </c>
      <c r="KJ31" s="119">
        <v>0</v>
      </c>
      <c r="KK31" s="119">
        <v>0</v>
      </c>
      <c r="KL31" s="120">
        <v>108023</v>
      </c>
      <c r="KM31" s="143">
        <v>108023</v>
      </c>
      <c r="KN31" s="232">
        <v>0</v>
      </c>
      <c r="KO31" s="236">
        <v>0</v>
      </c>
      <c r="KP31" s="237">
        <v>0</v>
      </c>
      <c r="KQ31" s="140"/>
      <c r="KR31" s="119">
        <v>0</v>
      </c>
      <c r="KS31" s="119">
        <v>0</v>
      </c>
      <c r="KT31" s="119">
        <v>217086</v>
      </c>
      <c r="KU31" s="119">
        <v>444753</v>
      </c>
      <c r="KV31" s="119">
        <v>0</v>
      </c>
      <c r="KW31" s="120">
        <v>661839</v>
      </c>
      <c r="KX31" s="318">
        <v>661839</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18">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457984</v>
      </c>
      <c r="MK31" s="119">
        <v>255561</v>
      </c>
      <c r="ML31" s="119">
        <v>208982</v>
      </c>
      <c r="MM31" s="119">
        <v>330287</v>
      </c>
      <c r="MN31" s="119">
        <v>-234</v>
      </c>
      <c r="MO31" s="120">
        <v>1252580</v>
      </c>
      <c r="MP31" s="143">
        <v>1252580</v>
      </c>
      <c r="MQ31" s="142">
        <v>0</v>
      </c>
      <c r="MR31" s="119">
        <v>0</v>
      </c>
      <c r="MS31" s="120">
        <v>0</v>
      </c>
      <c r="MT31" s="145"/>
      <c r="MU31" s="119">
        <v>0</v>
      </c>
      <c r="MV31" s="119">
        <v>0</v>
      </c>
      <c r="MW31" s="119">
        <v>208982</v>
      </c>
      <c r="MX31" s="119">
        <v>201464</v>
      </c>
      <c r="MY31" s="119">
        <v>-234</v>
      </c>
      <c r="MZ31" s="120">
        <v>410212</v>
      </c>
      <c r="NA31" s="143">
        <v>410212</v>
      </c>
      <c r="NB31" s="142">
        <v>0</v>
      </c>
      <c r="NC31" s="119">
        <v>0</v>
      </c>
      <c r="ND31" s="120">
        <v>0</v>
      </c>
      <c r="NE31" s="145"/>
      <c r="NF31" s="119">
        <v>457984</v>
      </c>
      <c r="NG31" s="119">
        <v>255561</v>
      </c>
      <c r="NH31" s="119">
        <v>0</v>
      </c>
      <c r="NI31" s="119">
        <v>128823</v>
      </c>
      <c r="NJ31" s="119">
        <v>0</v>
      </c>
      <c r="NK31" s="120">
        <v>842368</v>
      </c>
      <c r="NL31" s="318">
        <v>842368</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211862</v>
      </c>
      <c r="OJ31" s="119">
        <v>227890</v>
      </c>
      <c r="OK31" s="141">
        <v>439752</v>
      </c>
      <c r="OL31" s="118">
        <v>0</v>
      </c>
      <c r="OM31" s="119">
        <v>1704876</v>
      </c>
      <c r="ON31" s="119">
        <v>1932742</v>
      </c>
      <c r="OO31" s="119">
        <v>1106663</v>
      </c>
      <c r="OP31" s="119">
        <v>1705274</v>
      </c>
      <c r="OQ31" s="119">
        <v>677510</v>
      </c>
      <c r="OR31" s="120">
        <v>7127065</v>
      </c>
      <c r="OS31" s="143">
        <v>7566817</v>
      </c>
    </row>
    <row r="32" spans="2:409" ht="21" customHeight="1" x14ac:dyDescent="0.2">
      <c r="B32" s="126" t="s">
        <v>27</v>
      </c>
      <c r="C32" s="110">
        <v>114582</v>
      </c>
      <c r="D32" s="114">
        <v>103313</v>
      </c>
      <c r="E32" s="113">
        <v>217895</v>
      </c>
      <c r="F32" s="109">
        <v>0</v>
      </c>
      <c r="G32" s="114">
        <v>638740</v>
      </c>
      <c r="H32" s="114">
        <v>932468</v>
      </c>
      <c r="I32" s="114">
        <v>2512920</v>
      </c>
      <c r="J32" s="114">
        <v>873070</v>
      </c>
      <c r="K32" s="114">
        <v>518628</v>
      </c>
      <c r="L32" s="173">
        <v>5475826</v>
      </c>
      <c r="M32" s="116">
        <v>5693721</v>
      </c>
      <c r="N32" s="110">
        <v>80567</v>
      </c>
      <c r="O32" s="114">
        <v>33579</v>
      </c>
      <c r="P32" s="113">
        <v>114146</v>
      </c>
      <c r="Q32" s="110">
        <v>0</v>
      </c>
      <c r="R32" s="114">
        <v>56201</v>
      </c>
      <c r="S32" s="114">
        <v>336302</v>
      </c>
      <c r="T32" s="114">
        <v>565136</v>
      </c>
      <c r="U32" s="114">
        <v>232988</v>
      </c>
      <c r="V32" s="114">
        <v>297027</v>
      </c>
      <c r="W32" s="113">
        <v>1487654</v>
      </c>
      <c r="X32" s="116">
        <v>1601800</v>
      </c>
      <c r="Y32" s="110">
        <v>0</v>
      </c>
      <c r="Z32" s="114">
        <v>0</v>
      </c>
      <c r="AA32" s="113">
        <v>0</v>
      </c>
      <c r="AB32" s="110">
        <v>0</v>
      </c>
      <c r="AC32" s="114">
        <v>0</v>
      </c>
      <c r="AD32" s="114">
        <v>170618</v>
      </c>
      <c r="AE32" s="114">
        <v>235053</v>
      </c>
      <c r="AF32" s="114">
        <v>16674</v>
      </c>
      <c r="AG32" s="114">
        <v>219299</v>
      </c>
      <c r="AH32" s="113">
        <v>641644</v>
      </c>
      <c r="AI32" s="116">
        <v>641644</v>
      </c>
      <c r="AJ32" s="110">
        <v>0</v>
      </c>
      <c r="AK32" s="114">
        <v>0</v>
      </c>
      <c r="AL32" s="113">
        <v>0</v>
      </c>
      <c r="AM32" s="110">
        <v>0</v>
      </c>
      <c r="AN32" s="114">
        <v>0</v>
      </c>
      <c r="AO32" s="114">
        <v>0</v>
      </c>
      <c r="AP32" s="114">
        <v>0</v>
      </c>
      <c r="AQ32" s="114">
        <v>123928</v>
      </c>
      <c r="AR32" s="114">
        <v>0</v>
      </c>
      <c r="AS32" s="113">
        <v>123928</v>
      </c>
      <c r="AT32" s="116">
        <v>123928</v>
      </c>
      <c r="AU32" s="110">
        <v>80567</v>
      </c>
      <c r="AV32" s="114">
        <v>33579</v>
      </c>
      <c r="AW32" s="113">
        <v>114146</v>
      </c>
      <c r="AX32" s="110">
        <v>0</v>
      </c>
      <c r="AY32" s="114">
        <v>18555</v>
      </c>
      <c r="AZ32" s="114">
        <v>119057</v>
      </c>
      <c r="BA32" s="114">
        <v>211545</v>
      </c>
      <c r="BB32" s="114">
        <v>46550</v>
      </c>
      <c r="BC32" s="114">
        <v>39165</v>
      </c>
      <c r="BD32" s="113">
        <v>434872</v>
      </c>
      <c r="BE32" s="116">
        <v>549018</v>
      </c>
      <c r="BF32" s="110">
        <v>0</v>
      </c>
      <c r="BG32" s="114">
        <v>0</v>
      </c>
      <c r="BH32" s="112">
        <v>0</v>
      </c>
      <c r="BI32" s="111">
        <v>0</v>
      </c>
      <c r="BJ32" s="114">
        <v>0</v>
      </c>
      <c r="BK32" s="114">
        <v>0</v>
      </c>
      <c r="BL32" s="114">
        <v>0</v>
      </c>
      <c r="BM32" s="114">
        <v>0</v>
      </c>
      <c r="BN32" s="114">
        <v>0</v>
      </c>
      <c r="BO32" s="113">
        <v>0</v>
      </c>
      <c r="BP32" s="116">
        <v>0</v>
      </c>
      <c r="BQ32" s="110">
        <v>0</v>
      </c>
      <c r="BR32" s="114">
        <v>0</v>
      </c>
      <c r="BS32" s="113">
        <v>0</v>
      </c>
      <c r="BT32" s="110">
        <v>0</v>
      </c>
      <c r="BU32" s="114">
        <v>37646</v>
      </c>
      <c r="BV32" s="114">
        <v>46627</v>
      </c>
      <c r="BW32" s="114">
        <v>118538</v>
      </c>
      <c r="BX32" s="114">
        <v>45836</v>
      </c>
      <c r="BY32" s="114">
        <v>38563</v>
      </c>
      <c r="BZ32" s="113">
        <v>287210</v>
      </c>
      <c r="CA32" s="116">
        <v>287210</v>
      </c>
      <c r="CB32" s="110">
        <v>18265</v>
      </c>
      <c r="CC32" s="114">
        <v>0</v>
      </c>
      <c r="CD32" s="113">
        <v>18265</v>
      </c>
      <c r="CE32" s="110">
        <v>0</v>
      </c>
      <c r="CF32" s="114">
        <v>4902</v>
      </c>
      <c r="CG32" s="114">
        <v>209387</v>
      </c>
      <c r="CH32" s="114">
        <v>184321</v>
      </c>
      <c r="CI32" s="114">
        <v>60674</v>
      </c>
      <c r="CJ32" s="114">
        <v>0</v>
      </c>
      <c r="CK32" s="113">
        <v>459284</v>
      </c>
      <c r="CL32" s="116">
        <v>477549</v>
      </c>
      <c r="CM32" s="110">
        <v>0</v>
      </c>
      <c r="CN32" s="114">
        <v>0</v>
      </c>
      <c r="CO32" s="113">
        <v>0</v>
      </c>
      <c r="CP32" s="111">
        <v>0</v>
      </c>
      <c r="CQ32" s="114">
        <v>4902</v>
      </c>
      <c r="CR32" s="114">
        <v>130390</v>
      </c>
      <c r="CS32" s="114">
        <v>110306</v>
      </c>
      <c r="CT32" s="114">
        <v>60674</v>
      </c>
      <c r="CU32" s="114">
        <v>0</v>
      </c>
      <c r="CV32" s="113">
        <v>306272</v>
      </c>
      <c r="CW32" s="116">
        <v>306272</v>
      </c>
      <c r="CX32" s="110">
        <v>18265</v>
      </c>
      <c r="CY32" s="114">
        <v>0</v>
      </c>
      <c r="CZ32" s="113">
        <v>18265</v>
      </c>
      <c r="DA32" s="110">
        <v>0</v>
      </c>
      <c r="DB32" s="114">
        <v>0</v>
      </c>
      <c r="DC32" s="114">
        <v>78997</v>
      </c>
      <c r="DD32" s="114">
        <v>74015</v>
      </c>
      <c r="DE32" s="114">
        <v>0</v>
      </c>
      <c r="DF32" s="114">
        <v>0</v>
      </c>
      <c r="DG32" s="113">
        <v>153012</v>
      </c>
      <c r="DH32" s="116">
        <v>171277</v>
      </c>
      <c r="DI32" s="110">
        <v>0</v>
      </c>
      <c r="DJ32" s="114">
        <v>0</v>
      </c>
      <c r="DK32" s="112">
        <v>0</v>
      </c>
      <c r="DL32" s="111">
        <v>0</v>
      </c>
      <c r="DM32" s="114">
        <v>0</v>
      </c>
      <c r="DN32" s="114">
        <v>0</v>
      </c>
      <c r="DO32" s="114">
        <v>492165</v>
      </c>
      <c r="DP32" s="114">
        <v>93885</v>
      </c>
      <c r="DQ32" s="114">
        <v>0</v>
      </c>
      <c r="DR32" s="113">
        <v>586050</v>
      </c>
      <c r="DS32" s="116">
        <v>586050</v>
      </c>
      <c r="DT32" s="110">
        <v>0</v>
      </c>
      <c r="DU32" s="114">
        <v>0</v>
      </c>
      <c r="DV32" s="113">
        <v>0</v>
      </c>
      <c r="DW32" s="110">
        <v>0</v>
      </c>
      <c r="DX32" s="114">
        <v>0</v>
      </c>
      <c r="DY32" s="114">
        <v>0</v>
      </c>
      <c r="DZ32" s="114">
        <v>492165</v>
      </c>
      <c r="EA32" s="114">
        <v>93885</v>
      </c>
      <c r="EB32" s="114">
        <v>0</v>
      </c>
      <c r="EC32" s="113">
        <v>586050</v>
      </c>
      <c r="ED32" s="116">
        <v>586050</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5"/>
      <c r="FE32" s="114">
        <v>0</v>
      </c>
      <c r="FF32" s="114">
        <v>0</v>
      </c>
      <c r="FG32" s="114">
        <v>0</v>
      </c>
      <c r="FH32" s="114">
        <v>0</v>
      </c>
      <c r="FI32" s="114">
        <v>0</v>
      </c>
      <c r="FJ32" s="113">
        <v>0</v>
      </c>
      <c r="FK32" s="116">
        <v>0</v>
      </c>
      <c r="FL32" s="110">
        <v>15750</v>
      </c>
      <c r="FM32" s="114">
        <v>69734</v>
      </c>
      <c r="FN32" s="113">
        <v>85484</v>
      </c>
      <c r="FO32" s="110">
        <v>0</v>
      </c>
      <c r="FP32" s="114">
        <v>17500</v>
      </c>
      <c r="FQ32" s="114">
        <v>79422</v>
      </c>
      <c r="FR32" s="114">
        <v>185556</v>
      </c>
      <c r="FS32" s="114">
        <v>106750</v>
      </c>
      <c r="FT32" s="114">
        <v>15680</v>
      </c>
      <c r="FU32" s="113">
        <v>404908</v>
      </c>
      <c r="FV32" s="116">
        <v>490392</v>
      </c>
      <c r="FW32" s="115">
        <v>15750</v>
      </c>
      <c r="FX32" s="114">
        <v>45850</v>
      </c>
      <c r="FY32" s="112">
        <v>61600</v>
      </c>
      <c r="FZ32" s="111">
        <v>0</v>
      </c>
      <c r="GA32" s="114">
        <v>17500</v>
      </c>
      <c r="GB32" s="114">
        <v>79422</v>
      </c>
      <c r="GC32" s="114">
        <v>119336</v>
      </c>
      <c r="GD32" s="114">
        <v>106750</v>
      </c>
      <c r="GE32" s="114">
        <v>15680</v>
      </c>
      <c r="GF32" s="113">
        <v>338688</v>
      </c>
      <c r="GG32" s="316">
        <v>400288</v>
      </c>
      <c r="GH32" s="115">
        <v>0</v>
      </c>
      <c r="GI32" s="114">
        <v>0</v>
      </c>
      <c r="GJ32" s="112">
        <v>0</v>
      </c>
      <c r="GK32" s="111">
        <v>0</v>
      </c>
      <c r="GL32" s="114">
        <v>0</v>
      </c>
      <c r="GM32" s="114">
        <v>0</v>
      </c>
      <c r="GN32" s="114">
        <v>0</v>
      </c>
      <c r="GO32" s="114">
        <v>0</v>
      </c>
      <c r="GP32" s="114">
        <v>0</v>
      </c>
      <c r="GQ32" s="113">
        <v>0</v>
      </c>
      <c r="GR32" s="116">
        <v>0</v>
      </c>
      <c r="GS32" s="110">
        <v>0</v>
      </c>
      <c r="GT32" s="114">
        <v>23884</v>
      </c>
      <c r="GU32" s="113">
        <v>23884</v>
      </c>
      <c r="GV32" s="110">
        <v>0</v>
      </c>
      <c r="GW32" s="114">
        <v>0</v>
      </c>
      <c r="GX32" s="114">
        <v>0</v>
      </c>
      <c r="GY32" s="114">
        <v>66220</v>
      </c>
      <c r="GZ32" s="114">
        <v>0</v>
      </c>
      <c r="HA32" s="114">
        <v>0</v>
      </c>
      <c r="HB32" s="112">
        <v>66220</v>
      </c>
      <c r="HC32" s="116">
        <v>90104</v>
      </c>
      <c r="HD32" s="110">
        <v>0</v>
      </c>
      <c r="HE32" s="114">
        <v>0</v>
      </c>
      <c r="HF32" s="112">
        <v>0</v>
      </c>
      <c r="HG32" s="111">
        <v>0</v>
      </c>
      <c r="HH32" s="114">
        <v>560137</v>
      </c>
      <c r="HI32" s="114">
        <v>307357</v>
      </c>
      <c r="HJ32" s="114">
        <v>1085742</v>
      </c>
      <c r="HK32" s="114">
        <v>378773</v>
      </c>
      <c r="HL32" s="114">
        <v>205921</v>
      </c>
      <c r="HM32" s="113">
        <v>2537930</v>
      </c>
      <c r="HN32" s="109">
        <v>2537930</v>
      </c>
      <c r="HO32" s="326"/>
      <c r="HP32" s="327"/>
      <c r="HQ32" s="328"/>
      <c r="HR32" s="329"/>
      <c r="HS32" s="327"/>
      <c r="HT32" s="327"/>
      <c r="HU32" s="327"/>
      <c r="HV32" s="327"/>
      <c r="HW32" s="327"/>
      <c r="HX32" s="330"/>
      <c r="HY32" s="331"/>
      <c r="HZ32" s="150">
        <v>0</v>
      </c>
      <c r="IA32" s="135">
        <v>0</v>
      </c>
      <c r="IB32" s="150">
        <v>0</v>
      </c>
      <c r="IC32" s="134">
        <v>0</v>
      </c>
      <c r="ID32" s="135">
        <v>95797</v>
      </c>
      <c r="IE32" s="136">
        <v>36455</v>
      </c>
      <c r="IF32" s="137">
        <v>118006</v>
      </c>
      <c r="IG32" s="135">
        <v>0</v>
      </c>
      <c r="IH32" s="137">
        <v>0</v>
      </c>
      <c r="II32" s="138">
        <v>250258</v>
      </c>
      <c r="IJ32" s="150">
        <v>250258</v>
      </c>
      <c r="IK32" s="232">
        <v>0</v>
      </c>
      <c r="IL32" s="236">
        <v>0</v>
      </c>
      <c r="IM32" s="237">
        <v>0</v>
      </c>
      <c r="IN32" s="140"/>
      <c r="IO32" s="119">
        <v>0</v>
      </c>
      <c r="IP32" s="119">
        <v>0</v>
      </c>
      <c r="IQ32" s="119">
        <v>0</v>
      </c>
      <c r="IR32" s="119">
        <v>0</v>
      </c>
      <c r="IS32" s="119">
        <v>0</v>
      </c>
      <c r="IT32" s="141">
        <v>0</v>
      </c>
      <c r="IU32" s="318">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70163</v>
      </c>
      <c r="JL32" s="119">
        <v>36455</v>
      </c>
      <c r="JM32" s="119">
        <v>0</v>
      </c>
      <c r="JN32" s="119">
        <v>0</v>
      </c>
      <c r="JO32" s="119">
        <v>0</v>
      </c>
      <c r="JP32" s="120">
        <v>106618</v>
      </c>
      <c r="JQ32" s="318">
        <v>106618</v>
      </c>
      <c r="JR32" s="142">
        <v>0</v>
      </c>
      <c r="JS32" s="119">
        <v>0</v>
      </c>
      <c r="JT32" s="141">
        <v>0</v>
      </c>
      <c r="JU32" s="118">
        <v>0</v>
      </c>
      <c r="JV32" s="119">
        <v>25634</v>
      </c>
      <c r="JW32" s="119">
        <v>0</v>
      </c>
      <c r="JX32" s="119">
        <v>118006</v>
      </c>
      <c r="JY32" s="119">
        <v>0</v>
      </c>
      <c r="JZ32" s="119">
        <v>0</v>
      </c>
      <c r="KA32" s="120">
        <v>143640</v>
      </c>
      <c r="KB32" s="318">
        <v>143640</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18">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18">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179928</v>
      </c>
      <c r="MK32" s="119">
        <v>0</v>
      </c>
      <c r="ML32" s="119">
        <v>211808</v>
      </c>
      <c r="MM32" s="119">
        <v>421080</v>
      </c>
      <c r="MN32" s="119">
        <v>188243</v>
      </c>
      <c r="MO32" s="120">
        <v>1001059</v>
      </c>
      <c r="MP32" s="143">
        <v>1001059</v>
      </c>
      <c r="MQ32" s="142">
        <v>0</v>
      </c>
      <c r="MR32" s="119">
        <v>0</v>
      </c>
      <c r="MS32" s="120">
        <v>0</v>
      </c>
      <c r="MT32" s="145"/>
      <c r="MU32" s="119">
        <v>0</v>
      </c>
      <c r="MV32" s="119">
        <v>0</v>
      </c>
      <c r="MW32" s="119">
        <v>211808</v>
      </c>
      <c r="MX32" s="119">
        <v>421080</v>
      </c>
      <c r="MY32" s="119">
        <v>188243</v>
      </c>
      <c r="MZ32" s="120">
        <v>821131</v>
      </c>
      <c r="NA32" s="143">
        <v>821131</v>
      </c>
      <c r="NB32" s="142">
        <v>0</v>
      </c>
      <c r="NC32" s="119">
        <v>0</v>
      </c>
      <c r="ND32" s="120">
        <v>0</v>
      </c>
      <c r="NE32" s="145"/>
      <c r="NF32" s="119">
        <v>179928</v>
      </c>
      <c r="NG32" s="119">
        <v>0</v>
      </c>
      <c r="NH32" s="119">
        <v>0</v>
      </c>
      <c r="NI32" s="119">
        <v>0</v>
      </c>
      <c r="NJ32" s="119">
        <v>0</v>
      </c>
      <c r="NK32" s="120">
        <v>179928</v>
      </c>
      <c r="NL32" s="318">
        <v>179928</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114582</v>
      </c>
      <c r="OJ32" s="119">
        <v>103313</v>
      </c>
      <c r="OK32" s="141">
        <v>217895</v>
      </c>
      <c r="OL32" s="118">
        <v>0</v>
      </c>
      <c r="OM32" s="119">
        <v>914465</v>
      </c>
      <c r="ON32" s="119">
        <v>968923</v>
      </c>
      <c r="OO32" s="119">
        <v>2842734</v>
      </c>
      <c r="OP32" s="119">
        <v>1294150</v>
      </c>
      <c r="OQ32" s="119">
        <v>706871</v>
      </c>
      <c r="OR32" s="120">
        <v>6727143</v>
      </c>
      <c r="OS32" s="143">
        <v>6945038</v>
      </c>
    </row>
    <row r="33" spans="2:409" ht="21" customHeight="1" x14ac:dyDescent="0.2">
      <c r="B33" s="126" t="s">
        <v>28</v>
      </c>
      <c r="C33" s="110">
        <v>1610</v>
      </c>
      <c r="D33" s="114">
        <v>7700</v>
      </c>
      <c r="E33" s="113">
        <v>9310</v>
      </c>
      <c r="F33" s="109">
        <v>0</v>
      </c>
      <c r="G33" s="114">
        <v>95719</v>
      </c>
      <c r="H33" s="114">
        <v>271204</v>
      </c>
      <c r="I33" s="114">
        <v>471184</v>
      </c>
      <c r="J33" s="114">
        <v>303155</v>
      </c>
      <c r="K33" s="114">
        <v>242774</v>
      </c>
      <c r="L33" s="173">
        <v>1384036</v>
      </c>
      <c r="M33" s="116">
        <v>1393346</v>
      </c>
      <c r="N33" s="110">
        <v>0</v>
      </c>
      <c r="O33" s="114">
        <v>0</v>
      </c>
      <c r="P33" s="113">
        <v>0</v>
      </c>
      <c r="Q33" s="110">
        <v>0</v>
      </c>
      <c r="R33" s="114">
        <v>85569</v>
      </c>
      <c r="S33" s="114">
        <v>104377</v>
      </c>
      <c r="T33" s="114">
        <v>81757</v>
      </c>
      <c r="U33" s="114">
        <v>8400</v>
      </c>
      <c r="V33" s="114">
        <v>74858</v>
      </c>
      <c r="W33" s="113">
        <v>354961</v>
      </c>
      <c r="X33" s="116">
        <v>354961</v>
      </c>
      <c r="Y33" s="110">
        <v>0</v>
      </c>
      <c r="Z33" s="114">
        <v>0</v>
      </c>
      <c r="AA33" s="113">
        <v>0</v>
      </c>
      <c r="AB33" s="110">
        <v>0</v>
      </c>
      <c r="AC33" s="114">
        <v>23354</v>
      </c>
      <c r="AD33" s="114">
        <v>43617</v>
      </c>
      <c r="AE33" s="114">
        <v>0</v>
      </c>
      <c r="AF33" s="114">
        <v>0</v>
      </c>
      <c r="AG33" s="114">
        <v>67620</v>
      </c>
      <c r="AH33" s="113">
        <v>134591</v>
      </c>
      <c r="AI33" s="116">
        <v>134591</v>
      </c>
      <c r="AJ33" s="110">
        <v>0</v>
      </c>
      <c r="AK33" s="114">
        <v>0</v>
      </c>
      <c r="AL33" s="113">
        <v>0</v>
      </c>
      <c r="AM33" s="110">
        <v>0</v>
      </c>
      <c r="AN33" s="114">
        <v>0</v>
      </c>
      <c r="AO33" s="114">
        <v>0</v>
      </c>
      <c r="AP33" s="114">
        <v>19926</v>
      </c>
      <c r="AQ33" s="114">
        <v>0</v>
      </c>
      <c r="AR33" s="114">
        <v>0</v>
      </c>
      <c r="AS33" s="113">
        <v>19926</v>
      </c>
      <c r="AT33" s="116">
        <v>19926</v>
      </c>
      <c r="AU33" s="110">
        <v>0</v>
      </c>
      <c r="AV33" s="114">
        <v>0</v>
      </c>
      <c r="AW33" s="113">
        <v>0</v>
      </c>
      <c r="AX33" s="110">
        <v>0</v>
      </c>
      <c r="AY33" s="114">
        <v>0</v>
      </c>
      <c r="AZ33" s="114">
        <v>55076</v>
      </c>
      <c r="BA33" s="114">
        <v>29064</v>
      </c>
      <c r="BB33" s="114">
        <v>0</v>
      </c>
      <c r="BC33" s="114">
        <v>0</v>
      </c>
      <c r="BD33" s="113">
        <v>84140</v>
      </c>
      <c r="BE33" s="116">
        <v>84140</v>
      </c>
      <c r="BF33" s="110">
        <v>0</v>
      </c>
      <c r="BG33" s="114">
        <v>0</v>
      </c>
      <c r="BH33" s="112">
        <v>0</v>
      </c>
      <c r="BI33" s="111">
        <v>0</v>
      </c>
      <c r="BJ33" s="114">
        <v>62215</v>
      </c>
      <c r="BK33" s="114">
        <v>0</v>
      </c>
      <c r="BL33" s="114">
        <v>0</v>
      </c>
      <c r="BM33" s="114">
        <v>0</v>
      </c>
      <c r="BN33" s="114">
        <v>0</v>
      </c>
      <c r="BO33" s="113">
        <v>62215</v>
      </c>
      <c r="BP33" s="116">
        <v>62215</v>
      </c>
      <c r="BQ33" s="110">
        <v>0</v>
      </c>
      <c r="BR33" s="114">
        <v>0</v>
      </c>
      <c r="BS33" s="113">
        <v>0</v>
      </c>
      <c r="BT33" s="110">
        <v>0</v>
      </c>
      <c r="BU33" s="114">
        <v>0</v>
      </c>
      <c r="BV33" s="114">
        <v>5684</v>
      </c>
      <c r="BW33" s="114">
        <v>32767</v>
      </c>
      <c r="BX33" s="114">
        <v>8400</v>
      </c>
      <c r="BY33" s="114">
        <v>7238</v>
      </c>
      <c r="BZ33" s="113">
        <v>54089</v>
      </c>
      <c r="CA33" s="116">
        <v>54089</v>
      </c>
      <c r="CB33" s="110">
        <v>0</v>
      </c>
      <c r="CC33" s="114">
        <v>0</v>
      </c>
      <c r="CD33" s="113">
        <v>0</v>
      </c>
      <c r="CE33" s="110">
        <v>0</v>
      </c>
      <c r="CF33" s="114">
        <v>0</v>
      </c>
      <c r="CG33" s="114">
        <v>50217</v>
      </c>
      <c r="CH33" s="114">
        <v>197715</v>
      </c>
      <c r="CI33" s="114">
        <v>104244</v>
      </c>
      <c r="CJ33" s="114">
        <v>101416</v>
      </c>
      <c r="CK33" s="113">
        <v>453592</v>
      </c>
      <c r="CL33" s="116">
        <v>453592</v>
      </c>
      <c r="CM33" s="110">
        <v>0</v>
      </c>
      <c r="CN33" s="114">
        <v>0</v>
      </c>
      <c r="CO33" s="113">
        <v>0</v>
      </c>
      <c r="CP33" s="111">
        <v>0</v>
      </c>
      <c r="CQ33" s="114">
        <v>0</v>
      </c>
      <c r="CR33" s="114">
        <v>43652</v>
      </c>
      <c r="CS33" s="114">
        <v>158396</v>
      </c>
      <c r="CT33" s="114">
        <v>104244</v>
      </c>
      <c r="CU33" s="114">
        <v>0</v>
      </c>
      <c r="CV33" s="113">
        <v>306292</v>
      </c>
      <c r="CW33" s="116">
        <v>306292</v>
      </c>
      <c r="CX33" s="110">
        <v>0</v>
      </c>
      <c r="CY33" s="114">
        <v>0</v>
      </c>
      <c r="CZ33" s="113">
        <v>0</v>
      </c>
      <c r="DA33" s="110">
        <v>0</v>
      </c>
      <c r="DB33" s="114">
        <v>0</v>
      </c>
      <c r="DC33" s="114">
        <v>6565</v>
      </c>
      <c r="DD33" s="114">
        <v>39319</v>
      </c>
      <c r="DE33" s="114">
        <v>0</v>
      </c>
      <c r="DF33" s="114">
        <v>101416</v>
      </c>
      <c r="DG33" s="113">
        <v>147300</v>
      </c>
      <c r="DH33" s="116">
        <v>147300</v>
      </c>
      <c r="DI33" s="110">
        <v>0</v>
      </c>
      <c r="DJ33" s="114">
        <v>0</v>
      </c>
      <c r="DK33" s="112">
        <v>0</v>
      </c>
      <c r="DL33" s="111">
        <v>0</v>
      </c>
      <c r="DM33" s="114">
        <v>0</v>
      </c>
      <c r="DN33" s="114">
        <v>67659</v>
      </c>
      <c r="DO33" s="114">
        <v>0</v>
      </c>
      <c r="DP33" s="114">
        <v>0</v>
      </c>
      <c r="DQ33" s="114">
        <v>0</v>
      </c>
      <c r="DR33" s="113">
        <v>67659</v>
      </c>
      <c r="DS33" s="116">
        <v>67659</v>
      </c>
      <c r="DT33" s="110">
        <v>0</v>
      </c>
      <c r="DU33" s="114">
        <v>0</v>
      </c>
      <c r="DV33" s="113">
        <v>0</v>
      </c>
      <c r="DW33" s="110">
        <v>0</v>
      </c>
      <c r="DX33" s="114">
        <v>0</v>
      </c>
      <c r="DY33" s="114">
        <v>67659</v>
      </c>
      <c r="DZ33" s="114">
        <v>0</v>
      </c>
      <c r="EA33" s="114">
        <v>0</v>
      </c>
      <c r="EB33" s="114">
        <v>0</v>
      </c>
      <c r="EC33" s="113">
        <v>67659</v>
      </c>
      <c r="ED33" s="116">
        <v>67659</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5"/>
      <c r="FE33" s="114">
        <v>0</v>
      </c>
      <c r="FF33" s="114">
        <v>0</v>
      </c>
      <c r="FG33" s="114">
        <v>0</v>
      </c>
      <c r="FH33" s="114">
        <v>0</v>
      </c>
      <c r="FI33" s="114">
        <v>0</v>
      </c>
      <c r="FJ33" s="113">
        <v>0</v>
      </c>
      <c r="FK33" s="116">
        <v>0</v>
      </c>
      <c r="FL33" s="110">
        <v>1610</v>
      </c>
      <c r="FM33" s="114">
        <v>7700</v>
      </c>
      <c r="FN33" s="113">
        <v>9310</v>
      </c>
      <c r="FO33" s="110">
        <v>0</v>
      </c>
      <c r="FP33" s="114">
        <v>10150</v>
      </c>
      <c r="FQ33" s="114">
        <v>48951</v>
      </c>
      <c r="FR33" s="114">
        <v>21700</v>
      </c>
      <c r="FS33" s="114">
        <v>0</v>
      </c>
      <c r="FT33" s="114">
        <v>66500</v>
      </c>
      <c r="FU33" s="113">
        <v>147301</v>
      </c>
      <c r="FV33" s="116">
        <v>156611</v>
      </c>
      <c r="FW33" s="115">
        <v>1610</v>
      </c>
      <c r="FX33" s="114">
        <v>7700</v>
      </c>
      <c r="FY33" s="112">
        <v>9310</v>
      </c>
      <c r="FZ33" s="111">
        <v>0</v>
      </c>
      <c r="GA33" s="114">
        <v>10150</v>
      </c>
      <c r="GB33" s="114">
        <v>48951</v>
      </c>
      <c r="GC33" s="114">
        <v>21700</v>
      </c>
      <c r="GD33" s="114">
        <v>0</v>
      </c>
      <c r="GE33" s="114">
        <v>66500</v>
      </c>
      <c r="GF33" s="113">
        <v>147301</v>
      </c>
      <c r="GG33" s="316">
        <v>156611</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0</v>
      </c>
      <c r="HI33" s="114">
        <v>0</v>
      </c>
      <c r="HJ33" s="114">
        <v>170012</v>
      </c>
      <c r="HK33" s="114">
        <v>190511</v>
      </c>
      <c r="HL33" s="114">
        <v>0</v>
      </c>
      <c r="HM33" s="113">
        <v>360523</v>
      </c>
      <c r="HN33" s="109">
        <v>360523</v>
      </c>
      <c r="HO33" s="326"/>
      <c r="HP33" s="327"/>
      <c r="HQ33" s="328"/>
      <c r="HR33" s="329"/>
      <c r="HS33" s="327"/>
      <c r="HT33" s="327"/>
      <c r="HU33" s="327"/>
      <c r="HV33" s="327"/>
      <c r="HW33" s="327"/>
      <c r="HX33" s="330"/>
      <c r="HY33" s="331"/>
      <c r="HZ33" s="131">
        <v>0</v>
      </c>
      <c r="IA33" s="132">
        <v>0</v>
      </c>
      <c r="IB33" s="133">
        <v>0</v>
      </c>
      <c r="IC33" s="146">
        <v>0</v>
      </c>
      <c r="ID33" s="132">
        <v>123340</v>
      </c>
      <c r="IE33" s="147">
        <v>11102</v>
      </c>
      <c r="IF33" s="133">
        <v>0</v>
      </c>
      <c r="IG33" s="132">
        <v>0</v>
      </c>
      <c r="IH33" s="133">
        <v>0</v>
      </c>
      <c r="II33" s="148">
        <v>134442</v>
      </c>
      <c r="IJ33" s="139">
        <v>134442</v>
      </c>
      <c r="IK33" s="232">
        <v>0</v>
      </c>
      <c r="IL33" s="236">
        <v>0</v>
      </c>
      <c r="IM33" s="237">
        <v>0</v>
      </c>
      <c r="IN33" s="140"/>
      <c r="IO33" s="119">
        <v>0</v>
      </c>
      <c r="IP33" s="119">
        <v>0</v>
      </c>
      <c r="IQ33" s="119">
        <v>0</v>
      </c>
      <c r="IR33" s="119">
        <v>0</v>
      </c>
      <c r="IS33" s="119">
        <v>0</v>
      </c>
      <c r="IT33" s="141">
        <v>0</v>
      </c>
      <c r="IU33" s="318">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23340</v>
      </c>
      <c r="JL33" s="119">
        <v>11102</v>
      </c>
      <c r="JM33" s="119">
        <v>0</v>
      </c>
      <c r="JN33" s="119">
        <v>0</v>
      </c>
      <c r="JO33" s="119">
        <v>0</v>
      </c>
      <c r="JP33" s="120">
        <v>134442</v>
      </c>
      <c r="JQ33" s="318">
        <v>134442</v>
      </c>
      <c r="JR33" s="142">
        <v>0</v>
      </c>
      <c r="JS33" s="119">
        <v>0</v>
      </c>
      <c r="JT33" s="141">
        <v>0</v>
      </c>
      <c r="JU33" s="118">
        <v>0</v>
      </c>
      <c r="JV33" s="119">
        <v>0</v>
      </c>
      <c r="JW33" s="119">
        <v>0</v>
      </c>
      <c r="JX33" s="119">
        <v>0</v>
      </c>
      <c r="JY33" s="119">
        <v>0</v>
      </c>
      <c r="JZ33" s="119">
        <v>0</v>
      </c>
      <c r="KA33" s="120">
        <v>0</v>
      </c>
      <c r="KB33" s="318">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18">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18">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276805</v>
      </c>
      <c r="MM33" s="119">
        <v>0</v>
      </c>
      <c r="MN33" s="119">
        <v>292369</v>
      </c>
      <c r="MO33" s="120">
        <v>569174</v>
      </c>
      <c r="MP33" s="143">
        <v>569174</v>
      </c>
      <c r="MQ33" s="142">
        <v>0</v>
      </c>
      <c r="MR33" s="119">
        <v>0</v>
      </c>
      <c r="MS33" s="120">
        <v>0</v>
      </c>
      <c r="MT33" s="145"/>
      <c r="MU33" s="119">
        <v>0</v>
      </c>
      <c r="MV33" s="119">
        <v>0</v>
      </c>
      <c r="MW33" s="119">
        <v>0</v>
      </c>
      <c r="MX33" s="119">
        <v>0</v>
      </c>
      <c r="MY33" s="119">
        <v>0</v>
      </c>
      <c r="MZ33" s="120">
        <v>0</v>
      </c>
      <c r="NA33" s="143">
        <v>0</v>
      </c>
      <c r="NB33" s="142">
        <v>0</v>
      </c>
      <c r="NC33" s="119">
        <v>0</v>
      </c>
      <c r="ND33" s="120">
        <v>0</v>
      </c>
      <c r="NE33" s="145"/>
      <c r="NF33" s="119">
        <v>0</v>
      </c>
      <c r="NG33" s="119">
        <v>0</v>
      </c>
      <c r="NH33" s="119">
        <v>276805</v>
      </c>
      <c r="NI33" s="119">
        <v>0</v>
      </c>
      <c r="NJ33" s="119">
        <v>292369</v>
      </c>
      <c r="NK33" s="120">
        <v>569174</v>
      </c>
      <c r="NL33" s="318">
        <v>569174</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10</v>
      </c>
      <c r="OJ33" s="119">
        <v>7700</v>
      </c>
      <c r="OK33" s="141">
        <v>9310</v>
      </c>
      <c r="OL33" s="118">
        <v>0</v>
      </c>
      <c r="OM33" s="119">
        <v>219059</v>
      </c>
      <c r="ON33" s="119">
        <v>282306</v>
      </c>
      <c r="OO33" s="119">
        <v>747989</v>
      </c>
      <c r="OP33" s="119">
        <v>303155</v>
      </c>
      <c r="OQ33" s="119">
        <v>535143</v>
      </c>
      <c r="OR33" s="120">
        <v>2087652</v>
      </c>
      <c r="OS33" s="143">
        <v>2096962</v>
      </c>
    </row>
    <row r="34" spans="2:409" ht="21" customHeight="1" x14ac:dyDescent="0.2">
      <c r="B34" s="126" t="s">
        <v>29</v>
      </c>
      <c r="C34" s="110">
        <v>2100</v>
      </c>
      <c r="D34" s="114">
        <v>68978</v>
      </c>
      <c r="E34" s="113">
        <v>71078</v>
      </c>
      <c r="F34" s="109">
        <v>0</v>
      </c>
      <c r="G34" s="114">
        <v>616761</v>
      </c>
      <c r="H34" s="114">
        <v>186289</v>
      </c>
      <c r="I34" s="114">
        <v>462182</v>
      </c>
      <c r="J34" s="114">
        <v>916133</v>
      </c>
      <c r="K34" s="114">
        <v>0</v>
      </c>
      <c r="L34" s="173">
        <v>2181365</v>
      </c>
      <c r="M34" s="116">
        <v>2252443</v>
      </c>
      <c r="N34" s="110">
        <v>0</v>
      </c>
      <c r="O34" s="114">
        <v>65478</v>
      </c>
      <c r="P34" s="113">
        <v>65478</v>
      </c>
      <c r="Q34" s="110">
        <v>0</v>
      </c>
      <c r="R34" s="114">
        <v>113869</v>
      </c>
      <c r="S34" s="114">
        <v>168376</v>
      </c>
      <c r="T34" s="114">
        <v>170198</v>
      </c>
      <c r="U34" s="114">
        <v>348614</v>
      </c>
      <c r="V34" s="114">
        <v>0</v>
      </c>
      <c r="W34" s="113">
        <v>801057</v>
      </c>
      <c r="X34" s="116">
        <v>866535</v>
      </c>
      <c r="Y34" s="110">
        <v>0</v>
      </c>
      <c r="Z34" s="114">
        <v>0</v>
      </c>
      <c r="AA34" s="113">
        <v>0</v>
      </c>
      <c r="AB34" s="110">
        <v>0</v>
      </c>
      <c r="AC34" s="114">
        <v>52297</v>
      </c>
      <c r="AD34" s="114">
        <v>75773</v>
      </c>
      <c r="AE34" s="114">
        <v>0</v>
      </c>
      <c r="AF34" s="114">
        <v>245133</v>
      </c>
      <c r="AG34" s="114">
        <v>0</v>
      </c>
      <c r="AH34" s="113">
        <v>373203</v>
      </c>
      <c r="AI34" s="116">
        <v>373203</v>
      </c>
      <c r="AJ34" s="110">
        <v>0</v>
      </c>
      <c r="AK34" s="114">
        <v>0</v>
      </c>
      <c r="AL34" s="113">
        <v>0</v>
      </c>
      <c r="AM34" s="110">
        <v>0</v>
      </c>
      <c r="AN34" s="114">
        <v>0</v>
      </c>
      <c r="AO34" s="114">
        <v>0</v>
      </c>
      <c r="AP34" s="114">
        <v>0</v>
      </c>
      <c r="AQ34" s="114">
        <v>0</v>
      </c>
      <c r="AR34" s="114">
        <v>0</v>
      </c>
      <c r="AS34" s="113">
        <v>0</v>
      </c>
      <c r="AT34" s="116">
        <v>0</v>
      </c>
      <c r="AU34" s="110">
        <v>0</v>
      </c>
      <c r="AV34" s="114">
        <v>65478</v>
      </c>
      <c r="AW34" s="113">
        <v>65478</v>
      </c>
      <c r="AX34" s="110">
        <v>0</v>
      </c>
      <c r="AY34" s="114">
        <v>24696</v>
      </c>
      <c r="AZ34" s="114">
        <v>92603</v>
      </c>
      <c r="BA34" s="114">
        <v>135086</v>
      </c>
      <c r="BB34" s="114">
        <v>12782</v>
      </c>
      <c r="BC34" s="114">
        <v>0</v>
      </c>
      <c r="BD34" s="113">
        <v>265167</v>
      </c>
      <c r="BE34" s="116">
        <v>330645</v>
      </c>
      <c r="BF34" s="110">
        <v>0</v>
      </c>
      <c r="BG34" s="114">
        <v>0</v>
      </c>
      <c r="BH34" s="112">
        <v>0</v>
      </c>
      <c r="BI34" s="111">
        <v>0</v>
      </c>
      <c r="BJ34" s="114">
        <v>20076</v>
      </c>
      <c r="BK34" s="114">
        <v>0</v>
      </c>
      <c r="BL34" s="114">
        <v>26768</v>
      </c>
      <c r="BM34" s="114">
        <v>60228</v>
      </c>
      <c r="BN34" s="114">
        <v>0</v>
      </c>
      <c r="BO34" s="113">
        <v>107072</v>
      </c>
      <c r="BP34" s="116">
        <v>107072</v>
      </c>
      <c r="BQ34" s="110">
        <v>0</v>
      </c>
      <c r="BR34" s="114">
        <v>0</v>
      </c>
      <c r="BS34" s="113">
        <v>0</v>
      </c>
      <c r="BT34" s="110">
        <v>0</v>
      </c>
      <c r="BU34" s="114">
        <v>16800</v>
      </c>
      <c r="BV34" s="114">
        <v>0</v>
      </c>
      <c r="BW34" s="114">
        <v>8344</v>
      </c>
      <c r="BX34" s="114">
        <v>30471</v>
      </c>
      <c r="BY34" s="114">
        <v>0</v>
      </c>
      <c r="BZ34" s="113">
        <v>55615</v>
      </c>
      <c r="CA34" s="116">
        <v>55615</v>
      </c>
      <c r="CB34" s="110">
        <v>0</v>
      </c>
      <c r="CC34" s="114">
        <v>0</v>
      </c>
      <c r="CD34" s="113">
        <v>0</v>
      </c>
      <c r="CE34" s="110">
        <v>0</v>
      </c>
      <c r="CF34" s="114">
        <v>183732</v>
      </c>
      <c r="CG34" s="114">
        <v>17213</v>
      </c>
      <c r="CH34" s="114">
        <v>176484</v>
      </c>
      <c r="CI34" s="114">
        <v>131005</v>
      </c>
      <c r="CJ34" s="114">
        <v>0</v>
      </c>
      <c r="CK34" s="113">
        <v>508434</v>
      </c>
      <c r="CL34" s="116">
        <v>508434</v>
      </c>
      <c r="CM34" s="110">
        <v>0</v>
      </c>
      <c r="CN34" s="114">
        <v>0</v>
      </c>
      <c r="CO34" s="113">
        <v>0</v>
      </c>
      <c r="CP34" s="111">
        <v>0</v>
      </c>
      <c r="CQ34" s="114">
        <v>84574</v>
      </c>
      <c r="CR34" s="114">
        <v>17213</v>
      </c>
      <c r="CS34" s="114">
        <v>75460</v>
      </c>
      <c r="CT34" s="114">
        <v>50701</v>
      </c>
      <c r="CU34" s="114">
        <v>0</v>
      </c>
      <c r="CV34" s="113">
        <v>227948</v>
      </c>
      <c r="CW34" s="116">
        <v>227948</v>
      </c>
      <c r="CX34" s="110">
        <v>0</v>
      </c>
      <c r="CY34" s="114">
        <v>0</v>
      </c>
      <c r="CZ34" s="113">
        <v>0</v>
      </c>
      <c r="DA34" s="110">
        <v>0</v>
      </c>
      <c r="DB34" s="114">
        <v>99158</v>
      </c>
      <c r="DC34" s="114">
        <v>0</v>
      </c>
      <c r="DD34" s="114">
        <v>101024</v>
      </c>
      <c r="DE34" s="114">
        <v>80304</v>
      </c>
      <c r="DF34" s="114">
        <v>0</v>
      </c>
      <c r="DG34" s="113">
        <v>280486</v>
      </c>
      <c r="DH34" s="116">
        <v>280486</v>
      </c>
      <c r="DI34" s="110">
        <v>0</v>
      </c>
      <c r="DJ34" s="114">
        <v>0</v>
      </c>
      <c r="DK34" s="112">
        <v>0</v>
      </c>
      <c r="DL34" s="111">
        <v>0</v>
      </c>
      <c r="DM34" s="114">
        <v>14896</v>
      </c>
      <c r="DN34" s="114">
        <v>0</v>
      </c>
      <c r="DO34" s="114">
        <v>0</v>
      </c>
      <c r="DP34" s="114">
        <v>0</v>
      </c>
      <c r="DQ34" s="114">
        <v>0</v>
      </c>
      <c r="DR34" s="113">
        <v>14896</v>
      </c>
      <c r="DS34" s="116">
        <v>14896</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14896</v>
      </c>
      <c r="EJ34" s="114">
        <v>0</v>
      </c>
      <c r="EK34" s="114">
        <v>0</v>
      </c>
      <c r="EL34" s="114">
        <v>0</v>
      </c>
      <c r="EM34" s="114">
        <v>0</v>
      </c>
      <c r="EN34" s="112">
        <v>14896</v>
      </c>
      <c r="EO34" s="116">
        <v>14896</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5"/>
      <c r="FE34" s="114">
        <v>0</v>
      </c>
      <c r="FF34" s="114">
        <v>0</v>
      </c>
      <c r="FG34" s="114">
        <v>0</v>
      </c>
      <c r="FH34" s="114">
        <v>0</v>
      </c>
      <c r="FI34" s="114">
        <v>0</v>
      </c>
      <c r="FJ34" s="113">
        <v>0</v>
      </c>
      <c r="FK34" s="116">
        <v>0</v>
      </c>
      <c r="FL34" s="110">
        <v>2100</v>
      </c>
      <c r="FM34" s="114">
        <v>3500</v>
      </c>
      <c r="FN34" s="113">
        <v>5600</v>
      </c>
      <c r="FO34" s="110">
        <v>0</v>
      </c>
      <c r="FP34" s="114">
        <v>35000</v>
      </c>
      <c r="FQ34" s="114">
        <v>700</v>
      </c>
      <c r="FR34" s="114">
        <v>115500</v>
      </c>
      <c r="FS34" s="114">
        <v>64680</v>
      </c>
      <c r="FT34" s="114">
        <v>0</v>
      </c>
      <c r="FU34" s="113">
        <v>215880</v>
      </c>
      <c r="FV34" s="116">
        <v>221480</v>
      </c>
      <c r="FW34" s="115">
        <v>2100</v>
      </c>
      <c r="FX34" s="114">
        <v>3500</v>
      </c>
      <c r="FY34" s="112">
        <v>5600</v>
      </c>
      <c r="FZ34" s="111">
        <v>0</v>
      </c>
      <c r="GA34" s="114">
        <v>35000</v>
      </c>
      <c r="GB34" s="114">
        <v>700</v>
      </c>
      <c r="GC34" s="114">
        <v>115500</v>
      </c>
      <c r="GD34" s="114">
        <v>64680</v>
      </c>
      <c r="GE34" s="114">
        <v>0</v>
      </c>
      <c r="GF34" s="113">
        <v>215880</v>
      </c>
      <c r="GG34" s="316">
        <v>221480</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269264</v>
      </c>
      <c r="HI34" s="114">
        <v>0</v>
      </c>
      <c r="HJ34" s="114">
        <v>0</v>
      </c>
      <c r="HK34" s="114">
        <v>371834</v>
      </c>
      <c r="HL34" s="114">
        <v>0</v>
      </c>
      <c r="HM34" s="113">
        <v>641098</v>
      </c>
      <c r="HN34" s="109">
        <v>641098</v>
      </c>
      <c r="HO34" s="326"/>
      <c r="HP34" s="327"/>
      <c r="HQ34" s="328"/>
      <c r="HR34" s="329"/>
      <c r="HS34" s="327"/>
      <c r="HT34" s="327"/>
      <c r="HU34" s="327"/>
      <c r="HV34" s="327"/>
      <c r="HW34" s="327"/>
      <c r="HX34" s="330"/>
      <c r="HY34" s="331"/>
      <c r="HZ34" s="150">
        <v>0</v>
      </c>
      <c r="IA34" s="135">
        <v>0</v>
      </c>
      <c r="IB34" s="150">
        <v>0</v>
      </c>
      <c r="IC34" s="134">
        <v>0</v>
      </c>
      <c r="ID34" s="135">
        <v>398946</v>
      </c>
      <c r="IE34" s="136">
        <v>0</v>
      </c>
      <c r="IF34" s="137">
        <v>447615</v>
      </c>
      <c r="IG34" s="135">
        <v>227311</v>
      </c>
      <c r="IH34" s="137">
        <v>0</v>
      </c>
      <c r="II34" s="138">
        <v>1073872</v>
      </c>
      <c r="IJ34" s="150">
        <v>1073872</v>
      </c>
      <c r="IK34" s="232">
        <v>0</v>
      </c>
      <c r="IL34" s="236">
        <v>0</v>
      </c>
      <c r="IM34" s="237">
        <v>0</v>
      </c>
      <c r="IN34" s="140"/>
      <c r="IO34" s="119">
        <v>52941</v>
      </c>
      <c r="IP34" s="119">
        <v>0</v>
      </c>
      <c r="IQ34" s="119">
        <v>140952</v>
      </c>
      <c r="IR34" s="119">
        <v>0</v>
      </c>
      <c r="IS34" s="119">
        <v>0</v>
      </c>
      <c r="IT34" s="141">
        <v>193893</v>
      </c>
      <c r="IU34" s="318">
        <v>193893</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943</v>
      </c>
      <c r="JL34" s="119">
        <v>0</v>
      </c>
      <c r="JM34" s="119">
        <v>0</v>
      </c>
      <c r="JN34" s="119">
        <v>0</v>
      </c>
      <c r="JO34" s="119">
        <v>0</v>
      </c>
      <c r="JP34" s="120">
        <v>10943</v>
      </c>
      <c r="JQ34" s="318">
        <v>10943</v>
      </c>
      <c r="JR34" s="142">
        <v>0</v>
      </c>
      <c r="JS34" s="119">
        <v>0</v>
      </c>
      <c r="JT34" s="141">
        <v>0</v>
      </c>
      <c r="JU34" s="118">
        <v>0</v>
      </c>
      <c r="JV34" s="119">
        <v>0</v>
      </c>
      <c r="JW34" s="119">
        <v>0</v>
      </c>
      <c r="JX34" s="119">
        <v>102949</v>
      </c>
      <c r="JY34" s="119">
        <v>0</v>
      </c>
      <c r="JZ34" s="119">
        <v>0</v>
      </c>
      <c r="KA34" s="120">
        <v>102949</v>
      </c>
      <c r="KB34" s="318">
        <v>102949</v>
      </c>
      <c r="KC34" s="234">
        <v>0</v>
      </c>
      <c r="KD34" s="230">
        <v>0</v>
      </c>
      <c r="KE34" s="120">
        <v>0</v>
      </c>
      <c r="KF34" s="118">
        <v>0</v>
      </c>
      <c r="KG34" s="119">
        <v>335062</v>
      </c>
      <c r="KH34" s="119">
        <v>0</v>
      </c>
      <c r="KI34" s="119">
        <v>203714</v>
      </c>
      <c r="KJ34" s="119">
        <v>0</v>
      </c>
      <c r="KK34" s="119">
        <v>0</v>
      </c>
      <c r="KL34" s="120">
        <v>538776</v>
      </c>
      <c r="KM34" s="143">
        <v>538776</v>
      </c>
      <c r="KN34" s="232">
        <v>0</v>
      </c>
      <c r="KO34" s="236">
        <v>0</v>
      </c>
      <c r="KP34" s="237">
        <v>0</v>
      </c>
      <c r="KQ34" s="140"/>
      <c r="KR34" s="119">
        <v>0</v>
      </c>
      <c r="KS34" s="119">
        <v>0</v>
      </c>
      <c r="KT34" s="119">
        <v>0</v>
      </c>
      <c r="KU34" s="119">
        <v>0</v>
      </c>
      <c r="KV34" s="119">
        <v>0</v>
      </c>
      <c r="KW34" s="120">
        <v>0</v>
      </c>
      <c r="KX34" s="318">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27311</v>
      </c>
      <c r="LR34" s="119">
        <v>0</v>
      </c>
      <c r="LS34" s="120">
        <v>227311</v>
      </c>
      <c r="LT34" s="318">
        <v>227311</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249270</v>
      </c>
      <c r="MN34" s="119">
        <v>0</v>
      </c>
      <c r="MO34" s="120">
        <v>249270</v>
      </c>
      <c r="MP34" s="143">
        <v>249270</v>
      </c>
      <c r="MQ34" s="142">
        <v>0</v>
      </c>
      <c r="MR34" s="119">
        <v>0</v>
      </c>
      <c r="MS34" s="120">
        <v>0</v>
      </c>
      <c r="MT34" s="145"/>
      <c r="MU34" s="119">
        <v>0</v>
      </c>
      <c r="MV34" s="119">
        <v>0</v>
      </c>
      <c r="MW34" s="119">
        <v>0</v>
      </c>
      <c r="MX34" s="119">
        <v>0</v>
      </c>
      <c r="MY34" s="119">
        <v>0</v>
      </c>
      <c r="MZ34" s="120">
        <v>0</v>
      </c>
      <c r="NA34" s="143">
        <v>0</v>
      </c>
      <c r="NB34" s="142">
        <v>0</v>
      </c>
      <c r="NC34" s="119">
        <v>0</v>
      </c>
      <c r="ND34" s="120">
        <v>0</v>
      </c>
      <c r="NE34" s="145"/>
      <c r="NF34" s="119">
        <v>0</v>
      </c>
      <c r="NG34" s="119">
        <v>0</v>
      </c>
      <c r="NH34" s="119">
        <v>0</v>
      </c>
      <c r="NI34" s="119">
        <v>249270</v>
      </c>
      <c r="NJ34" s="119">
        <v>0</v>
      </c>
      <c r="NK34" s="120">
        <v>249270</v>
      </c>
      <c r="NL34" s="318">
        <v>24927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2100</v>
      </c>
      <c r="OJ34" s="119">
        <v>68978</v>
      </c>
      <c r="OK34" s="141">
        <v>71078</v>
      </c>
      <c r="OL34" s="118">
        <v>0</v>
      </c>
      <c r="OM34" s="119">
        <v>1015707</v>
      </c>
      <c r="ON34" s="119">
        <v>186289</v>
      </c>
      <c r="OO34" s="119">
        <v>909797</v>
      </c>
      <c r="OP34" s="119">
        <v>1392714</v>
      </c>
      <c r="OQ34" s="119">
        <v>0</v>
      </c>
      <c r="OR34" s="120">
        <v>3504507</v>
      </c>
      <c r="OS34" s="143">
        <v>3575585</v>
      </c>
    </row>
    <row r="35" spans="2:409" ht="21" customHeight="1" x14ac:dyDescent="0.2">
      <c r="B35" s="126" t="s">
        <v>30</v>
      </c>
      <c r="C35" s="110">
        <v>16310</v>
      </c>
      <c r="D35" s="114">
        <v>2100</v>
      </c>
      <c r="E35" s="174">
        <v>18410</v>
      </c>
      <c r="F35" s="175">
        <v>0</v>
      </c>
      <c r="G35" s="176">
        <v>395820</v>
      </c>
      <c r="H35" s="176">
        <v>529413</v>
      </c>
      <c r="I35" s="176">
        <v>61670</v>
      </c>
      <c r="J35" s="176">
        <v>212978</v>
      </c>
      <c r="K35" s="176">
        <v>0</v>
      </c>
      <c r="L35" s="177">
        <v>1199881</v>
      </c>
      <c r="M35" s="116">
        <v>1218291</v>
      </c>
      <c r="N35" s="110">
        <v>0</v>
      </c>
      <c r="O35" s="114">
        <v>0</v>
      </c>
      <c r="P35" s="113">
        <v>0</v>
      </c>
      <c r="Q35" s="110">
        <v>0</v>
      </c>
      <c r="R35" s="114">
        <v>120951</v>
      </c>
      <c r="S35" s="114">
        <v>64701</v>
      </c>
      <c r="T35" s="114">
        <v>212303</v>
      </c>
      <c r="U35" s="114">
        <v>72954</v>
      </c>
      <c r="V35" s="114">
        <v>0</v>
      </c>
      <c r="W35" s="113">
        <v>470909</v>
      </c>
      <c r="X35" s="116">
        <v>470909</v>
      </c>
      <c r="Y35" s="110">
        <v>0</v>
      </c>
      <c r="Z35" s="114">
        <v>0</v>
      </c>
      <c r="AA35" s="113">
        <v>0</v>
      </c>
      <c r="AB35" s="110">
        <v>0</v>
      </c>
      <c r="AC35" s="114">
        <v>32466</v>
      </c>
      <c r="AD35" s="114">
        <v>36505</v>
      </c>
      <c r="AE35" s="114">
        <v>188545</v>
      </c>
      <c r="AF35" s="114">
        <v>0</v>
      </c>
      <c r="AG35" s="114">
        <v>0</v>
      </c>
      <c r="AH35" s="113">
        <v>257516</v>
      </c>
      <c r="AI35" s="116">
        <v>257516</v>
      </c>
      <c r="AJ35" s="110">
        <v>0</v>
      </c>
      <c r="AK35" s="114">
        <v>0</v>
      </c>
      <c r="AL35" s="113">
        <v>0</v>
      </c>
      <c r="AM35" s="110">
        <v>0</v>
      </c>
      <c r="AN35" s="114">
        <v>49810</v>
      </c>
      <c r="AO35" s="114">
        <v>0</v>
      </c>
      <c r="AP35" s="114">
        <v>0</v>
      </c>
      <c r="AQ35" s="114">
        <v>38241</v>
      </c>
      <c r="AR35" s="114">
        <v>0</v>
      </c>
      <c r="AS35" s="113">
        <v>88051</v>
      </c>
      <c r="AT35" s="116">
        <v>88051</v>
      </c>
      <c r="AU35" s="110">
        <v>0</v>
      </c>
      <c r="AV35" s="114">
        <v>0</v>
      </c>
      <c r="AW35" s="113">
        <v>0</v>
      </c>
      <c r="AX35" s="110">
        <v>0</v>
      </c>
      <c r="AY35" s="114">
        <v>20678</v>
      </c>
      <c r="AZ35" s="114">
        <v>26110</v>
      </c>
      <c r="BA35" s="114">
        <v>0</v>
      </c>
      <c r="BB35" s="114">
        <v>34713</v>
      </c>
      <c r="BC35" s="114">
        <v>0</v>
      </c>
      <c r="BD35" s="113">
        <v>81501</v>
      </c>
      <c r="BE35" s="116">
        <v>81501</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7997</v>
      </c>
      <c r="BV35" s="114">
        <v>2086</v>
      </c>
      <c r="BW35" s="114">
        <v>23758</v>
      </c>
      <c r="BX35" s="114">
        <v>0</v>
      </c>
      <c r="BY35" s="114">
        <v>0</v>
      </c>
      <c r="BZ35" s="113">
        <v>43841</v>
      </c>
      <c r="CA35" s="116">
        <v>43841</v>
      </c>
      <c r="CB35" s="110">
        <v>0</v>
      </c>
      <c r="CC35" s="114">
        <v>0</v>
      </c>
      <c r="CD35" s="113">
        <v>0</v>
      </c>
      <c r="CE35" s="110">
        <v>0</v>
      </c>
      <c r="CF35" s="114">
        <v>0</v>
      </c>
      <c r="CG35" s="114">
        <v>215929</v>
      </c>
      <c r="CH35" s="114">
        <v>0</v>
      </c>
      <c r="CI35" s="114">
        <v>89904</v>
      </c>
      <c r="CJ35" s="114">
        <v>0</v>
      </c>
      <c r="CK35" s="113">
        <v>305833</v>
      </c>
      <c r="CL35" s="116">
        <v>305833</v>
      </c>
      <c r="CM35" s="110">
        <v>0</v>
      </c>
      <c r="CN35" s="114">
        <v>0</v>
      </c>
      <c r="CO35" s="113">
        <v>0</v>
      </c>
      <c r="CP35" s="111">
        <v>0</v>
      </c>
      <c r="CQ35" s="114">
        <v>0</v>
      </c>
      <c r="CR35" s="114">
        <v>162167</v>
      </c>
      <c r="CS35" s="114">
        <v>0</v>
      </c>
      <c r="CT35" s="114">
        <v>0</v>
      </c>
      <c r="CU35" s="114">
        <v>0</v>
      </c>
      <c r="CV35" s="113">
        <v>162167</v>
      </c>
      <c r="CW35" s="116">
        <v>162167</v>
      </c>
      <c r="CX35" s="110">
        <v>0</v>
      </c>
      <c r="CY35" s="114">
        <v>0</v>
      </c>
      <c r="CZ35" s="113">
        <v>0</v>
      </c>
      <c r="DA35" s="110">
        <v>0</v>
      </c>
      <c r="DB35" s="114">
        <v>0</v>
      </c>
      <c r="DC35" s="114">
        <v>53762</v>
      </c>
      <c r="DD35" s="114">
        <v>0</v>
      </c>
      <c r="DE35" s="114">
        <v>89904</v>
      </c>
      <c r="DF35" s="114">
        <v>0</v>
      </c>
      <c r="DG35" s="113">
        <v>143666</v>
      </c>
      <c r="DH35" s="116">
        <v>143666</v>
      </c>
      <c r="DI35" s="110">
        <v>0</v>
      </c>
      <c r="DJ35" s="114">
        <v>0</v>
      </c>
      <c r="DK35" s="112">
        <v>0</v>
      </c>
      <c r="DL35" s="111">
        <v>0</v>
      </c>
      <c r="DM35" s="114">
        <v>0</v>
      </c>
      <c r="DN35" s="114">
        <v>74203</v>
      </c>
      <c r="DO35" s="114">
        <v>0</v>
      </c>
      <c r="DP35" s="114">
        <v>0</v>
      </c>
      <c r="DQ35" s="114">
        <v>0</v>
      </c>
      <c r="DR35" s="113">
        <v>74203</v>
      </c>
      <c r="DS35" s="116">
        <v>74203</v>
      </c>
      <c r="DT35" s="110">
        <v>0</v>
      </c>
      <c r="DU35" s="114">
        <v>0</v>
      </c>
      <c r="DV35" s="113">
        <v>0</v>
      </c>
      <c r="DW35" s="110">
        <v>0</v>
      </c>
      <c r="DX35" s="114">
        <v>0</v>
      </c>
      <c r="DY35" s="114">
        <v>57321</v>
      </c>
      <c r="DZ35" s="114">
        <v>0</v>
      </c>
      <c r="EA35" s="114">
        <v>0</v>
      </c>
      <c r="EB35" s="114">
        <v>0</v>
      </c>
      <c r="EC35" s="113">
        <v>57321</v>
      </c>
      <c r="ED35" s="116">
        <v>57321</v>
      </c>
      <c r="EE35" s="110">
        <v>0</v>
      </c>
      <c r="EF35" s="112">
        <v>0</v>
      </c>
      <c r="EG35" s="113">
        <v>0</v>
      </c>
      <c r="EH35" s="110">
        <v>0</v>
      </c>
      <c r="EI35" s="114">
        <v>0</v>
      </c>
      <c r="EJ35" s="114">
        <v>16882</v>
      </c>
      <c r="EK35" s="114">
        <v>0</v>
      </c>
      <c r="EL35" s="114">
        <v>0</v>
      </c>
      <c r="EM35" s="114">
        <v>0</v>
      </c>
      <c r="EN35" s="112">
        <v>16882</v>
      </c>
      <c r="EO35" s="116">
        <v>16882</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5"/>
      <c r="FE35" s="114">
        <v>0</v>
      </c>
      <c r="FF35" s="114">
        <v>0</v>
      </c>
      <c r="FG35" s="114">
        <v>0</v>
      </c>
      <c r="FH35" s="114">
        <v>0</v>
      </c>
      <c r="FI35" s="114">
        <v>0</v>
      </c>
      <c r="FJ35" s="113">
        <v>0</v>
      </c>
      <c r="FK35" s="116">
        <v>0</v>
      </c>
      <c r="FL35" s="110">
        <v>16310</v>
      </c>
      <c r="FM35" s="114">
        <v>2100</v>
      </c>
      <c r="FN35" s="113">
        <v>18410</v>
      </c>
      <c r="FO35" s="110">
        <v>0</v>
      </c>
      <c r="FP35" s="114">
        <v>2100</v>
      </c>
      <c r="FQ35" s="114">
        <v>24444</v>
      </c>
      <c r="FR35" s="114">
        <v>3010</v>
      </c>
      <c r="FS35" s="114">
        <v>50120</v>
      </c>
      <c r="FT35" s="114">
        <v>0</v>
      </c>
      <c r="FU35" s="113">
        <v>79674</v>
      </c>
      <c r="FV35" s="116">
        <v>98084</v>
      </c>
      <c r="FW35" s="115">
        <v>16310</v>
      </c>
      <c r="FX35" s="114">
        <v>2100</v>
      </c>
      <c r="FY35" s="112">
        <v>18410</v>
      </c>
      <c r="FZ35" s="111">
        <v>0</v>
      </c>
      <c r="GA35" s="114">
        <v>2100</v>
      </c>
      <c r="GB35" s="114">
        <v>24444</v>
      </c>
      <c r="GC35" s="114">
        <v>3010</v>
      </c>
      <c r="GD35" s="114">
        <v>50120</v>
      </c>
      <c r="GE35" s="114">
        <v>0</v>
      </c>
      <c r="GF35" s="113">
        <v>79674</v>
      </c>
      <c r="GG35" s="316">
        <v>98084</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272769</v>
      </c>
      <c r="HI35" s="114">
        <v>150136</v>
      </c>
      <c r="HJ35" s="114">
        <v>-153643</v>
      </c>
      <c r="HK35" s="114">
        <v>0</v>
      </c>
      <c r="HL35" s="114">
        <v>0</v>
      </c>
      <c r="HM35" s="113">
        <v>269262</v>
      </c>
      <c r="HN35" s="109">
        <v>269262</v>
      </c>
      <c r="HO35" s="326"/>
      <c r="HP35" s="327"/>
      <c r="HQ35" s="328"/>
      <c r="HR35" s="329"/>
      <c r="HS35" s="327"/>
      <c r="HT35" s="327"/>
      <c r="HU35" s="327"/>
      <c r="HV35" s="327"/>
      <c r="HW35" s="327"/>
      <c r="HX35" s="330"/>
      <c r="HY35" s="331"/>
      <c r="HZ35" s="131">
        <v>0</v>
      </c>
      <c r="IA35" s="132">
        <v>0</v>
      </c>
      <c r="IB35" s="133">
        <v>0</v>
      </c>
      <c r="IC35" s="146">
        <v>0</v>
      </c>
      <c r="ID35" s="132">
        <v>56595</v>
      </c>
      <c r="IE35" s="147">
        <v>47096</v>
      </c>
      <c r="IF35" s="133">
        <v>0</v>
      </c>
      <c r="IG35" s="132">
        <v>0</v>
      </c>
      <c r="IH35" s="133">
        <v>0</v>
      </c>
      <c r="II35" s="148">
        <v>103691</v>
      </c>
      <c r="IJ35" s="139">
        <v>103691</v>
      </c>
      <c r="IK35" s="232">
        <v>0</v>
      </c>
      <c r="IL35" s="236">
        <v>0</v>
      </c>
      <c r="IM35" s="237">
        <v>0</v>
      </c>
      <c r="IN35" s="140"/>
      <c r="IO35" s="119">
        <v>0</v>
      </c>
      <c r="IP35" s="119">
        <v>0</v>
      </c>
      <c r="IQ35" s="119">
        <v>0</v>
      </c>
      <c r="IR35" s="119">
        <v>0</v>
      </c>
      <c r="IS35" s="119">
        <v>0</v>
      </c>
      <c r="IT35" s="141">
        <v>0</v>
      </c>
      <c r="IU35" s="318">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56595</v>
      </c>
      <c r="JL35" s="119">
        <v>0</v>
      </c>
      <c r="JM35" s="119">
        <v>0</v>
      </c>
      <c r="JN35" s="119">
        <v>0</v>
      </c>
      <c r="JO35" s="119">
        <v>0</v>
      </c>
      <c r="JP35" s="120">
        <v>56595</v>
      </c>
      <c r="JQ35" s="318">
        <v>56595</v>
      </c>
      <c r="JR35" s="142">
        <v>0</v>
      </c>
      <c r="JS35" s="119">
        <v>0</v>
      </c>
      <c r="JT35" s="141">
        <v>0</v>
      </c>
      <c r="JU35" s="118">
        <v>0</v>
      </c>
      <c r="JV35" s="119">
        <v>0</v>
      </c>
      <c r="JW35" s="119">
        <v>47096</v>
      </c>
      <c r="JX35" s="119">
        <v>0</v>
      </c>
      <c r="JY35" s="119">
        <v>0</v>
      </c>
      <c r="JZ35" s="119">
        <v>0</v>
      </c>
      <c r="KA35" s="120">
        <v>47096</v>
      </c>
      <c r="KB35" s="318">
        <v>47096</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0</v>
      </c>
      <c r="KV35" s="119">
        <v>0</v>
      </c>
      <c r="KW35" s="120">
        <v>0</v>
      </c>
      <c r="KX35" s="318">
        <v>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18">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9928</v>
      </c>
      <c r="MK35" s="119">
        <v>0</v>
      </c>
      <c r="ML35" s="119">
        <v>213563</v>
      </c>
      <c r="MM35" s="119">
        <v>414425</v>
      </c>
      <c r="MN35" s="119">
        <v>257443</v>
      </c>
      <c r="MO35" s="120">
        <v>1065359</v>
      </c>
      <c r="MP35" s="143">
        <v>1065359</v>
      </c>
      <c r="MQ35" s="142">
        <v>0</v>
      </c>
      <c r="MR35" s="119">
        <v>0</v>
      </c>
      <c r="MS35" s="120">
        <v>0</v>
      </c>
      <c r="MT35" s="145"/>
      <c r="MU35" s="119">
        <v>0</v>
      </c>
      <c r="MV35" s="119">
        <v>0</v>
      </c>
      <c r="MW35" s="119">
        <v>213563</v>
      </c>
      <c r="MX35" s="119">
        <v>414425</v>
      </c>
      <c r="MY35" s="119">
        <v>0</v>
      </c>
      <c r="MZ35" s="120">
        <v>627988</v>
      </c>
      <c r="NA35" s="143">
        <v>627988</v>
      </c>
      <c r="NB35" s="142">
        <v>0</v>
      </c>
      <c r="NC35" s="119">
        <v>0</v>
      </c>
      <c r="ND35" s="120">
        <v>0</v>
      </c>
      <c r="NE35" s="145"/>
      <c r="NF35" s="119">
        <v>179928</v>
      </c>
      <c r="NG35" s="119">
        <v>0</v>
      </c>
      <c r="NH35" s="119">
        <v>0</v>
      </c>
      <c r="NI35" s="119">
        <v>0</v>
      </c>
      <c r="NJ35" s="119">
        <v>257443</v>
      </c>
      <c r="NK35" s="120">
        <v>437371</v>
      </c>
      <c r="NL35" s="318">
        <v>437371</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16310</v>
      </c>
      <c r="OJ35" s="119">
        <v>2100</v>
      </c>
      <c r="OK35" s="141">
        <v>18410</v>
      </c>
      <c r="OL35" s="118">
        <v>0</v>
      </c>
      <c r="OM35" s="119">
        <v>632343</v>
      </c>
      <c r="ON35" s="119">
        <v>576509</v>
      </c>
      <c r="OO35" s="119">
        <v>275233</v>
      </c>
      <c r="OP35" s="119">
        <v>627403</v>
      </c>
      <c r="OQ35" s="119">
        <v>257443</v>
      </c>
      <c r="OR35" s="120">
        <v>2368931</v>
      </c>
      <c r="OS35" s="143">
        <v>2387341</v>
      </c>
    </row>
    <row r="36" spans="2:409" ht="21" customHeight="1" x14ac:dyDescent="0.2">
      <c r="B36" s="126" t="s">
        <v>31</v>
      </c>
      <c r="C36" s="110">
        <v>10780</v>
      </c>
      <c r="D36" s="114">
        <v>0</v>
      </c>
      <c r="E36" s="113">
        <v>10780</v>
      </c>
      <c r="F36" s="109">
        <v>0</v>
      </c>
      <c r="G36" s="114">
        <v>209353</v>
      </c>
      <c r="H36" s="114">
        <v>222407</v>
      </c>
      <c r="I36" s="114">
        <v>237813</v>
      </c>
      <c r="J36" s="114">
        <v>457810</v>
      </c>
      <c r="K36" s="114">
        <v>194320</v>
      </c>
      <c r="L36" s="173">
        <v>1321703</v>
      </c>
      <c r="M36" s="116">
        <v>1332483</v>
      </c>
      <c r="N36" s="110">
        <v>0</v>
      </c>
      <c r="O36" s="114">
        <v>0</v>
      </c>
      <c r="P36" s="113">
        <v>0</v>
      </c>
      <c r="Q36" s="110">
        <v>0</v>
      </c>
      <c r="R36" s="114">
        <v>42826</v>
      </c>
      <c r="S36" s="114">
        <v>33096</v>
      </c>
      <c r="T36" s="114">
        <v>90851</v>
      </c>
      <c r="U36" s="114">
        <v>209689</v>
      </c>
      <c r="V36" s="114">
        <v>162470</v>
      </c>
      <c r="W36" s="113">
        <v>538932</v>
      </c>
      <c r="X36" s="116">
        <v>538932</v>
      </c>
      <c r="Y36" s="110">
        <v>0</v>
      </c>
      <c r="Z36" s="114">
        <v>0</v>
      </c>
      <c r="AA36" s="113">
        <v>0</v>
      </c>
      <c r="AB36" s="110">
        <v>0</v>
      </c>
      <c r="AC36" s="114">
        <v>0</v>
      </c>
      <c r="AD36" s="114">
        <v>0</v>
      </c>
      <c r="AE36" s="114">
        <v>46116</v>
      </c>
      <c r="AF36" s="114">
        <v>28784</v>
      </c>
      <c r="AG36" s="114">
        <v>0</v>
      </c>
      <c r="AH36" s="113">
        <v>74900</v>
      </c>
      <c r="AI36" s="116">
        <v>74900</v>
      </c>
      <c r="AJ36" s="110">
        <v>0</v>
      </c>
      <c r="AK36" s="114">
        <v>0</v>
      </c>
      <c r="AL36" s="113">
        <v>0</v>
      </c>
      <c r="AM36" s="110">
        <v>0</v>
      </c>
      <c r="AN36" s="114">
        <v>0</v>
      </c>
      <c r="AO36" s="114">
        <v>0</v>
      </c>
      <c r="AP36" s="114">
        <v>0</v>
      </c>
      <c r="AQ36" s="114">
        <v>0</v>
      </c>
      <c r="AR36" s="114">
        <v>86051</v>
      </c>
      <c r="AS36" s="113">
        <v>86051</v>
      </c>
      <c r="AT36" s="116">
        <v>86051</v>
      </c>
      <c r="AU36" s="110">
        <v>0</v>
      </c>
      <c r="AV36" s="114">
        <v>0</v>
      </c>
      <c r="AW36" s="113">
        <v>0</v>
      </c>
      <c r="AX36" s="110">
        <v>0</v>
      </c>
      <c r="AY36" s="114">
        <v>36813</v>
      </c>
      <c r="AZ36" s="114">
        <v>24696</v>
      </c>
      <c r="BA36" s="114">
        <v>44735</v>
      </c>
      <c r="BB36" s="114">
        <v>173681</v>
      </c>
      <c r="BC36" s="114">
        <v>72415</v>
      </c>
      <c r="BD36" s="113">
        <v>352340</v>
      </c>
      <c r="BE36" s="116">
        <v>352340</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6013</v>
      </c>
      <c r="BV36" s="114">
        <v>8400</v>
      </c>
      <c r="BW36" s="114">
        <v>0</v>
      </c>
      <c r="BX36" s="114">
        <v>7224</v>
      </c>
      <c r="BY36" s="114">
        <v>4004</v>
      </c>
      <c r="BZ36" s="113">
        <v>25641</v>
      </c>
      <c r="CA36" s="116">
        <v>25641</v>
      </c>
      <c r="CB36" s="110">
        <v>0</v>
      </c>
      <c r="CC36" s="114">
        <v>0</v>
      </c>
      <c r="CD36" s="113">
        <v>0</v>
      </c>
      <c r="CE36" s="110">
        <v>0</v>
      </c>
      <c r="CF36" s="114">
        <v>8071</v>
      </c>
      <c r="CG36" s="114">
        <v>137975</v>
      </c>
      <c r="CH36" s="114">
        <v>140242</v>
      </c>
      <c r="CI36" s="114">
        <v>160621</v>
      </c>
      <c r="CJ36" s="114">
        <v>0</v>
      </c>
      <c r="CK36" s="113">
        <v>446909</v>
      </c>
      <c r="CL36" s="116">
        <v>446909</v>
      </c>
      <c r="CM36" s="110">
        <v>0</v>
      </c>
      <c r="CN36" s="114">
        <v>0</v>
      </c>
      <c r="CO36" s="113">
        <v>0</v>
      </c>
      <c r="CP36" s="111">
        <v>0</v>
      </c>
      <c r="CQ36" s="114">
        <v>0</v>
      </c>
      <c r="CR36" s="114">
        <v>137975</v>
      </c>
      <c r="CS36" s="114">
        <v>140242</v>
      </c>
      <c r="CT36" s="114">
        <v>132752</v>
      </c>
      <c r="CU36" s="114">
        <v>0</v>
      </c>
      <c r="CV36" s="113">
        <v>410969</v>
      </c>
      <c r="CW36" s="116">
        <v>410969</v>
      </c>
      <c r="CX36" s="110">
        <v>0</v>
      </c>
      <c r="CY36" s="114">
        <v>0</v>
      </c>
      <c r="CZ36" s="113">
        <v>0</v>
      </c>
      <c r="DA36" s="110">
        <v>0</v>
      </c>
      <c r="DB36" s="114">
        <v>8071</v>
      </c>
      <c r="DC36" s="114">
        <v>0</v>
      </c>
      <c r="DD36" s="114">
        <v>0</v>
      </c>
      <c r="DE36" s="114">
        <v>27869</v>
      </c>
      <c r="DF36" s="114">
        <v>0</v>
      </c>
      <c r="DG36" s="113">
        <v>35940</v>
      </c>
      <c r="DH36" s="116">
        <v>35940</v>
      </c>
      <c r="DI36" s="110">
        <v>0</v>
      </c>
      <c r="DJ36" s="114">
        <v>0</v>
      </c>
      <c r="DK36" s="112">
        <v>0</v>
      </c>
      <c r="DL36" s="111">
        <v>0</v>
      </c>
      <c r="DM36" s="114">
        <v>0</v>
      </c>
      <c r="DN36" s="114">
        <v>35411</v>
      </c>
      <c r="DO36" s="114">
        <v>0</v>
      </c>
      <c r="DP36" s="114">
        <v>0</v>
      </c>
      <c r="DQ36" s="114">
        <v>0</v>
      </c>
      <c r="DR36" s="113">
        <v>35411</v>
      </c>
      <c r="DS36" s="116">
        <v>35411</v>
      </c>
      <c r="DT36" s="110">
        <v>0</v>
      </c>
      <c r="DU36" s="114">
        <v>0</v>
      </c>
      <c r="DV36" s="113">
        <v>0</v>
      </c>
      <c r="DW36" s="110">
        <v>0</v>
      </c>
      <c r="DX36" s="114">
        <v>0</v>
      </c>
      <c r="DY36" s="114">
        <v>0</v>
      </c>
      <c r="DZ36" s="114">
        <v>0</v>
      </c>
      <c r="EA36" s="114">
        <v>0</v>
      </c>
      <c r="EB36" s="114">
        <v>0</v>
      </c>
      <c r="EC36" s="113">
        <v>0</v>
      </c>
      <c r="ED36" s="116">
        <v>0</v>
      </c>
      <c r="EE36" s="110">
        <v>0</v>
      </c>
      <c r="EF36" s="112">
        <v>0</v>
      </c>
      <c r="EG36" s="113">
        <v>0</v>
      </c>
      <c r="EH36" s="110">
        <v>0</v>
      </c>
      <c r="EI36" s="114">
        <v>0</v>
      </c>
      <c r="EJ36" s="114">
        <v>35411</v>
      </c>
      <c r="EK36" s="114">
        <v>0</v>
      </c>
      <c r="EL36" s="114">
        <v>0</v>
      </c>
      <c r="EM36" s="114">
        <v>0</v>
      </c>
      <c r="EN36" s="112">
        <v>35411</v>
      </c>
      <c r="EO36" s="116">
        <v>35411</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5"/>
      <c r="FE36" s="114">
        <v>0</v>
      </c>
      <c r="FF36" s="114">
        <v>0</v>
      </c>
      <c r="FG36" s="114">
        <v>0</v>
      </c>
      <c r="FH36" s="114">
        <v>0</v>
      </c>
      <c r="FI36" s="114">
        <v>0</v>
      </c>
      <c r="FJ36" s="113">
        <v>0</v>
      </c>
      <c r="FK36" s="116">
        <v>0</v>
      </c>
      <c r="FL36" s="110">
        <v>10780</v>
      </c>
      <c r="FM36" s="114">
        <v>0</v>
      </c>
      <c r="FN36" s="113">
        <v>10780</v>
      </c>
      <c r="FO36" s="110">
        <v>0</v>
      </c>
      <c r="FP36" s="114">
        <v>15470</v>
      </c>
      <c r="FQ36" s="114">
        <v>15925</v>
      </c>
      <c r="FR36" s="114">
        <v>6720</v>
      </c>
      <c r="FS36" s="114">
        <v>87500</v>
      </c>
      <c r="FT36" s="114">
        <v>31850</v>
      </c>
      <c r="FU36" s="113">
        <v>157465</v>
      </c>
      <c r="FV36" s="116">
        <v>168245</v>
      </c>
      <c r="FW36" s="115">
        <v>10780</v>
      </c>
      <c r="FX36" s="114">
        <v>0</v>
      </c>
      <c r="FY36" s="112">
        <v>10780</v>
      </c>
      <c r="FZ36" s="111">
        <v>0</v>
      </c>
      <c r="GA36" s="114">
        <v>15470</v>
      </c>
      <c r="GB36" s="114">
        <v>15925</v>
      </c>
      <c r="GC36" s="114">
        <v>6720</v>
      </c>
      <c r="GD36" s="114">
        <v>87500</v>
      </c>
      <c r="GE36" s="114">
        <v>31850</v>
      </c>
      <c r="GF36" s="113">
        <v>157465</v>
      </c>
      <c r="GG36" s="316">
        <v>168245</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142986</v>
      </c>
      <c r="HI36" s="114">
        <v>0</v>
      </c>
      <c r="HJ36" s="114">
        <v>0</v>
      </c>
      <c r="HK36" s="114">
        <v>0</v>
      </c>
      <c r="HL36" s="114">
        <v>0</v>
      </c>
      <c r="HM36" s="113">
        <v>142986</v>
      </c>
      <c r="HN36" s="109">
        <v>142986</v>
      </c>
      <c r="HO36" s="326"/>
      <c r="HP36" s="327"/>
      <c r="HQ36" s="328"/>
      <c r="HR36" s="329"/>
      <c r="HS36" s="327"/>
      <c r="HT36" s="327"/>
      <c r="HU36" s="327"/>
      <c r="HV36" s="327"/>
      <c r="HW36" s="327"/>
      <c r="HX36" s="330"/>
      <c r="HY36" s="331"/>
      <c r="HZ36" s="150">
        <v>0</v>
      </c>
      <c r="IA36" s="135">
        <v>0</v>
      </c>
      <c r="IB36" s="150">
        <v>0</v>
      </c>
      <c r="IC36" s="134">
        <v>0</v>
      </c>
      <c r="ID36" s="135">
        <v>35403</v>
      </c>
      <c r="IE36" s="136">
        <v>256030</v>
      </c>
      <c r="IF36" s="137">
        <v>149827</v>
      </c>
      <c r="IG36" s="135">
        <v>0</v>
      </c>
      <c r="IH36" s="137">
        <v>225120</v>
      </c>
      <c r="II36" s="138">
        <v>666380</v>
      </c>
      <c r="IJ36" s="150">
        <v>666380</v>
      </c>
      <c r="IK36" s="232">
        <v>0</v>
      </c>
      <c r="IL36" s="236">
        <v>0</v>
      </c>
      <c r="IM36" s="237">
        <v>0</v>
      </c>
      <c r="IN36" s="140"/>
      <c r="IO36" s="119">
        <v>0</v>
      </c>
      <c r="IP36" s="119">
        <v>87472</v>
      </c>
      <c r="IQ36" s="119">
        <v>0</v>
      </c>
      <c r="IR36" s="119">
        <v>0</v>
      </c>
      <c r="IS36" s="119">
        <v>0</v>
      </c>
      <c r="IT36" s="141">
        <v>87472</v>
      </c>
      <c r="IU36" s="318">
        <v>87472</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35403</v>
      </c>
      <c r="JL36" s="119">
        <v>15998</v>
      </c>
      <c r="JM36" s="119">
        <v>78869</v>
      </c>
      <c r="JN36" s="119">
        <v>0</v>
      </c>
      <c r="JO36" s="119">
        <v>0</v>
      </c>
      <c r="JP36" s="120">
        <v>130270</v>
      </c>
      <c r="JQ36" s="318">
        <v>130270</v>
      </c>
      <c r="JR36" s="142">
        <v>0</v>
      </c>
      <c r="JS36" s="119">
        <v>0</v>
      </c>
      <c r="JT36" s="141">
        <v>0</v>
      </c>
      <c r="JU36" s="118">
        <v>0</v>
      </c>
      <c r="JV36" s="119">
        <v>0</v>
      </c>
      <c r="JW36" s="119">
        <v>0</v>
      </c>
      <c r="JX36" s="119">
        <v>0</v>
      </c>
      <c r="JY36" s="119">
        <v>0</v>
      </c>
      <c r="JZ36" s="119">
        <v>0</v>
      </c>
      <c r="KA36" s="120">
        <v>0</v>
      </c>
      <c r="KB36" s="318">
        <v>0</v>
      </c>
      <c r="KC36" s="234">
        <v>0</v>
      </c>
      <c r="KD36" s="230">
        <v>0</v>
      </c>
      <c r="KE36" s="120">
        <v>0</v>
      </c>
      <c r="KF36" s="118">
        <v>0</v>
      </c>
      <c r="KG36" s="119">
        <v>0</v>
      </c>
      <c r="KH36" s="119">
        <v>152560</v>
      </c>
      <c r="KI36" s="119">
        <v>0</v>
      </c>
      <c r="KJ36" s="119">
        <v>0</v>
      </c>
      <c r="KK36" s="119">
        <v>0</v>
      </c>
      <c r="KL36" s="120">
        <v>152560</v>
      </c>
      <c r="KM36" s="143">
        <v>152560</v>
      </c>
      <c r="KN36" s="232">
        <v>0</v>
      </c>
      <c r="KO36" s="236">
        <v>0</v>
      </c>
      <c r="KP36" s="237">
        <v>0</v>
      </c>
      <c r="KQ36" s="140"/>
      <c r="KR36" s="119">
        <v>0</v>
      </c>
      <c r="KS36" s="119">
        <v>0</v>
      </c>
      <c r="KT36" s="119">
        <v>70958</v>
      </c>
      <c r="KU36" s="119">
        <v>0</v>
      </c>
      <c r="KV36" s="119">
        <v>225120</v>
      </c>
      <c r="KW36" s="120">
        <v>296078</v>
      </c>
      <c r="KX36" s="318">
        <v>296078</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18">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17504</v>
      </c>
      <c r="ML36" s="119">
        <v>206075</v>
      </c>
      <c r="MM36" s="119">
        <v>0</v>
      </c>
      <c r="MN36" s="119">
        <v>481460</v>
      </c>
      <c r="MO36" s="120">
        <v>905039</v>
      </c>
      <c r="MP36" s="143">
        <v>905039</v>
      </c>
      <c r="MQ36" s="142">
        <v>0</v>
      </c>
      <c r="MR36" s="119">
        <v>0</v>
      </c>
      <c r="MS36" s="120">
        <v>0</v>
      </c>
      <c r="MT36" s="145"/>
      <c r="MU36" s="119">
        <v>0</v>
      </c>
      <c r="MV36" s="119">
        <v>0</v>
      </c>
      <c r="MW36" s="119">
        <v>206075</v>
      </c>
      <c r="MX36" s="119">
        <v>0</v>
      </c>
      <c r="MY36" s="119">
        <v>226996</v>
      </c>
      <c r="MZ36" s="120">
        <v>433071</v>
      </c>
      <c r="NA36" s="143">
        <v>433071</v>
      </c>
      <c r="NB36" s="142">
        <v>0</v>
      </c>
      <c r="NC36" s="119">
        <v>0</v>
      </c>
      <c r="ND36" s="120">
        <v>0</v>
      </c>
      <c r="NE36" s="145"/>
      <c r="NF36" s="119">
        <v>0</v>
      </c>
      <c r="NG36" s="119">
        <v>217504</v>
      </c>
      <c r="NH36" s="119">
        <v>0</v>
      </c>
      <c r="NI36" s="119">
        <v>0</v>
      </c>
      <c r="NJ36" s="119">
        <v>254464</v>
      </c>
      <c r="NK36" s="120">
        <v>471968</v>
      </c>
      <c r="NL36" s="318">
        <v>471968</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0780</v>
      </c>
      <c r="OJ36" s="119">
        <v>0</v>
      </c>
      <c r="OK36" s="141">
        <v>10780</v>
      </c>
      <c r="OL36" s="118">
        <v>0</v>
      </c>
      <c r="OM36" s="119">
        <v>244756</v>
      </c>
      <c r="ON36" s="119">
        <v>695941</v>
      </c>
      <c r="OO36" s="119">
        <v>593715</v>
      </c>
      <c r="OP36" s="119">
        <v>457810</v>
      </c>
      <c r="OQ36" s="119">
        <v>900900</v>
      </c>
      <c r="OR36" s="120">
        <v>2893122</v>
      </c>
      <c r="OS36" s="143">
        <v>2903902</v>
      </c>
    </row>
    <row r="37" spans="2:409" ht="21" customHeight="1" x14ac:dyDescent="0.2">
      <c r="B37" s="126" t="s">
        <v>32</v>
      </c>
      <c r="C37" s="110">
        <v>36554</v>
      </c>
      <c r="D37" s="114">
        <v>0</v>
      </c>
      <c r="E37" s="174">
        <v>36554</v>
      </c>
      <c r="F37" s="175">
        <v>0</v>
      </c>
      <c r="G37" s="176">
        <v>287218</v>
      </c>
      <c r="H37" s="176">
        <v>414538</v>
      </c>
      <c r="I37" s="176">
        <v>310395</v>
      </c>
      <c r="J37" s="176">
        <v>348362</v>
      </c>
      <c r="K37" s="176">
        <v>212373</v>
      </c>
      <c r="L37" s="177">
        <v>1572886</v>
      </c>
      <c r="M37" s="116">
        <v>1609440</v>
      </c>
      <c r="N37" s="110">
        <v>18368</v>
      </c>
      <c r="O37" s="114">
        <v>0</v>
      </c>
      <c r="P37" s="113">
        <v>18368</v>
      </c>
      <c r="Q37" s="110">
        <v>0</v>
      </c>
      <c r="R37" s="114">
        <v>0</v>
      </c>
      <c r="S37" s="114">
        <v>115199</v>
      </c>
      <c r="T37" s="114">
        <v>31178</v>
      </c>
      <c r="U37" s="114">
        <v>226590</v>
      </c>
      <c r="V37" s="114">
        <v>13692</v>
      </c>
      <c r="W37" s="113">
        <v>386659</v>
      </c>
      <c r="X37" s="116">
        <v>405027</v>
      </c>
      <c r="Y37" s="110">
        <v>0</v>
      </c>
      <c r="Z37" s="114">
        <v>0</v>
      </c>
      <c r="AA37" s="113">
        <v>0</v>
      </c>
      <c r="AB37" s="110">
        <v>0</v>
      </c>
      <c r="AC37" s="114">
        <v>0</v>
      </c>
      <c r="AD37" s="114">
        <v>0</v>
      </c>
      <c r="AE37" s="114">
        <v>0</v>
      </c>
      <c r="AF37" s="114">
        <v>188832</v>
      </c>
      <c r="AG37" s="114">
        <v>0</v>
      </c>
      <c r="AH37" s="113">
        <v>188832</v>
      </c>
      <c r="AI37" s="116">
        <v>188832</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95333</v>
      </c>
      <c r="BA37" s="114">
        <v>0</v>
      </c>
      <c r="BB37" s="114">
        <v>0</v>
      </c>
      <c r="BC37" s="114">
        <v>0</v>
      </c>
      <c r="BD37" s="113">
        <v>95333</v>
      </c>
      <c r="BE37" s="116">
        <v>95333</v>
      </c>
      <c r="BF37" s="110">
        <v>18368</v>
      </c>
      <c r="BG37" s="114">
        <v>0</v>
      </c>
      <c r="BH37" s="112">
        <v>18368</v>
      </c>
      <c r="BI37" s="111">
        <v>0</v>
      </c>
      <c r="BJ37" s="114">
        <v>0</v>
      </c>
      <c r="BK37" s="114">
        <v>6692</v>
      </c>
      <c r="BL37" s="114">
        <v>0</v>
      </c>
      <c r="BM37" s="114">
        <v>20076</v>
      </c>
      <c r="BN37" s="114">
        <v>0</v>
      </c>
      <c r="BO37" s="113">
        <v>26768</v>
      </c>
      <c r="BP37" s="116">
        <v>45136</v>
      </c>
      <c r="BQ37" s="110">
        <v>0</v>
      </c>
      <c r="BR37" s="114">
        <v>0</v>
      </c>
      <c r="BS37" s="113">
        <v>0</v>
      </c>
      <c r="BT37" s="110">
        <v>0</v>
      </c>
      <c r="BU37" s="114">
        <v>0</v>
      </c>
      <c r="BV37" s="114">
        <v>13174</v>
      </c>
      <c r="BW37" s="114">
        <v>31178</v>
      </c>
      <c r="BX37" s="114">
        <v>17682</v>
      </c>
      <c r="BY37" s="114">
        <v>13692</v>
      </c>
      <c r="BZ37" s="113">
        <v>75726</v>
      </c>
      <c r="CA37" s="116">
        <v>75726</v>
      </c>
      <c r="CB37" s="110">
        <v>16226</v>
      </c>
      <c r="CC37" s="114">
        <v>0</v>
      </c>
      <c r="CD37" s="113">
        <v>16226</v>
      </c>
      <c r="CE37" s="110">
        <v>0</v>
      </c>
      <c r="CF37" s="114">
        <v>154203</v>
      </c>
      <c r="CG37" s="114">
        <v>32144</v>
      </c>
      <c r="CH37" s="114">
        <v>67188</v>
      </c>
      <c r="CI37" s="114">
        <v>80479</v>
      </c>
      <c r="CJ37" s="114">
        <v>0</v>
      </c>
      <c r="CK37" s="113">
        <v>334014</v>
      </c>
      <c r="CL37" s="116">
        <v>350240</v>
      </c>
      <c r="CM37" s="110">
        <v>0</v>
      </c>
      <c r="CN37" s="114">
        <v>0</v>
      </c>
      <c r="CO37" s="113">
        <v>0</v>
      </c>
      <c r="CP37" s="111">
        <v>0</v>
      </c>
      <c r="CQ37" s="114">
        <v>154203</v>
      </c>
      <c r="CR37" s="114">
        <v>32144</v>
      </c>
      <c r="CS37" s="114">
        <v>0</v>
      </c>
      <c r="CT37" s="114">
        <v>0</v>
      </c>
      <c r="CU37" s="114">
        <v>0</v>
      </c>
      <c r="CV37" s="113">
        <v>186347</v>
      </c>
      <c r="CW37" s="116">
        <v>186347</v>
      </c>
      <c r="CX37" s="110">
        <v>16226</v>
      </c>
      <c r="CY37" s="114">
        <v>0</v>
      </c>
      <c r="CZ37" s="113">
        <v>16226</v>
      </c>
      <c r="DA37" s="110">
        <v>0</v>
      </c>
      <c r="DB37" s="114">
        <v>0</v>
      </c>
      <c r="DC37" s="114">
        <v>0</v>
      </c>
      <c r="DD37" s="114">
        <v>67188</v>
      </c>
      <c r="DE37" s="114">
        <v>80479</v>
      </c>
      <c r="DF37" s="114">
        <v>0</v>
      </c>
      <c r="DG37" s="113">
        <v>147667</v>
      </c>
      <c r="DH37" s="116">
        <v>163893</v>
      </c>
      <c r="DI37" s="110">
        <v>0</v>
      </c>
      <c r="DJ37" s="114">
        <v>0</v>
      </c>
      <c r="DK37" s="112">
        <v>0</v>
      </c>
      <c r="DL37" s="111">
        <v>0</v>
      </c>
      <c r="DM37" s="114">
        <v>0</v>
      </c>
      <c r="DN37" s="114">
        <v>0</v>
      </c>
      <c r="DO37" s="114">
        <v>0</v>
      </c>
      <c r="DP37" s="114">
        <v>0</v>
      </c>
      <c r="DQ37" s="114">
        <v>0</v>
      </c>
      <c r="DR37" s="113">
        <v>0</v>
      </c>
      <c r="DS37" s="116">
        <v>0</v>
      </c>
      <c r="DT37" s="110">
        <v>0</v>
      </c>
      <c r="DU37" s="114">
        <v>0</v>
      </c>
      <c r="DV37" s="113">
        <v>0</v>
      </c>
      <c r="DW37" s="110">
        <v>0</v>
      </c>
      <c r="DX37" s="114">
        <v>0</v>
      </c>
      <c r="DY37" s="114">
        <v>0</v>
      </c>
      <c r="DZ37" s="114">
        <v>0</v>
      </c>
      <c r="EA37" s="114">
        <v>0</v>
      </c>
      <c r="EB37" s="114">
        <v>0</v>
      </c>
      <c r="EC37" s="113">
        <v>0</v>
      </c>
      <c r="ED37" s="116">
        <v>0</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5"/>
      <c r="FE37" s="114">
        <v>0</v>
      </c>
      <c r="FF37" s="114">
        <v>0</v>
      </c>
      <c r="FG37" s="114">
        <v>0</v>
      </c>
      <c r="FH37" s="114">
        <v>0</v>
      </c>
      <c r="FI37" s="114">
        <v>0</v>
      </c>
      <c r="FJ37" s="113">
        <v>0</v>
      </c>
      <c r="FK37" s="116">
        <v>0</v>
      </c>
      <c r="FL37" s="110">
        <v>1960</v>
      </c>
      <c r="FM37" s="114">
        <v>0</v>
      </c>
      <c r="FN37" s="113">
        <v>1960</v>
      </c>
      <c r="FO37" s="110">
        <v>0</v>
      </c>
      <c r="FP37" s="114">
        <v>7490</v>
      </c>
      <c r="FQ37" s="114">
        <v>116828</v>
      </c>
      <c r="FR37" s="114">
        <v>34650</v>
      </c>
      <c r="FS37" s="114">
        <v>41293</v>
      </c>
      <c r="FT37" s="114">
        <v>0</v>
      </c>
      <c r="FU37" s="113">
        <v>200261</v>
      </c>
      <c r="FV37" s="116">
        <v>202221</v>
      </c>
      <c r="FW37" s="115">
        <v>1960</v>
      </c>
      <c r="FX37" s="114">
        <v>0</v>
      </c>
      <c r="FY37" s="112">
        <v>1960</v>
      </c>
      <c r="FZ37" s="111">
        <v>0</v>
      </c>
      <c r="GA37" s="114">
        <v>7490</v>
      </c>
      <c r="GB37" s="114">
        <v>106295</v>
      </c>
      <c r="GC37" s="114">
        <v>34650</v>
      </c>
      <c r="GD37" s="114">
        <v>41293</v>
      </c>
      <c r="GE37" s="114">
        <v>0</v>
      </c>
      <c r="GF37" s="113">
        <v>189728</v>
      </c>
      <c r="GG37" s="316">
        <v>191688</v>
      </c>
      <c r="GH37" s="115">
        <v>0</v>
      </c>
      <c r="GI37" s="114">
        <v>0</v>
      </c>
      <c r="GJ37" s="112">
        <v>0</v>
      </c>
      <c r="GK37" s="111">
        <v>0</v>
      </c>
      <c r="GL37" s="114">
        <v>0</v>
      </c>
      <c r="GM37" s="114">
        <v>10533</v>
      </c>
      <c r="GN37" s="114">
        <v>0</v>
      </c>
      <c r="GO37" s="114">
        <v>0</v>
      </c>
      <c r="GP37" s="114">
        <v>0</v>
      </c>
      <c r="GQ37" s="113">
        <v>10533</v>
      </c>
      <c r="GR37" s="116">
        <v>10533</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125525</v>
      </c>
      <c r="HI37" s="114">
        <v>150367</v>
      </c>
      <c r="HJ37" s="114">
        <v>177379</v>
      </c>
      <c r="HK37" s="114">
        <v>0</v>
      </c>
      <c r="HL37" s="114">
        <v>198681</v>
      </c>
      <c r="HM37" s="113">
        <v>651952</v>
      </c>
      <c r="HN37" s="109">
        <v>651952</v>
      </c>
      <c r="HO37" s="326"/>
      <c r="HP37" s="327"/>
      <c r="HQ37" s="328"/>
      <c r="HR37" s="329"/>
      <c r="HS37" s="327"/>
      <c r="HT37" s="327"/>
      <c r="HU37" s="327"/>
      <c r="HV37" s="327"/>
      <c r="HW37" s="327"/>
      <c r="HX37" s="330"/>
      <c r="HY37" s="331"/>
      <c r="HZ37" s="131">
        <v>0</v>
      </c>
      <c r="IA37" s="132">
        <v>0</v>
      </c>
      <c r="IB37" s="133">
        <v>0</v>
      </c>
      <c r="IC37" s="146">
        <v>0</v>
      </c>
      <c r="ID37" s="132">
        <v>152299</v>
      </c>
      <c r="IE37" s="147">
        <v>415156</v>
      </c>
      <c r="IF37" s="133">
        <v>466555</v>
      </c>
      <c r="IG37" s="132">
        <v>388584</v>
      </c>
      <c r="IH37" s="133">
        <v>228788</v>
      </c>
      <c r="II37" s="148">
        <v>1651382</v>
      </c>
      <c r="IJ37" s="139">
        <v>1651382</v>
      </c>
      <c r="IK37" s="232">
        <v>0</v>
      </c>
      <c r="IL37" s="236">
        <v>0</v>
      </c>
      <c r="IM37" s="237">
        <v>0</v>
      </c>
      <c r="IN37" s="140"/>
      <c r="IO37" s="119">
        <v>0</v>
      </c>
      <c r="IP37" s="119">
        <v>83664</v>
      </c>
      <c r="IQ37" s="119">
        <v>0</v>
      </c>
      <c r="IR37" s="119">
        <v>0</v>
      </c>
      <c r="IS37" s="119">
        <v>0</v>
      </c>
      <c r="IT37" s="141">
        <v>83664</v>
      </c>
      <c r="IU37" s="318">
        <v>83664</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53263</v>
      </c>
      <c r="JL37" s="119">
        <v>26719</v>
      </c>
      <c r="JM37" s="119">
        <v>33304</v>
      </c>
      <c r="JN37" s="119">
        <v>0</v>
      </c>
      <c r="JO37" s="119">
        <v>0</v>
      </c>
      <c r="JP37" s="120">
        <v>113286</v>
      </c>
      <c r="JQ37" s="318">
        <v>113286</v>
      </c>
      <c r="JR37" s="142">
        <v>0</v>
      </c>
      <c r="JS37" s="119">
        <v>0</v>
      </c>
      <c r="JT37" s="141">
        <v>0</v>
      </c>
      <c r="JU37" s="118">
        <v>0</v>
      </c>
      <c r="JV37" s="119">
        <v>99036</v>
      </c>
      <c r="JW37" s="119">
        <v>0</v>
      </c>
      <c r="JX37" s="119">
        <v>0</v>
      </c>
      <c r="JY37" s="119">
        <v>0</v>
      </c>
      <c r="JZ37" s="119">
        <v>0</v>
      </c>
      <c r="KA37" s="120">
        <v>99036</v>
      </c>
      <c r="KB37" s="318">
        <v>99036</v>
      </c>
      <c r="KC37" s="234">
        <v>0</v>
      </c>
      <c r="KD37" s="230">
        <v>0</v>
      </c>
      <c r="KE37" s="120">
        <v>0</v>
      </c>
      <c r="KF37" s="118">
        <v>0</v>
      </c>
      <c r="KG37" s="119">
        <v>0</v>
      </c>
      <c r="KH37" s="119">
        <v>131782</v>
      </c>
      <c r="KI37" s="119">
        <v>0</v>
      </c>
      <c r="KJ37" s="119">
        <v>0</v>
      </c>
      <c r="KK37" s="119">
        <v>0</v>
      </c>
      <c r="KL37" s="120">
        <v>131782</v>
      </c>
      <c r="KM37" s="143">
        <v>131782</v>
      </c>
      <c r="KN37" s="232">
        <v>0</v>
      </c>
      <c r="KO37" s="236">
        <v>0</v>
      </c>
      <c r="KP37" s="237">
        <v>0</v>
      </c>
      <c r="KQ37" s="140"/>
      <c r="KR37" s="119">
        <v>0</v>
      </c>
      <c r="KS37" s="119">
        <v>145922</v>
      </c>
      <c r="KT37" s="119">
        <v>415394</v>
      </c>
      <c r="KU37" s="119">
        <v>0</v>
      </c>
      <c r="KV37" s="119">
        <v>228788</v>
      </c>
      <c r="KW37" s="120">
        <v>790104</v>
      </c>
      <c r="KX37" s="318">
        <v>790104</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27069</v>
      </c>
      <c r="LP37" s="119">
        <v>17857</v>
      </c>
      <c r="LQ37" s="119">
        <v>388584</v>
      </c>
      <c r="LR37" s="119">
        <v>0</v>
      </c>
      <c r="LS37" s="120">
        <v>433510</v>
      </c>
      <c r="LT37" s="318">
        <v>433510</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538163</v>
      </c>
      <c r="MN37" s="119">
        <v>534227</v>
      </c>
      <c r="MO37" s="120">
        <v>1072390</v>
      </c>
      <c r="MP37" s="143">
        <v>1072390</v>
      </c>
      <c r="MQ37" s="142">
        <v>0</v>
      </c>
      <c r="MR37" s="119">
        <v>0</v>
      </c>
      <c r="MS37" s="120">
        <v>0</v>
      </c>
      <c r="MT37" s="145"/>
      <c r="MU37" s="119">
        <v>0</v>
      </c>
      <c r="MV37" s="119">
        <v>0</v>
      </c>
      <c r="MW37" s="119">
        <v>0</v>
      </c>
      <c r="MX37" s="119">
        <v>239763</v>
      </c>
      <c r="MY37" s="119">
        <v>258913</v>
      </c>
      <c r="MZ37" s="120">
        <v>498676</v>
      </c>
      <c r="NA37" s="143">
        <v>498676</v>
      </c>
      <c r="NB37" s="142">
        <v>0</v>
      </c>
      <c r="NC37" s="119">
        <v>0</v>
      </c>
      <c r="ND37" s="120">
        <v>0</v>
      </c>
      <c r="NE37" s="145"/>
      <c r="NF37" s="119">
        <v>0</v>
      </c>
      <c r="NG37" s="119">
        <v>0</v>
      </c>
      <c r="NH37" s="119">
        <v>0</v>
      </c>
      <c r="NI37" s="119">
        <v>298400</v>
      </c>
      <c r="NJ37" s="119">
        <v>275314</v>
      </c>
      <c r="NK37" s="120">
        <v>573714</v>
      </c>
      <c r="NL37" s="318">
        <v>573714</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36554</v>
      </c>
      <c r="OJ37" s="119">
        <v>0</v>
      </c>
      <c r="OK37" s="141">
        <v>36554</v>
      </c>
      <c r="OL37" s="118">
        <v>0</v>
      </c>
      <c r="OM37" s="119">
        <v>439517</v>
      </c>
      <c r="ON37" s="119">
        <v>829694</v>
      </c>
      <c r="OO37" s="119">
        <v>776950</v>
      </c>
      <c r="OP37" s="119">
        <v>1275109</v>
      </c>
      <c r="OQ37" s="119">
        <v>975388</v>
      </c>
      <c r="OR37" s="120">
        <v>4296658</v>
      </c>
      <c r="OS37" s="143">
        <v>4333212</v>
      </c>
    </row>
    <row r="38" spans="2:409" ht="21" customHeight="1" x14ac:dyDescent="0.2">
      <c r="B38" s="126" t="s">
        <v>33</v>
      </c>
      <c r="C38" s="110">
        <v>86534</v>
      </c>
      <c r="D38" s="114">
        <v>4900</v>
      </c>
      <c r="E38" s="113">
        <v>91434</v>
      </c>
      <c r="F38" s="109">
        <v>0</v>
      </c>
      <c r="G38" s="114">
        <v>526147</v>
      </c>
      <c r="H38" s="114">
        <v>152602</v>
      </c>
      <c r="I38" s="114">
        <v>679455</v>
      </c>
      <c r="J38" s="114">
        <v>196158</v>
      </c>
      <c r="K38" s="114">
        <v>60023</v>
      </c>
      <c r="L38" s="173">
        <v>1614385</v>
      </c>
      <c r="M38" s="116">
        <v>1705819</v>
      </c>
      <c r="N38" s="110">
        <v>0</v>
      </c>
      <c r="O38" s="114">
        <v>0</v>
      </c>
      <c r="P38" s="113">
        <v>0</v>
      </c>
      <c r="Q38" s="110">
        <v>0</v>
      </c>
      <c r="R38" s="114">
        <v>129106</v>
      </c>
      <c r="S38" s="114">
        <v>114102</v>
      </c>
      <c r="T38" s="114">
        <v>226855</v>
      </c>
      <c r="U38" s="114">
        <v>0</v>
      </c>
      <c r="V38" s="114">
        <v>7332</v>
      </c>
      <c r="W38" s="113">
        <v>477395</v>
      </c>
      <c r="X38" s="116">
        <v>477395</v>
      </c>
      <c r="Y38" s="110">
        <v>0</v>
      </c>
      <c r="Z38" s="114">
        <v>0</v>
      </c>
      <c r="AA38" s="113">
        <v>0</v>
      </c>
      <c r="AB38" s="110">
        <v>0</v>
      </c>
      <c r="AC38" s="114">
        <v>51950</v>
      </c>
      <c r="AD38" s="114">
        <v>0</v>
      </c>
      <c r="AE38" s="114">
        <v>9340</v>
      </c>
      <c r="AF38" s="114">
        <v>0</v>
      </c>
      <c r="AG38" s="114">
        <v>7332</v>
      </c>
      <c r="AH38" s="113">
        <v>68622</v>
      </c>
      <c r="AI38" s="116">
        <v>68622</v>
      </c>
      <c r="AJ38" s="110">
        <v>0</v>
      </c>
      <c r="AK38" s="114">
        <v>0</v>
      </c>
      <c r="AL38" s="113">
        <v>0</v>
      </c>
      <c r="AM38" s="110">
        <v>0</v>
      </c>
      <c r="AN38" s="114">
        <v>0</v>
      </c>
      <c r="AO38" s="114">
        <v>0</v>
      </c>
      <c r="AP38" s="114">
        <v>49749</v>
      </c>
      <c r="AQ38" s="114">
        <v>0</v>
      </c>
      <c r="AR38" s="114">
        <v>0</v>
      </c>
      <c r="AS38" s="113">
        <v>49749</v>
      </c>
      <c r="AT38" s="116">
        <v>49749</v>
      </c>
      <c r="AU38" s="110">
        <v>0</v>
      </c>
      <c r="AV38" s="114">
        <v>0</v>
      </c>
      <c r="AW38" s="113">
        <v>0</v>
      </c>
      <c r="AX38" s="110">
        <v>0</v>
      </c>
      <c r="AY38" s="114">
        <v>0</v>
      </c>
      <c r="AZ38" s="114">
        <v>34905</v>
      </c>
      <c r="BA38" s="114">
        <v>71941</v>
      </c>
      <c r="BB38" s="114">
        <v>0</v>
      </c>
      <c r="BC38" s="114">
        <v>0</v>
      </c>
      <c r="BD38" s="113">
        <v>106846</v>
      </c>
      <c r="BE38" s="116">
        <v>106846</v>
      </c>
      <c r="BF38" s="110">
        <v>0</v>
      </c>
      <c r="BG38" s="114">
        <v>0</v>
      </c>
      <c r="BH38" s="112">
        <v>0</v>
      </c>
      <c r="BI38" s="111">
        <v>0</v>
      </c>
      <c r="BJ38" s="114">
        <v>73530</v>
      </c>
      <c r="BK38" s="114">
        <v>79197</v>
      </c>
      <c r="BL38" s="114">
        <v>60160</v>
      </c>
      <c r="BM38" s="114">
        <v>0</v>
      </c>
      <c r="BN38" s="114">
        <v>0</v>
      </c>
      <c r="BO38" s="113">
        <v>212887</v>
      </c>
      <c r="BP38" s="116">
        <v>212887</v>
      </c>
      <c r="BQ38" s="110">
        <v>0</v>
      </c>
      <c r="BR38" s="114">
        <v>0</v>
      </c>
      <c r="BS38" s="113">
        <v>0</v>
      </c>
      <c r="BT38" s="110">
        <v>0</v>
      </c>
      <c r="BU38" s="114">
        <v>3626</v>
      </c>
      <c r="BV38" s="114">
        <v>0</v>
      </c>
      <c r="BW38" s="114">
        <v>35665</v>
      </c>
      <c r="BX38" s="114">
        <v>0</v>
      </c>
      <c r="BY38" s="114">
        <v>0</v>
      </c>
      <c r="BZ38" s="113">
        <v>39291</v>
      </c>
      <c r="CA38" s="116">
        <v>39291</v>
      </c>
      <c r="CB38" s="110">
        <v>0</v>
      </c>
      <c r="CC38" s="114">
        <v>0</v>
      </c>
      <c r="CD38" s="113">
        <v>0</v>
      </c>
      <c r="CE38" s="110">
        <v>0</v>
      </c>
      <c r="CF38" s="114">
        <v>110450</v>
      </c>
      <c r="CG38" s="114">
        <v>0</v>
      </c>
      <c r="CH38" s="114">
        <v>28283</v>
      </c>
      <c r="CI38" s="114">
        <v>0</v>
      </c>
      <c r="CJ38" s="114">
        <v>9480</v>
      </c>
      <c r="CK38" s="113">
        <v>148213</v>
      </c>
      <c r="CL38" s="116">
        <v>148213</v>
      </c>
      <c r="CM38" s="110">
        <v>0</v>
      </c>
      <c r="CN38" s="114">
        <v>0</v>
      </c>
      <c r="CO38" s="113">
        <v>0</v>
      </c>
      <c r="CP38" s="111">
        <v>0</v>
      </c>
      <c r="CQ38" s="114">
        <v>63347</v>
      </c>
      <c r="CR38" s="114">
        <v>0</v>
      </c>
      <c r="CS38" s="114">
        <v>0</v>
      </c>
      <c r="CT38" s="114">
        <v>0</v>
      </c>
      <c r="CU38" s="114">
        <v>9480</v>
      </c>
      <c r="CV38" s="113">
        <v>72827</v>
      </c>
      <c r="CW38" s="116">
        <v>72827</v>
      </c>
      <c r="CX38" s="110">
        <v>0</v>
      </c>
      <c r="CY38" s="114">
        <v>0</v>
      </c>
      <c r="CZ38" s="113">
        <v>0</v>
      </c>
      <c r="DA38" s="110">
        <v>0</v>
      </c>
      <c r="DB38" s="114">
        <v>47103</v>
      </c>
      <c r="DC38" s="114">
        <v>0</v>
      </c>
      <c r="DD38" s="114">
        <v>28283</v>
      </c>
      <c r="DE38" s="114">
        <v>0</v>
      </c>
      <c r="DF38" s="114">
        <v>0</v>
      </c>
      <c r="DG38" s="113">
        <v>75386</v>
      </c>
      <c r="DH38" s="116">
        <v>75386</v>
      </c>
      <c r="DI38" s="110">
        <v>0</v>
      </c>
      <c r="DJ38" s="114">
        <v>0</v>
      </c>
      <c r="DK38" s="112">
        <v>0</v>
      </c>
      <c r="DL38" s="111">
        <v>0</v>
      </c>
      <c r="DM38" s="114">
        <v>0</v>
      </c>
      <c r="DN38" s="114">
        <v>0</v>
      </c>
      <c r="DO38" s="114">
        <v>21420</v>
      </c>
      <c r="DP38" s="114">
        <v>0</v>
      </c>
      <c r="DQ38" s="114">
        <v>0</v>
      </c>
      <c r="DR38" s="113">
        <v>21420</v>
      </c>
      <c r="DS38" s="116">
        <v>21420</v>
      </c>
      <c r="DT38" s="110">
        <v>0</v>
      </c>
      <c r="DU38" s="114">
        <v>0</v>
      </c>
      <c r="DV38" s="113">
        <v>0</v>
      </c>
      <c r="DW38" s="110">
        <v>0</v>
      </c>
      <c r="DX38" s="114">
        <v>0</v>
      </c>
      <c r="DY38" s="114">
        <v>0</v>
      </c>
      <c r="DZ38" s="114">
        <v>21420</v>
      </c>
      <c r="EA38" s="114">
        <v>0</v>
      </c>
      <c r="EB38" s="114">
        <v>0</v>
      </c>
      <c r="EC38" s="113">
        <v>21420</v>
      </c>
      <c r="ED38" s="116">
        <v>2142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5"/>
      <c r="FE38" s="114">
        <v>0</v>
      </c>
      <c r="FF38" s="114">
        <v>0</v>
      </c>
      <c r="FG38" s="114">
        <v>0</v>
      </c>
      <c r="FH38" s="114">
        <v>0</v>
      </c>
      <c r="FI38" s="114">
        <v>0</v>
      </c>
      <c r="FJ38" s="113">
        <v>0</v>
      </c>
      <c r="FK38" s="116">
        <v>0</v>
      </c>
      <c r="FL38" s="110">
        <v>0</v>
      </c>
      <c r="FM38" s="114">
        <v>4900</v>
      </c>
      <c r="FN38" s="113">
        <v>4900</v>
      </c>
      <c r="FO38" s="110">
        <v>0</v>
      </c>
      <c r="FP38" s="114">
        <v>146825</v>
      </c>
      <c r="FQ38" s="114">
        <v>38500</v>
      </c>
      <c r="FR38" s="114">
        <v>37828</v>
      </c>
      <c r="FS38" s="114">
        <v>0</v>
      </c>
      <c r="FT38" s="114">
        <v>43211</v>
      </c>
      <c r="FU38" s="113">
        <v>266364</v>
      </c>
      <c r="FV38" s="116">
        <v>271264</v>
      </c>
      <c r="FW38" s="115">
        <v>0</v>
      </c>
      <c r="FX38" s="114">
        <v>4900</v>
      </c>
      <c r="FY38" s="112">
        <v>4900</v>
      </c>
      <c r="FZ38" s="111">
        <v>0</v>
      </c>
      <c r="GA38" s="114">
        <v>6825</v>
      </c>
      <c r="GB38" s="114">
        <v>16800</v>
      </c>
      <c r="GC38" s="114">
        <v>37828</v>
      </c>
      <c r="GD38" s="114">
        <v>0</v>
      </c>
      <c r="GE38" s="114">
        <v>43211</v>
      </c>
      <c r="GF38" s="113">
        <v>104664</v>
      </c>
      <c r="GG38" s="316">
        <v>10956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140000</v>
      </c>
      <c r="GX38" s="114">
        <v>21700</v>
      </c>
      <c r="GY38" s="114">
        <v>0</v>
      </c>
      <c r="GZ38" s="114">
        <v>0</v>
      </c>
      <c r="HA38" s="114">
        <v>0</v>
      </c>
      <c r="HB38" s="112">
        <v>161700</v>
      </c>
      <c r="HC38" s="116">
        <v>161700</v>
      </c>
      <c r="HD38" s="110">
        <v>86534</v>
      </c>
      <c r="HE38" s="114">
        <v>0</v>
      </c>
      <c r="HF38" s="112">
        <v>86534</v>
      </c>
      <c r="HG38" s="111">
        <v>0</v>
      </c>
      <c r="HH38" s="114">
        <v>139766</v>
      </c>
      <c r="HI38" s="114">
        <v>0</v>
      </c>
      <c r="HJ38" s="114">
        <v>365069</v>
      </c>
      <c r="HK38" s="114">
        <v>196158</v>
      </c>
      <c r="HL38" s="114">
        <v>0</v>
      </c>
      <c r="HM38" s="113">
        <v>700993</v>
      </c>
      <c r="HN38" s="109">
        <v>787527</v>
      </c>
      <c r="HO38" s="326"/>
      <c r="HP38" s="327"/>
      <c r="HQ38" s="328"/>
      <c r="HR38" s="329"/>
      <c r="HS38" s="327"/>
      <c r="HT38" s="327"/>
      <c r="HU38" s="327"/>
      <c r="HV38" s="327"/>
      <c r="HW38" s="327"/>
      <c r="HX38" s="330"/>
      <c r="HY38" s="331"/>
      <c r="HZ38" s="150">
        <v>0</v>
      </c>
      <c r="IA38" s="135">
        <v>0</v>
      </c>
      <c r="IB38" s="150">
        <v>0</v>
      </c>
      <c r="IC38" s="146">
        <v>0</v>
      </c>
      <c r="ID38" s="132">
        <v>46704</v>
      </c>
      <c r="IE38" s="147">
        <v>0</v>
      </c>
      <c r="IF38" s="133">
        <v>131482</v>
      </c>
      <c r="IG38" s="132">
        <v>0</v>
      </c>
      <c r="IH38" s="133">
        <v>201944</v>
      </c>
      <c r="II38" s="148">
        <v>380130</v>
      </c>
      <c r="IJ38" s="150">
        <v>380130</v>
      </c>
      <c r="IK38" s="232">
        <v>0</v>
      </c>
      <c r="IL38" s="236">
        <v>0</v>
      </c>
      <c r="IM38" s="237">
        <v>0</v>
      </c>
      <c r="IN38" s="140"/>
      <c r="IO38" s="119">
        <v>0</v>
      </c>
      <c r="IP38" s="119">
        <v>0</v>
      </c>
      <c r="IQ38" s="119">
        <v>0</v>
      </c>
      <c r="IR38" s="119">
        <v>0</v>
      </c>
      <c r="IS38" s="119">
        <v>0</v>
      </c>
      <c r="IT38" s="141">
        <v>0</v>
      </c>
      <c r="IU38" s="318">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46704</v>
      </c>
      <c r="JL38" s="119">
        <v>0</v>
      </c>
      <c r="JM38" s="119">
        <v>131482</v>
      </c>
      <c r="JN38" s="119">
        <v>0</v>
      </c>
      <c r="JO38" s="119">
        <v>0</v>
      </c>
      <c r="JP38" s="120">
        <v>178186</v>
      </c>
      <c r="JQ38" s="318">
        <v>178186</v>
      </c>
      <c r="JR38" s="142">
        <v>0</v>
      </c>
      <c r="JS38" s="119">
        <v>0</v>
      </c>
      <c r="JT38" s="141">
        <v>0</v>
      </c>
      <c r="JU38" s="118">
        <v>0</v>
      </c>
      <c r="JV38" s="119">
        <v>0</v>
      </c>
      <c r="JW38" s="119">
        <v>0</v>
      </c>
      <c r="JX38" s="119">
        <v>0</v>
      </c>
      <c r="JY38" s="119">
        <v>0</v>
      </c>
      <c r="JZ38" s="119">
        <v>0</v>
      </c>
      <c r="KA38" s="120">
        <v>0</v>
      </c>
      <c r="KB38" s="318">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18">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18">
        <v>0</v>
      </c>
      <c r="LU38" s="142">
        <v>0</v>
      </c>
      <c r="LV38" s="119">
        <v>0</v>
      </c>
      <c r="LW38" s="120">
        <v>0</v>
      </c>
      <c r="LX38" s="145"/>
      <c r="LY38" s="119">
        <v>0</v>
      </c>
      <c r="LZ38" s="119">
        <v>0</v>
      </c>
      <c r="MA38" s="119">
        <v>0</v>
      </c>
      <c r="MB38" s="119">
        <v>0</v>
      </c>
      <c r="MC38" s="119">
        <v>201944</v>
      </c>
      <c r="MD38" s="120">
        <v>201944</v>
      </c>
      <c r="ME38" s="121">
        <v>201944</v>
      </c>
      <c r="MF38" s="142">
        <v>0</v>
      </c>
      <c r="MG38" s="119">
        <v>0</v>
      </c>
      <c r="MH38" s="120">
        <v>0</v>
      </c>
      <c r="MI38" s="145"/>
      <c r="MJ38" s="119">
        <v>0</v>
      </c>
      <c r="MK38" s="119">
        <v>0</v>
      </c>
      <c r="ML38" s="119">
        <v>124654</v>
      </c>
      <c r="MM38" s="119">
        <v>548703</v>
      </c>
      <c r="MN38" s="119">
        <v>596656</v>
      </c>
      <c r="MO38" s="120">
        <v>1270013</v>
      </c>
      <c r="MP38" s="143">
        <v>1270013</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124654</v>
      </c>
      <c r="NI38" s="119">
        <v>252723</v>
      </c>
      <c r="NJ38" s="119">
        <v>0</v>
      </c>
      <c r="NK38" s="120">
        <v>377377</v>
      </c>
      <c r="NL38" s="318">
        <v>377377</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0</v>
      </c>
      <c r="OE38" s="119">
        <v>295980</v>
      </c>
      <c r="OF38" s="119">
        <v>596656</v>
      </c>
      <c r="OG38" s="120">
        <v>892636</v>
      </c>
      <c r="OH38" s="121">
        <v>892636</v>
      </c>
      <c r="OI38" s="142">
        <v>86534</v>
      </c>
      <c r="OJ38" s="119">
        <v>4900</v>
      </c>
      <c r="OK38" s="141">
        <v>91434</v>
      </c>
      <c r="OL38" s="118">
        <v>0</v>
      </c>
      <c r="OM38" s="119">
        <v>572851</v>
      </c>
      <c r="ON38" s="119">
        <v>152602</v>
      </c>
      <c r="OO38" s="119">
        <v>935591</v>
      </c>
      <c r="OP38" s="119">
        <v>744861</v>
      </c>
      <c r="OQ38" s="119">
        <v>858623</v>
      </c>
      <c r="OR38" s="120">
        <v>3264528</v>
      </c>
      <c r="OS38" s="143">
        <v>3355962</v>
      </c>
    </row>
    <row r="39" spans="2:409" ht="21" customHeight="1" x14ac:dyDescent="0.2">
      <c r="B39" s="126" t="s">
        <v>34</v>
      </c>
      <c r="C39" s="110">
        <v>0</v>
      </c>
      <c r="D39" s="114">
        <v>0</v>
      </c>
      <c r="E39" s="174">
        <v>0</v>
      </c>
      <c r="F39" s="175">
        <v>0</v>
      </c>
      <c r="G39" s="176">
        <v>44555</v>
      </c>
      <c r="H39" s="176">
        <v>84791</v>
      </c>
      <c r="I39" s="176">
        <v>363643</v>
      </c>
      <c r="J39" s="176">
        <v>0</v>
      </c>
      <c r="K39" s="176">
        <v>20902</v>
      </c>
      <c r="L39" s="177">
        <v>513891</v>
      </c>
      <c r="M39" s="116">
        <v>513891</v>
      </c>
      <c r="N39" s="110">
        <v>0</v>
      </c>
      <c r="O39" s="114">
        <v>0</v>
      </c>
      <c r="P39" s="113">
        <v>0</v>
      </c>
      <c r="Q39" s="110">
        <v>0</v>
      </c>
      <c r="R39" s="114">
        <v>41055</v>
      </c>
      <c r="S39" s="114">
        <v>4172</v>
      </c>
      <c r="T39" s="114">
        <v>13538</v>
      </c>
      <c r="U39" s="114">
        <v>0</v>
      </c>
      <c r="V39" s="114">
        <v>4172</v>
      </c>
      <c r="W39" s="113">
        <v>62937</v>
      </c>
      <c r="X39" s="116">
        <v>62937</v>
      </c>
      <c r="Y39" s="110">
        <v>0</v>
      </c>
      <c r="Z39" s="114">
        <v>0</v>
      </c>
      <c r="AA39" s="113">
        <v>0</v>
      </c>
      <c r="AB39" s="110">
        <v>0</v>
      </c>
      <c r="AC39" s="114">
        <v>25522</v>
      </c>
      <c r="AD39" s="114">
        <v>0</v>
      </c>
      <c r="AE39" s="114">
        <v>0</v>
      </c>
      <c r="AF39" s="114">
        <v>0</v>
      </c>
      <c r="AG39" s="114">
        <v>0</v>
      </c>
      <c r="AH39" s="113">
        <v>25522</v>
      </c>
      <c r="AI39" s="116">
        <v>25522</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0</v>
      </c>
      <c r="BM39" s="114">
        <v>0</v>
      </c>
      <c r="BN39" s="114">
        <v>0</v>
      </c>
      <c r="BO39" s="113">
        <v>0</v>
      </c>
      <c r="BP39" s="116">
        <v>0</v>
      </c>
      <c r="BQ39" s="110">
        <v>0</v>
      </c>
      <c r="BR39" s="114">
        <v>0</v>
      </c>
      <c r="BS39" s="113">
        <v>0</v>
      </c>
      <c r="BT39" s="110">
        <v>0</v>
      </c>
      <c r="BU39" s="114">
        <v>15533</v>
      </c>
      <c r="BV39" s="114">
        <v>4172</v>
      </c>
      <c r="BW39" s="114">
        <v>13538</v>
      </c>
      <c r="BX39" s="114">
        <v>0</v>
      </c>
      <c r="BY39" s="114">
        <v>4172</v>
      </c>
      <c r="BZ39" s="113">
        <v>37415</v>
      </c>
      <c r="CA39" s="116">
        <v>37415</v>
      </c>
      <c r="CB39" s="110">
        <v>0</v>
      </c>
      <c r="CC39" s="114">
        <v>0</v>
      </c>
      <c r="CD39" s="113">
        <v>0</v>
      </c>
      <c r="CE39" s="110">
        <v>0</v>
      </c>
      <c r="CF39" s="114">
        <v>0</v>
      </c>
      <c r="CG39" s="114">
        <v>80619</v>
      </c>
      <c r="CH39" s="114">
        <v>184338</v>
      </c>
      <c r="CI39" s="114">
        <v>0</v>
      </c>
      <c r="CJ39" s="114">
        <v>0</v>
      </c>
      <c r="CK39" s="113">
        <v>264957</v>
      </c>
      <c r="CL39" s="116">
        <v>264957</v>
      </c>
      <c r="CM39" s="110">
        <v>0</v>
      </c>
      <c r="CN39" s="114">
        <v>0</v>
      </c>
      <c r="CO39" s="113">
        <v>0</v>
      </c>
      <c r="CP39" s="111">
        <v>0</v>
      </c>
      <c r="CQ39" s="114">
        <v>0</v>
      </c>
      <c r="CR39" s="114">
        <v>80619</v>
      </c>
      <c r="CS39" s="114">
        <v>184338</v>
      </c>
      <c r="CT39" s="114">
        <v>0</v>
      </c>
      <c r="CU39" s="114">
        <v>0</v>
      </c>
      <c r="CV39" s="113">
        <v>264957</v>
      </c>
      <c r="CW39" s="116">
        <v>264957</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5"/>
      <c r="FE39" s="114">
        <v>0</v>
      </c>
      <c r="FF39" s="114">
        <v>0</v>
      </c>
      <c r="FG39" s="114">
        <v>0</v>
      </c>
      <c r="FH39" s="114">
        <v>0</v>
      </c>
      <c r="FI39" s="114">
        <v>0</v>
      </c>
      <c r="FJ39" s="113">
        <v>0</v>
      </c>
      <c r="FK39" s="116">
        <v>0</v>
      </c>
      <c r="FL39" s="110">
        <v>0</v>
      </c>
      <c r="FM39" s="114">
        <v>0</v>
      </c>
      <c r="FN39" s="113">
        <v>0</v>
      </c>
      <c r="FO39" s="110">
        <v>0</v>
      </c>
      <c r="FP39" s="114">
        <v>3500</v>
      </c>
      <c r="FQ39" s="114">
        <v>0</v>
      </c>
      <c r="FR39" s="114">
        <v>0</v>
      </c>
      <c r="FS39" s="114">
        <v>0</v>
      </c>
      <c r="FT39" s="114">
        <v>16730</v>
      </c>
      <c r="FU39" s="113">
        <v>20230</v>
      </c>
      <c r="FV39" s="116">
        <v>20230</v>
      </c>
      <c r="FW39" s="115">
        <v>0</v>
      </c>
      <c r="FX39" s="114">
        <v>0</v>
      </c>
      <c r="FY39" s="112">
        <v>0</v>
      </c>
      <c r="FZ39" s="111">
        <v>0</v>
      </c>
      <c r="GA39" s="114">
        <v>3500</v>
      </c>
      <c r="GB39" s="114">
        <v>0</v>
      </c>
      <c r="GC39" s="114">
        <v>0</v>
      </c>
      <c r="GD39" s="114">
        <v>0</v>
      </c>
      <c r="GE39" s="114">
        <v>16730</v>
      </c>
      <c r="GF39" s="113">
        <v>20230</v>
      </c>
      <c r="GG39" s="316">
        <v>20230</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0</v>
      </c>
      <c r="HJ39" s="114">
        <v>165767</v>
      </c>
      <c r="HK39" s="114">
        <v>0</v>
      </c>
      <c r="HL39" s="114">
        <v>0</v>
      </c>
      <c r="HM39" s="113">
        <v>165767</v>
      </c>
      <c r="HN39" s="109">
        <v>165767</v>
      </c>
      <c r="HO39" s="326"/>
      <c r="HP39" s="327"/>
      <c r="HQ39" s="328"/>
      <c r="HR39" s="329"/>
      <c r="HS39" s="327"/>
      <c r="HT39" s="327"/>
      <c r="HU39" s="327"/>
      <c r="HV39" s="327"/>
      <c r="HW39" s="327"/>
      <c r="HX39" s="330"/>
      <c r="HY39" s="331"/>
      <c r="HZ39" s="131">
        <v>0</v>
      </c>
      <c r="IA39" s="132">
        <v>0</v>
      </c>
      <c r="IB39" s="133">
        <v>0</v>
      </c>
      <c r="IC39" s="146">
        <v>0</v>
      </c>
      <c r="ID39" s="132">
        <v>98350</v>
      </c>
      <c r="IE39" s="147">
        <v>158683</v>
      </c>
      <c r="IF39" s="133">
        <v>0</v>
      </c>
      <c r="IG39" s="132">
        <v>0</v>
      </c>
      <c r="IH39" s="133">
        <v>273343</v>
      </c>
      <c r="II39" s="148">
        <v>530376</v>
      </c>
      <c r="IJ39" s="139">
        <v>530376</v>
      </c>
      <c r="IK39" s="232">
        <v>0</v>
      </c>
      <c r="IL39" s="236">
        <v>0</v>
      </c>
      <c r="IM39" s="237">
        <v>0</v>
      </c>
      <c r="IN39" s="140"/>
      <c r="IO39" s="119">
        <v>0</v>
      </c>
      <c r="IP39" s="119">
        <v>0</v>
      </c>
      <c r="IQ39" s="119">
        <v>0</v>
      </c>
      <c r="IR39" s="119">
        <v>0</v>
      </c>
      <c r="IS39" s="119">
        <v>0</v>
      </c>
      <c r="IT39" s="141">
        <v>0</v>
      </c>
      <c r="IU39" s="318">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18">
        <v>0</v>
      </c>
      <c r="JR39" s="142">
        <v>0</v>
      </c>
      <c r="JS39" s="119">
        <v>0</v>
      </c>
      <c r="JT39" s="141">
        <v>0</v>
      </c>
      <c r="JU39" s="118">
        <v>0</v>
      </c>
      <c r="JV39" s="119">
        <v>0</v>
      </c>
      <c r="JW39" s="119">
        <v>0</v>
      </c>
      <c r="JX39" s="119">
        <v>0</v>
      </c>
      <c r="JY39" s="119">
        <v>0</v>
      </c>
      <c r="JZ39" s="119">
        <v>0</v>
      </c>
      <c r="KA39" s="120">
        <v>0</v>
      </c>
      <c r="KB39" s="318">
        <v>0</v>
      </c>
      <c r="KC39" s="234">
        <v>0</v>
      </c>
      <c r="KD39" s="230">
        <v>0</v>
      </c>
      <c r="KE39" s="120">
        <v>0</v>
      </c>
      <c r="KF39" s="118">
        <v>0</v>
      </c>
      <c r="KG39" s="119">
        <v>98350</v>
      </c>
      <c r="KH39" s="119">
        <v>0</v>
      </c>
      <c r="KI39" s="119">
        <v>0</v>
      </c>
      <c r="KJ39" s="119">
        <v>0</v>
      </c>
      <c r="KK39" s="119">
        <v>0</v>
      </c>
      <c r="KL39" s="120">
        <v>98350</v>
      </c>
      <c r="KM39" s="143">
        <v>98350</v>
      </c>
      <c r="KN39" s="232">
        <v>0</v>
      </c>
      <c r="KO39" s="236">
        <v>0</v>
      </c>
      <c r="KP39" s="237">
        <v>0</v>
      </c>
      <c r="KQ39" s="140"/>
      <c r="KR39" s="119">
        <v>0</v>
      </c>
      <c r="KS39" s="119">
        <v>0</v>
      </c>
      <c r="KT39" s="119">
        <v>0</v>
      </c>
      <c r="KU39" s="119">
        <v>0</v>
      </c>
      <c r="KV39" s="119">
        <v>0</v>
      </c>
      <c r="KW39" s="120">
        <v>0</v>
      </c>
      <c r="KX39" s="318">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18">
        <v>0</v>
      </c>
      <c r="LU39" s="142">
        <v>0</v>
      </c>
      <c r="LV39" s="119">
        <v>0</v>
      </c>
      <c r="LW39" s="120">
        <v>0</v>
      </c>
      <c r="LX39" s="145"/>
      <c r="LY39" s="119">
        <v>0</v>
      </c>
      <c r="LZ39" s="119">
        <v>158683</v>
      </c>
      <c r="MA39" s="119">
        <v>0</v>
      </c>
      <c r="MB39" s="119">
        <v>0</v>
      </c>
      <c r="MC39" s="119">
        <v>273343</v>
      </c>
      <c r="MD39" s="120">
        <v>432026</v>
      </c>
      <c r="ME39" s="121">
        <v>432026</v>
      </c>
      <c r="MF39" s="142">
        <v>0</v>
      </c>
      <c r="MG39" s="119">
        <v>0</v>
      </c>
      <c r="MH39" s="120">
        <v>0</v>
      </c>
      <c r="MI39" s="145"/>
      <c r="MJ39" s="119">
        <v>0</v>
      </c>
      <c r="MK39" s="119">
        <v>727433</v>
      </c>
      <c r="ML39" s="119">
        <v>150752</v>
      </c>
      <c r="MM39" s="119">
        <v>0</v>
      </c>
      <c r="MN39" s="119">
        <v>0</v>
      </c>
      <c r="MO39" s="120">
        <v>878185</v>
      </c>
      <c r="MP39" s="143">
        <v>878185</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0</v>
      </c>
      <c r="NG39" s="119">
        <v>727433</v>
      </c>
      <c r="NH39" s="119">
        <v>150752</v>
      </c>
      <c r="NI39" s="119">
        <v>0</v>
      </c>
      <c r="NJ39" s="119">
        <v>0</v>
      </c>
      <c r="NK39" s="120">
        <v>878185</v>
      </c>
      <c r="NL39" s="318">
        <v>878185</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142905</v>
      </c>
      <c r="ON39" s="119">
        <v>970907</v>
      </c>
      <c r="OO39" s="119">
        <v>514395</v>
      </c>
      <c r="OP39" s="119">
        <v>0</v>
      </c>
      <c r="OQ39" s="119">
        <v>294245</v>
      </c>
      <c r="OR39" s="120">
        <v>1922452</v>
      </c>
      <c r="OS39" s="143">
        <v>1922452</v>
      </c>
    </row>
    <row r="40" spans="2:409" ht="21" customHeight="1" x14ac:dyDescent="0.2">
      <c r="B40" s="126" t="s">
        <v>35</v>
      </c>
      <c r="C40" s="110">
        <v>253614</v>
      </c>
      <c r="D40" s="114">
        <v>154418</v>
      </c>
      <c r="E40" s="113">
        <v>408032</v>
      </c>
      <c r="F40" s="109">
        <v>0</v>
      </c>
      <c r="G40" s="114">
        <v>918611</v>
      </c>
      <c r="H40" s="114">
        <v>949202</v>
      </c>
      <c r="I40" s="114">
        <v>1169626</v>
      </c>
      <c r="J40" s="114">
        <v>2001927</v>
      </c>
      <c r="K40" s="114">
        <v>0</v>
      </c>
      <c r="L40" s="173">
        <v>5039366</v>
      </c>
      <c r="M40" s="116">
        <v>5447398</v>
      </c>
      <c r="N40" s="110">
        <v>106225</v>
      </c>
      <c r="O40" s="114">
        <v>47787</v>
      </c>
      <c r="P40" s="113">
        <v>154012</v>
      </c>
      <c r="Q40" s="110">
        <v>0</v>
      </c>
      <c r="R40" s="114">
        <v>468355</v>
      </c>
      <c r="S40" s="114">
        <v>167272</v>
      </c>
      <c r="T40" s="114">
        <v>286938</v>
      </c>
      <c r="U40" s="114">
        <v>553397</v>
      </c>
      <c r="V40" s="114">
        <v>0</v>
      </c>
      <c r="W40" s="113">
        <v>1475962</v>
      </c>
      <c r="X40" s="116">
        <v>1629974</v>
      </c>
      <c r="Y40" s="110">
        <v>0</v>
      </c>
      <c r="Z40" s="114">
        <v>0</v>
      </c>
      <c r="AA40" s="113">
        <v>0</v>
      </c>
      <c r="AB40" s="110">
        <v>0</v>
      </c>
      <c r="AC40" s="114">
        <v>205722</v>
      </c>
      <c r="AD40" s="114">
        <v>79744</v>
      </c>
      <c r="AE40" s="114">
        <v>186621</v>
      </c>
      <c r="AF40" s="114">
        <v>227855</v>
      </c>
      <c r="AG40" s="114">
        <v>0</v>
      </c>
      <c r="AH40" s="113">
        <v>699942</v>
      </c>
      <c r="AI40" s="116">
        <v>699942</v>
      </c>
      <c r="AJ40" s="110">
        <v>0</v>
      </c>
      <c r="AK40" s="114">
        <v>0</v>
      </c>
      <c r="AL40" s="113">
        <v>0</v>
      </c>
      <c r="AM40" s="110">
        <v>0</v>
      </c>
      <c r="AN40" s="114">
        <v>0</v>
      </c>
      <c r="AO40" s="114">
        <v>0</v>
      </c>
      <c r="AP40" s="114">
        <v>0</v>
      </c>
      <c r="AQ40" s="114">
        <v>51275</v>
      </c>
      <c r="AR40" s="114">
        <v>0</v>
      </c>
      <c r="AS40" s="113">
        <v>51275</v>
      </c>
      <c r="AT40" s="116">
        <v>51275</v>
      </c>
      <c r="AU40" s="110">
        <v>71120</v>
      </c>
      <c r="AV40" s="114">
        <v>30364</v>
      </c>
      <c r="AW40" s="113">
        <v>101484</v>
      </c>
      <c r="AX40" s="110">
        <v>0</v>
      </c>
      <c r="AY40" s="114">
        <v>111776</v>
      </c>
      <c r="AZ40" s="114">
        <v>52556</v>
      </c>
      <c r="BA40" s="114">
        <v>42021</v>
      </c>
      <c r="BB40" s="114">
        <v>186130</v>
      </c>
      <c r="BC40" s="114">
        <v>0</v>
      </c>
      <c r="BD40" s="113">
        <v>392483</v>
      </c>
      <c r="BE40" s="116">
        <v>493967</v>
      </c>
      <c r="BF40" s="110">
        <v>0</v>
      </c>
      <c r="BG40" s="114">
        <v>0</v>
      </c>
      <c r="BH40" s="112">
        <v>0</v>
      </c>
      <c r="BI40" s="111">
        <v>0</v>
      </c>
      <c r="BJ40" s="114">
        <v>134057</v>
      </c>
      <c r="BK40" s="114">
        <v>0</v>
      </c>
      <c r="BL40" s="114">
        <v>0</v>
      </c>
      <c r="BM40" s="114">
        <v>0</v>
      </c>
      <c r="BN40" s="114">
        <v>0</v>
      </c>
      <c r="BO40" s="113">
        <v>134057</v>
      </c>
      <c r="BP40" s="116">
        <v>134057</v>
      </c>
      <c r="BQ40" s="110">
        <v>35105</v>
      </c>
      <c r="BR40" s="114">
        <v>17423</v>
      </c>
      <c r="BS40" s="113">
        <v>52528</v>
      </c>
      <c r="BT40" s="110">
        <v>0</v>
      </c>
      <c r="BU40" s="114">
        <v>16800</v>
      </c>
      <c r="BV40" s="114">
        <v>34972</v>
      </c>
      <c r="BW40" s="114">
        <v>58296</v>
      </c>
      <c r="BX40" s="114">
        <v>88137</v>
      </c>
      <c r="BY40" s="114">
        <v>0</v>
      </c>
      <c r="BZ40" s="113">
        <v>198205</v>
      </c>
      <c r="CA40" s="116">
        <v>250733</v>
      </c>
      <c r="CB40" s="110">
        <v>0</v>
      </c>
      <c r="CC40" s="114">
        <v>100569</v>
      </c>
      <c r="CD40" s="113">
        <v>100569</v>
      </c>
      <c r="CE40" s="110">
        <v>0</v>
      </c>
      <c r="CF40" s="114">
        <v>288869</v>
      </c>
      <c r="CG40" s="114">
        <v>243068</v>
      </c>
      <c r="CH40" s="114">
        <v>41342</v>
      </c>
      <c r="CI40" s="114">
        <v>186595</v>
      </c>
      <c r="CJ40" s="114">
        <v>0</v>
      </c>
      <c r="CK40" s="113">
        <v>759874</v>
      </c>
      <c r="CL40" s="116">
        <v>860443</v>
      </c>
      <c r="CM40" s="110">
        <v>0</v>
      </c>
      <c r="CN40" s="114">
        <v>0</v>
      </c>
      <c r="CO40" s="113">
        <v>0</v>
      </c>
      <c r="CP40" s="111">
        <v>0</v>
      </c>
      <c r="CQ40" s="114">
        <v>247863</v>
      </c>
      <c r="CR40" s="114">
        <v>164864</v>
      </c>
      <c r="CS40" s="114">
        <v>41342</v>
      </c>
      <c r="CT40" s="114">
        <v>88529</v>
      </c>
      <c r="CU40" s="114">
        <v>0</v>
      </c>
      <c r="CV40" s="113">
        <v>542598</v>
      </c>
      <c r="CW40" s="116">
        <v>542598</v>
      </c>
      <c r="CX40" s="110">
        <v>0</v>
      </c>
      <c r="CY40" s="114">
        <v>100569</v>
      </c>
      <c r="CZ40" s="113">
        <v>100569</v>
      </c>
      <c r="DA40" s="110">
        <v>0</v>
      </c>
      <c r="DB40" s="114">
        <v>41006</v>
      </c>
      <c r="DC40" s="114">
        <v>78204</v>
      </c>
      <c r="DD40" s="114">
        <v>0</v>
      </c>
      <c r="DE40" s="114">
        <v>98066</v>
      </c>
      <c r="DF40" s="114">
        <v>0</v>
      </c>
      <c r="DG40" s="113">
        <v>217276</v>
      </c>
      <c r="DH40" s="116">
        <v>317845</v>
      </c>
      <c r="DI40" s="110">
        <v>0</v>
      </c>
      <c r="DJ40" s="114">
        <v>0</v>
      </c>
      <c r="DK40" s="112">
        <v>0</v>
      </c>
      <c r="DL40" s="111">
        <v>0</v>
      </c>
      <c r="DM40" s="114">
        <v>0</v>
      </c>
      <c r="DN40" s="114">
        <v>0</v>
      </c>
      <c r="DO40" s="114">
        <v>0</v>
      </c>
      <c r="DP40" s="114">
        <v>203399</v>
      </c>
      <c r="DQ40" s="114">
        <v>0</v>
      </c>
      <c r="DR40" s="113">
        <v>203399</v>
      </c>
      <c r="DS40" s="116">
        <v>203399</v>
      </c>
      <c r="DT40" s="110">
        <v>0</v>
      </c>
      <c r="DU40" s="114">
        <v>0</v>
      </c>
      <c r="DV40" s="113">
        <v>0</v>
      </c>
      <c r="DW40" s="110">
        <v>0</v>
      </c>
      <c r="DX40" s="114">
        <v>0</v>
      </c>
      <c r="DY40" s="114">
        <v>0</v>
      </c>
      <c r="DZ40" s="114">
        <v>0</v>
      </c>
      <c r="EA40" s="114">
        <v>203399</v>
      </c>
      <c r="EB40" s="114">
        <v>0</v>
      </c>
      <c r="EC40" s="113">
        <v>203399</v>
      </c>
      <c r="ED40" s="116">
        <v>203399</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5"/>
      <c r="FE40" s="114">
        <v>0</v>
      </c>
      <c r="FF40" s="114">
        <v>0</v>
      </c>
      <c r="FG40" s="114">
        <v>0</v>
      </c>
      <c r="FH40" s="114">
        <v>0</v>
      </c>
      <c r="FI40" s="114">
        <v>0</v>
      </c>
      <c r="FJ40" s="113">
        <v>0</v>
      </c>
      <c r="FK40" s="116">
        <v>0</v>
      </c>
      <c r="FL40" s="110">
        <v>4550</v>
      </c>
      <c r="FM40" s="114">
        <v>6062</v>
      </c>
      <c r="FN40" s="113">
        <v>10612</v>
      </c>
      <c r="FO40" s="110">
        <v>0</v>
      </c>
      <c r="FP40" s="114">
        <v>25760</v>
      </c>
      <c r="FQ40" s="114">
        <v>102200</v>
      </c>
      <c r="FR40" s="114">
        <v>152768</v>
      </c>
      <c r="FS40" s="114">
        <v>111590</v>
      </c>
      <c r="FT40" s="114">
        <v>0</v>
      </c>
      <c r="FU40" s="113">
        <v>392318</v>
      </c>
      <c r="FV40" s="116">
        <v>402930</v>
      </c>
      <c r="FW40" s="115">
        <v>4550</v>
      </c>
      <c r="FX40" s="114">
        <v>6062</v>
      </c>
      <c r="FY40" s="112">
        <v>10612</v>
      </c>
      <c r="FZ40" s="111">
        <v>0</v>
      </c>
      <c r="GA40" s="114">
        <v>25760</v>
      </c>
      <c r="GB40" s="114">
        <v>102200</v>
      </c>
      <c r="GC40" s="114">
        <v>119273</v>
      </c>
      <c r="GD40" s="114">
        <v>91147</v>
      </c>
      <c r="GE40" s="114">
        <v>0</v>
      </c>
      <c r="GF40" s="113">
        <v>338380</v>
      </c>
      <c r="GG40" s="316">
        <v>348992</v>
      </c>
      <c r="GH40" s="115">
        <v>0</v>
      </c>
      <c r="GI40" s="114">
        <v>0</v>
      </c>
      <c r="GJ40" s="112">
        <v>0</v>
      </c>
      <c r="GK40" s="111">
        <v>0</v>
      </c>
      <c r="GL40" s="114">
        <v>0</v>
      </c>
      <c r="GM40" s="114">
        <v>0</v>
      </c>
      <c r="GN40" s="114">
        <v>33495</v>
      </c>
      <c r="GO40" s="114">
        <v>20443</v>
      </c>
      <c r="GP40" s="114">
        <v>0</v>
      </c>
      <c r="GQ40" s="113">
        <v>53938</v>
      </c>
      <c r="GR40" s="116">
        <v>53938</v>
      </c>
      <c r="GS40" s="110">
        <v>0</v>
      </c>
      <c r="GT40" s="114">
        <v>0</v>
      </c>
      <c r="GU40" s="113">
        <v>0</v>
      </c>
      <c r="GV40" s="110">
        <v>0</v>
      </c>
      <c r="GW40" s="114">
        <v>0</v>
      </c>
      <c r="GX40" s="114">
        <v>0</v>
      </c>
      <c r="GY40" s="114">
        <v>0</v>
      </c>
      <c r="GZ40" s="114">
        <v>0</v>
      </c>
      <c r="HA40" s="114">
        <v>0</v>
      </c>
      <c r="HB40" s="112">
        <v>0</v>
      </c>
      <c r="HC40" s="116">
        <v>0</v>
      </c>
      <c r="HD40" s="110">
        <v>142839</v>
      </c>
      <c r="HE40" s="114">
        <v>0</v>
      </c>
      <c r="HF40" s="112">
        <v>142839</v>
      </c>
      <c r="HG40" s="111">
        <v>0</v>
      </c>
      <c r="HH40" s="114">
        <v>135627</v>
      </c>
      <c r="HI40" s="114">
        <v>436662</v>
      </c>
      <c r="HJ40" s="114">
        <v>688578</v>
      </c>
      <c r="HK40" s="114">
        <v>946946</v>
      </c>
      <c r="HL40" s="114">
        <v>0</v>
      </c>
      <c r="HM40" s="113">
        <v>2207813</v>
      </c>
      <c r="HN40" s="109">
        <v>2350652</v>
      </c>
      <c r="HO40" s="326"/>
      <c r="HP40" s="327"/>
      <c r="HQ40" s="328"/>
      <c r="HR40" s="329"/>
      <c r="HS40" s="327"/>
      <c r="HT40" s="327"/>
      <c r="HU40" s="327"/>
      <c r="HV40" s="327"/>
      <c r="HW40" s="327"/>
      <c r="HX40" s="330"/>
      <c r="HY40" s="331"/>
      <c r="HZ40" s="150">
        <v>0</v>
      </c>
      <c r="IA40" s="135">
        <v>0</v>
      </c>
      <c r="IB40" s="150">
        <v>0</v>
      </c>
      <c r="IC40" s="146">
        <v>0</v>
      </c>
      <c r="ID40" s="132">
        <v>17703</v>
      </c>
      <c r="IE40" s="147">
        <v>0</v>
      </c>
      <c r="IF40" s="133">
        <v>41636</v>
      </c>
      <c r="IG40" s="132">
        <v>272895</v>
      </c>
      <c r="IH40" s="133">
        <v>0</v>
      </c>
      <c r="II40" s="148">
        <v>332234</v>
      </c>
      <c r="IJ40" s="150">
        <v>332234</v>
      </c>
      <c r="IK40" s="232">
        <v>0</v>
      </c>
      <c r="IL40" s="236">
        <v>0</v>
      </c>
      <c r="IM40" s="237">
        <v>0</v>
      </c>
      <c r="IN40" s="140"/>
      <c r="IO40" s="119">
        <v>0</v>
      </c>
      <c r="IP40" s="119">
        <v>0</v>
      </c>
      <c r="IQ40" s="119">
        <v>0</v>
      </c>
      <c r="IR40" s="119">
        <v>0</v>
      </c>
      <c r="IS40" s="119">
        <v>0</v>
      </c>
      <c r="IT40" s="141">
        <v>0</v>
      </c>
      <c r="IU40" s="318">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7703</v>
      </c>
      <c r="JL40" s="119">
        <v>0</v>
      </c>
      <c r="JM40" s="119">
        <v>41636</v>
      </c>
      <c r="JN40" s="119">
        <v>0</v>
      </c>
      <c r="JO40" s="119">
        <v>0</v>
      </c>
      <c r="JP40" s="120">
        <v>59339</v>
      </c>
      <c r="JQ40" s="318">
        <v>59339</v>
      </c>
      <c r="JR40" s="142">
        <v>0</v>
      </c>
      <c r="JS40" s="119">
        <v>0</v>
      </c>
      <c r="JT40" s="141">
        <v>0</v>
      </c>
      <c r="JU40" s="118">
        <v>0</v>
      </c>
      <c r="JV40" s="119">
        <v>0</v>
      </c>
      <c r="JW40" s="119">
        <v>0</v>
      </c>
      <c r="JX40" s="119">
        <v>0</v>
      </c>
      <c r="JY40" s="119">
        <v>0</v>
      </c>
      <c r="JZ40" s="119">
        <v>0</v>
      </c>
      <c r="KA40" s="120">
        <v>0</v>
      </c>
      <c r="KB40" s="318">
        <v>0</v>
      </c>
      <c r="KC40" s="234">
        <v>0</v>
      </c>
      <c r="KD40" s="230">
        <v>0</v>
      </c>
      <c r="KE40" s="120">
        <v>0</v>
      </c>
      <c r="KF40" s="118">
        <v>0</v>
      </c>
      <c r="KG40" s="119">
        <v>0</v>
      </c>
      <c r="KH40" s="119">
        <v>0</v>
      </c>
      <c r="KI40" s="119">
        <v>0</v>
      </c>
      <c r="KJ40" s="119">
        <v>55153</v>
      </c>
      <c r="KK40" s="119">
        <v>0</v>
      </c>
      <c r="KL40" s="120">
        <v>55153</v>
      </c>
      <c r="KM40" s="143">
        <v>55153</v>
      </c>
      <c r="KN40" s="232">
        <v>0</v>
      </c>
      <c r="KO40" s="236">
        <v>0</v>
      </c>
      <c r="KP40" s="237">
        <v>0</v>
      </c>
      <c r="KQ40" s="140"/>
      <c r="KR40" s="119">
        <v>0</v>
      </c>
      <c r="KS40" s="119">
        <v>0</v>
      </c>
      <c r="KT40" s="119">
        <v>0</v>
      </c>
      <c r="KU40" s="119">
        <v>217742</v>
      </c>
      <c r="KV40" s="119">
        <v>0</v>
      </c>
      <c r="KW40" s="120">
        <v>217742</v>
      </c>
      <c r="KX40" s="318">
        <v>217742</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18">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0</v>
      </c>
      <c r="MM40" s="119">
        <v>231707</v>
      </c>
      <c r="MN40" s="119">
        <v>0</v>
      </c>
      <c r="MO40" s="120">
        <v>231707</v>
      </c>
      <c r="MP40" s="143">
        <v>231707</v>
      </c>
      <c r="MQ40" s="142">
        <v>0</v>
      </c>
      <c r="MR40" s="119">
        <v>0</v>
      </c>
      <c r="MS40" s="120">
        <v>0</v>
      </c>
      <c r="MT40" s="145"/>
      <c r="MU40" s="119">
        <v>0</v>
      </c>
      <c r="MV40" s="119">
        <v>0</v>
      </c>
      <c r="MW40" s="119">
        <v>0</v>
      </c>
      <c r="MX40" s="119">
        <v>231707</v>
      </c>
      <c r="MY40" s="119">
        <v>0</v>
      </c>
      <c r="MZ40" s="120">
        <v>231707</v>
      </c>
      <c r="NA40" s="143">
        <v>231707</v>
      </c>
      <c r="NB40" s="142">
        <v>0</v>
      </c>
      <c r="NC40" s="119">
        <v>0</v>
      </c>
      <c r="ND40" s="120">
        <v>0</v>
      </c>
      <c r="NE40" s="145"/>
      <c r="NF40" s="119">
        <v>0</v>
      </c>
      <c r="NG40" s="119">
        <v>0</v>
      </c>
      <c r="NH40" s="119">
        <v>0</v>
      </c>
      <c r="NI40" s="119">
        <v>0</v>
      </c>
      <c r="NJ40" s="119">
        <v>0</v>
      </c>
      <c r="NK40" s="120">
        <v>0</v>
      </c>
      <c r="NL40" s="318">
        <v>0</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53614</v>
      </c>
      <c r="OJ40" s="119">
        <v>154418</v>
      </c>
      <c r="OK40" s="141">
        <v>408032</v>
      </c>
      <c r="OL40" s="118">
        <v>0</v>
      </c>
      <c r="OM40" s="119">
        <v>936314</v>
      </c>
      <c r="ON40" s="119">
        <v>949202</v>
      </c>
      <c r="OO40" s="119">
        <v>1211262</v>
      </c>
      <c r="OP40" s="119">
        <v>2506529</v>
      </c>
      <c r="OQ40" s="119">
        <v>0</v>
      </c>
      <c r="OR40" s="120">
        <v>5603307</v>
      </c>
      <c r="OS40" s="143">
        <v>6011339</v>
      </c>
    </row>
    <row r="41" spans="2:409" ht="21" customHeight="1" x14ac:dyDescent="0.2">
      <c r="B41" s="126" t="s">
        <v>36</v>
      </c>
      <c r="C41" s="110">
        <v>0</v>
      </c>
      <c r="D41" s="114">
        <v>29658</v>
      </c>
      <c r="E41" s="113">
        <v>29658</v>
      </c>
      <c r="F41" s="109">
        <v>0</v>
      </c>
      <c r="G41" s="114">
        <v>378970</v>
      </c>
      <c r="H41" s="114">
        <v>422162</v>
      </c>
      <c r="I41" s="114">
        <v>594652</v>
      </c>
      <c r="J41" s="114">
        <v>1431194</v>
      </c>
      <c r="K41" s="114">
        <v>109589</v>
      </c>
      <c r="L41" s="173">
        <v>2936567</v>
      </c>
      <c r="M41" s="116">
        <v>2966225</v>
      </c>
      <c r="N41" s="110">
        <v>0</v>
      </c>
      <c r="O41" s="114">
        <v>28258</v>
      </c>
      <c r="P41" s="113">
        <v>28258</v>
      </c>
      <c r="Q41" s="110">
        <v>0</v>
      </c>
      <c r="R41" s="114">
        <v>180729</v>
      </c>
      <c r="S41" s="114">
        <v>93921</v>
      </c>
      <c r="T41" s="114">
        <v>54441</v>
      </c>
      <c r="U41" s="114">
        <v>684213</v>
      </c>
      <c r="V41" s="114">
        <v>16086</v>
      </c>
      <c r="W41" s="113">
        <v>1029390</v>
      </c>
      <c r="X41" s="116">
        <v>1057648</v>
      </c>
      <c r="Y41" s="110">
        <v>0</v>
      </c>
      <c r="Z41" s="114">
        <v>0</v>
      </c>
      <c r="AA41" s="113">
        <v>0</v>
      </c>
      <c r="AB41" s="110">
        <v>0</v>
      </c>
      <c r="AC41" s="114">
        <v>51965</v>
      </c>
      <c r="AD41" s="114">
        <v>16207</v>
      </c>
      <c r="AE41" s="114">
        <v>0</v>
      </c>
      <c r="AF41" s="114">
        <v>603029</v>
      </c>
      <c r="AG41" s="114">
        <v>0</v>
      </c>
      <c r="AH41" s="113">
        <v>671201</v>
      </c>
      <c r="AI41" s="116">
        <v>671201</v>
      </c>
      <c r="AJ41" s="110">
        <v>0</v>
      </c>
      <c r="AK41" s="114">
        <v>0</v>
      </c>
      <c r="AL41" s="113">
        <v>0</v>
      </c>
      <c r="AM41" s="110">
        <v>0</v>
      </c>
      <c r="AN41" s="114">
        <v>9437</v>
      </c>
      <c r="AO41" s="114">
        <v>0</v>
      </c>
      <c r="AP41" s="114">
        <v>0</v>
      </c>
      <c r="AQ41" s="114">
        <v>0</v>
      </c>
      <c r="AR41" s="114">
        <v>0</v>
      </c>
      <c r="AS41" s="113">
        <v>9437</v>
      </c>
      <c r="AT41" s="116">
        <v>9437</v>
      </c>
      <c r="AU41" s="110">
        <v>0</v>
      </c>
      <c r="AV41" s="114">
        <v>28258</v>
      </c>
      <c r="AW41" s="113">
        <v>28258</v>
      </c>
      <c r="AX41" s="110">
        <v>0</v>
      </c>
      <c r="AY41" s="114">
        <v>76486</v>
      </c>
      <c r="AZ41" s="114">
        <v>69314</v>
      </c>
      <c r="BA41" s="114">
        <v>24159</v>
      </c>
      <c r="BB41" s="114">
        <v>24918</v>
      </c>
      <c r="BC41" s="114">
        <v>0</v>
      </c>
      <c r="BD41" s="113">
        <v>194877</v>
      </c>
      <c r="BE41" s="116">
        <v>223135</v>
      </c>
      <c r="BF41" s="110">
        <v>0</v>
      </c>
      <c r="BG41" s="114">
        <v>0</v>
      </c>
      <c r="BH41" s="112">
        <v>0</v>
      </c>
      <c r="BI41" s="111">
        <v>0</v>
      </c>
      <c r="BJ41" s="114">
        <v>35617</v>
      </c>
      <c r="BK41" s="114">
        <v>0</v>
      </c>
      <c r="BL41" s="114">
        <v>0</v>
      </c>
      <c r="BM41" s="114">
        <v>0</v>
      </c>
      <c r="BN41" s="114">
        <v>0</v>
      </c>
      <c r="BO41" s="113">
        <v>35617</v>
      </c>
      <c r="BP41" s="116">
        <v>35617</v>
      </c>
      <c r="BQ41" s="110">
        <v>0</v>
      </c>
      <c r="BR41" s="114">
        <v>0</v>
      </c>
      <c r="BS41" s="113">
        <v>0</v>
      </c>
      <c r="BT41" s="110">
        <v>0</v>
      </c>
      <c r="BU41" s="114">
        <v>7224</v>
      </c>
      <c r="BV41" s="114">
        <v>8400</v>
      </c>
      <c r="BW41" s="114">
        <v>30282</v>
      </c>
      <c r="BX41" s="114">
        <v>56266</v>
      </c>
      <c r="BY41" s="114">
        <v>16086</v>
      </c>
      <c r="BZ41" s="113">
        <v>118258</v>
      </c>
      <c r="CA41" s="116">
        <v>118258</v>
      </c>
      <c r="CB41" s="110">
        <v>0</v>
      </c>
      <c r="CC41" s="114">
        <v>0</v>
      </c>
      <c r="CD41" s="113">
        <v>0</v>
      </c>
      <c r="CE41" s="110">
        <v>0</v>
      </c>
      <c r="CF41" s="114">
        <v>150991</v>
      </c>
      <c r="CG41" s="114">
        <v>37130</v>
      </c>
      <c r="CH41" s="114">
        <v>95581</v>
      </c>
      <c r="CI41" s="114">
        <v>136336</v>
      </c>
      <c r="CJ41" s="114">
        <v>77487</v>
      </c>
      <c r="CK41" s="113">
        <v>497525</v>
      </c>
      <c r="CL41" s="116">
        <v>497525</v>
      </c>
      <c r="CM41" s="110">
        <v>0</v>
      </c>
      <c r="CN41" s="114">
        <v>0</v>
      </c>
      <c r="CO41" s="113">
        <v>0</v>
      </c>
      <c r="CP41" s="111">
        <v>0</v>
      </c>
      <c r="CQ41" s="114">
        <v>120455</v>
      </c>
      <c r="CR41" s="114">
        <v>37130</v>
      </c>
      <c r="CS41" s="114">
        <v>95581</v>
      </c>
      <c r="CT41" s="114">
        <v>136336</v>
      </c>
      <c r="CU41" s="114">
        <v>77487</v>
      </c>
      <c r="CV41" s="113">
        <v>466989</v>
      </c>
      <c r="CW41" s="116">
        <v>466989</v>
      </c>
      <c r="CX41" s="110">
        <v>0</v>
      </c>
      <c r="CY41" s="114">
        <v>0</v>
      </c>
      <c r="CZ41" s="113">
        <v>0</v>
      </c>
      <c r="DA41" s="110">
        <v>0</v>
      </c>
      <c r="DB41" s="114">
        <v>30536</v>
      </c>
      <c r="DC41" s="114">
        <v>0</v>
      </c>
      <c r="DD41" s="114">
        <v>0</v>
      </c>
      <c r="DE41" s="114">
        <v>0</v>
      </c>
      <c r="DF41" s="114">
        <v>0</v>
      </c>
      <c r="DG41" s="113">
        <v>30536</v>
      </c>
      <c r="DH41" s="116">
        <v>30536</v>
      </c>
      <c r="DI41" s="110">
        <v>0</v>
      </c>
      <c r="DJ41" s="114">
        <v>0</v>
      </c>
      <c r="DK41" s="112">
        <v>0</v>
      </c>
      <c r="DL41" s="111">
        <v>0</v>
      </c>
      <c r="DM41" s="114">
        <v>0</v>
      </c>
      <c r="DN41" s="114">
        <v>118543</v>
      </c>
      <c r="DO41" s="114">
        <v>57792</v>
      </c>
      <c r="DP41" s="114">
        <v>0</v>
      </c>
      <c r="DQ41" s="114">
        <v>0</v>
      </c>
      <c r="DR41" s="113">
        <v>176335</v>
      </c>
      <c r="DS41" s="116">
        <v>176335</v>
      </c>
      <c r="DT41" s="110">
        <v>0</v>
      </c>
      <c r="DU41" s="114">
        <v>0</v>
      </c>
      <c r="DV41" s="113">
        <v>0</v>
      </c>
      <c r="DW41" s="110">
        <v>0</v>
      </c>
      <c r="DX41" s="114">
        <v>0</v>
      </c>
      <c r="DY41" s="114">
        <v>118543</v>
      </c>
      <c r="DZ41" s="114">
        <v>57792</v>
      </c>
      <c r="EA41" s="114">
        <v>0</v>
      </c>
      <c r="EB41" s="114">
        <v>0</v>
      </c>
      <c r="EC41" s="113">
        <v>176335</v>
      </c>
      <c r="ED41" s="116">
        <v>176335</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5"/>
      <c r="FE41" s="114">
        <v>0</v>
      </c>
      <c r="FF41" s="114">
        <v>0</v>
      </c>
      <c r="FG41" s="114">
        <v>0</v>
      </c>
      <c r="FH41" s="114">
        <v>0</v>
      </c>
      <c r="FI41" s="114">
        <v>0</v>
      </c>
      <c r="FJ41" s="113">
        <v>0</v>
      </c>
      <c r="FK41" s="116">
        <v>0</v>
      </c>
      <c r="FL41" s="110">
        <v>0</v>
      </c>
      <c r="FM41" s="114">
        <v>1400</v>
      </c>
      <c r="FN41" s="113">
        <v>1400</v>
      </c>
      <c r="FO41" s="110">
        <v>0</v>
      </c>
      <c r="FP41" s="114">
        <v>47250</v>
      </c>
      <c r="FQ41" s="114">
        <v>19285</v>
      </c>
      <c r="FR41" s="114">
        <v>38080</v>
      </c>
      <c r="FS41" s="114">
        <v>51436</v>
      </c>
      <c r="FT41" s="114">
        <v>16016</v>
      </c>
      <c r="FU41" s="113">
        <v>172067</v>
      </c>
      <c r="FV41" s="116">
        <v>173467</v>
      </c>
      <c r="FW41" s="115">
        <v>0</v>
      </c>
      <c r="FX41" s="114">
        <v>1400</v>
      </c>
      <c r="FY41" s="112">
        <v>1400</v>
      </c>
      <c r="FZ41" s="111">
        <v>0</v>
      </c>
      <c r="GA41" s="114">
        <v>47250</v>
      </c>
      <c r="GB41" s="114">
        <v>19285</v>
      </c>
      <c r="GC41" s="114">
        <v>38080</v>
      </c>
      <c r="GD41" s="114">
        <v>51436</v>
      </c>
      <c r="GE41" s="114">
        <v>16016</v>
      </c>
      <c r="GF41" s="113">
        <v>172067</v>
      </c>
      <c r="GG41" s="316">
        <v>173467</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153283</v>
      </c>
      <c r="HJ41" s="114">
        <v>348758</v>
      </c>
      <c r="HK41" s="114">
        <v>559209</v>
      </c>
      <c r="HL41" s="114">
        <v>0</v>
      </c>
      <c r="HM41" s="113">
        <v>1061250</v>
      </c>
      <c r="HN41" s="109">
        <v>1061250</v>
      </c>
      <c r="HO41" s="326"/>
      <c r="HP41" s="327"/>
      <c r="HQ41" s="328"/>
      <c r="HR41" s="329"/>
      <c r="HS41" s="327"/>
      <c r="HT41" s="327"/>
      <c r="HU41" s="327"/>
      <c r="HV41" s="327"/>
      <c r="HW41" s="327"/>
      <c r="HX41" s="330"/>
      <c r="HY41" s="331"/>
      <c r="HZ41" s="131">
        <v>0</v>
      </c>
      <c r="IA41" s="132">
        <v>0</v>
      </c>
      <c r="IB41" s="133">
        <v>0</v>
      </c>
      <c r="IC41" s="146">
        <v>0</v>
      </c>
      <c r="ID41" s="132">
        <v>317986</v>
      </c>
      <c r="IE41" s="147">
        <v>224990</v>
      </c>
      <c r="IF41" s="133">
        <v>0</v>
      </c>
      <c r="IG41" s="132">
        <v>102739</v>
      </c>
      <c r="IH41" s="133">
        <v>231672</v>
      </c>
      <c r="II41" s="148">
        <v>877387</v>
      </c>
      <c r="IJ41" s="139">
        <v>877387</v>
      </c>
      <c r="IK41" s="232">
        <v>0</v>
      </c>
      <c r="IL41" s="236">
        <v>0</v>
      </c>
      <c r="IM41" s="237">
        <v>0</v>
      </c>
      <c r="IN41" s="140"/>
      <c r="IO41" s="119">
        <v>0</v>
      </c>
      <c r="IP41" s="119">
        <v>0</v>
      </c>
      <c r="IQ41" s="119">
        <v>0</v>
      </c>
      <c r="IR41" s="119">
        <v>0</v>
      </c>
      <c r="IS41" s="119">
        <v>0</v>
      </c>
      <c r="IT41" s="141">
        <v>0</v>
      </c>
      <c r="IU41" s="318">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4212</v>
      </c>
      <c r="JL41" s="119">
        <v>8277</v>
      </c>
      <c r="JM41" s="119">
        <v>0</v>
      </c>
      <c r="JN41" s="119">
        <v>102739</v>
      </c>
      <c r="JO41" s="119">
        <v>0</v>
      </c>
      <c r="JP41" s="120">
        <v>135228</v>
      </c>
      <c r="JQ41" s="318">
        <v>135228</v>
      </c>
      <c r="JR41" s="142">
        <v>0</v>
      </c>
      <c r="JS41" s="119">
        <v>0</v>
      </c>
      <c r="JT41" s="141">
        <v>0</v>
      </c>
      <c r="JU41" s="118">
        <v>0</v>
      </c>
      <c r="JV41" s="119">
        <v>0</v>
      </c>
      <c r="JW41" s="119">
        <v>0</v>
      </c>
      <c r="JX41" s="119">
        <v>0</v>
      </c>
      <c r="JY41" s="119">
        <v>0</v>
      </c>
      <c r="JZ41" s="119">
        <v>0</v>
      </c>
      <c r="KA41" s="120">
        <v>0</v>
      </c>
      <c r="KB41" s="318">
        <v>0</v>
      </c>
      <c r="KC41" s="234">
        <v>0</v>
      </c>
      <c r="KD41" s="230">
        <v>0</v>
      </c>
      <c r="KE41" s="120">
        <v>0</v>
      </c>
      <c r="KF41" s="118">
        <v>0</v>
      </c>
      <c r="KG41" s="119">
        <v>86241</v>
      </c>
      <c r="KH41" s="119">
        <v>0</v>
      </c>
      <c r="KI41" s="119">
        <v>0</v>
      </c>
      <c r="KJ41" s="119">
        <v>0</v>
      </c>
      <c r="KK41" s="119">
        <v>0</v>
      </c>
      <c r="KL41" s="120">
        <v>86241</v>
      </c>
      <c r="KM41" s="143">
        <v>86241</v>
      </c>
      <c r="KN41" s="232">
        <v>0</v>
      </c>
      <c r="KO41" s="236">
        <v>0</v>
      </c>
      <c r="KP41" s="237">
        <v>0</v>
      </c>
      <c r="KQ41" s="140"/>
      <c r="KR41" s="119">
        <v>207533</v>
      </c>
      <c r="KS41" s="119">
        <v>216713</v>
      </c>
      <c r="KT41" s="119">
        <v>0</v>
      </c>
      <c r="KU41" s="119">
        <v>0</v>
      </c>
      <c r="KV41" s="119">
        <v>231672</v>
      </c>
      <c r="KW41" s="120">
        <v>655918</v>
      </c>
      <c r="KX41" s="318">
        <v>655918</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18">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194719</v>
      </c>
      <c r="MK41" s="119">
        <v>0</v>
      </c>
      <c r="ML41" s="119">
        <v>627881</v>
      </c>
      <c r="MM41" s="119">
        <v>929331</v>
      </c>
      <c r="MN41" s="119">
        <v>502994</v>
      </c>
      <c r="MO41" s="120">
        <v>2254925</v>
      </c>
      <c r="MP41" s="143">
        <v>2254925</v>
      </c>
      <c r="MQ41" s="142">
        <v>0</v>
      </c>
      <c r="MR41" s="119">
        <v>0</v>
      </c>
      <c r="MS41" s="120">
        <v>0</v>
      </c>
      <c r="MT41" s="145"/>
      <c r="MU41" s="119">
        <v>0</v>
      </c>
      <c r="MV41" s="119">
        <v>0</v>
      </c>
      <c r="MW41" s="119">
        <v>399500</v>
      </c>
      <c r="MX41" s="119">
        <v>0</v>
      </c>
      <c r="MY41" s="119">
        <v>502994</v>
      </c>
      <c r="MZ41" s="120">
        <v>902494</v>
      </c>
      <c r="NA41" s="143">
        <v>902494</v>
      </c>
      <c r="NB41" s="142">
        <v>0</v>
      </c>
      <c r="NC41" s="119">
        <v>0</v>
      </c>
      <c r="ND41" s="120">
        <v>0</v>
      </c>
      <c r="NE41" s="145"/>
      <c r="NF41" s="119">
        <v>194719</v>
      </c>
      <c r="NG41" s="119">
        <v>0</v>
      </c>
      <c r="NH41" s="119">
        <v>228381</v>
      </c>
      <c r="NI41" s="119">
        <v>929331</v>
      </c>
      <c r="NJ41" s="119">
        <v>0</v>
      </c>
      <c r="NK41" s="120">
        <v>1352431</v>
      </c>
      <c r="NL41" s="318">
        <v>1352431</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29658</v>
      </c>
      <c r="OK41" s="141">
        <v>29658</v>
      </c>
      <c r="OL41" s="118">
        <v>0</v>
      </c>
      <c r="OM41" s="119">
        <v>891675</v>
      </c>
      <c r="ON41" s="119">
        <v>647152</v>
      </c>
      <c r="OO41" s="119">
        <v>1222533</v>
      </c>
      <c r="OP41" s="119">
        <v>2463264</v>
      </c>
      <c r="OQ41" s="119">
        <v>844255</v>
      </c>
      <c r="OR41" s="120">
        <v>6068879</v>
      </c>
      <c r="OS41" s="143">
        <v>6098537</v>
      </c>
    </row>
    <row r="42" spans="2:409" ht="21" customHeight="1" thickBot="1" x14ac:dyDescent="0.25">
      <c r="B42" s="127" t="s">
        <v>37</v>
      </c>
      <c r="C42" s="117">
        <v>0</v>
      </c>
      <c r="D42" s="178">
        <v>32951</v>
      </c>
      <c r="E42" s="179">
        <v>32951</v>
      </c>
      <c r="F42" s="180">
        <v>0</v>
      </c>
      <c r="G42" s="178">
        <v>0</v>
      </c>
      <c r="H42" s="178">
        <v>0</v>
      </c>
      <c r="I42" s="178">
        <v>0</v>
      </c>
      <c r="J42" s="178">
        <v>194465</v>
      </c>
      <c r="K42" s="178">
        <v>114034</v>
      </c>
      <c r="L42" s="180">
        <v>308499</v>
      </c>
      <c r="M42" s="181">
        <v>341450</v>
      </c>
      <c r="N42" s="117">
        <v>0</v>
      </c>
      <c r="O42" s="178">
        <v>0</v>
      </c>
      <c r="P42" s="179">
        <v>0</v>
      </c>
      <c r="Q42" s="117">
        <v>0</v>
      </c>
      <c r="R42" s="178">
        <v>0</v>
      </c>
      <c r="S42" s="178">
        <v>0</v>
      </c>
      <c r="T42" s="178">
        <v>0</v>
      </c>
      <c r="U42" s="178">
        <v>8400</v>
      </c>
      <c r="V42" s="178">
        <v>36906</v>
      </c>
      <c r="W42" s="179">
        <v>45306</v>
      </c>
      <c r="X42" s="181">
        <v>45306</v>
      </c>
      <c r="Y42" s="117">
        <v>0</v>
      </c>
      <c r="Z42" s="178">
        <v>0</v>
      </c>
      <c r="AA42" s="179">
        <v>0</v>
      </c>
      <c r="AB42" s="117">
        <v>0</v>
      </c>
      <c r="AC42" s="178">
        <v>0</v>
      </c>
      <c r="AD42" s="178">
        <v>0</v>
      </c>
      <c r="AE42" s="178">
        <v>0</v>
      </c>
      <c r="AF42" s="178">
        <v>0</v>
      </c>
      <c r="AG42" s="178">
        <v>32734</v>
      </c>
      <c r="AH42" s="179">
        <v>32734</v>
      </c>
      <c r="AI42" s="181">
        <v>32734</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4172</v>
      </c>
      <c r="BZ42" s="179">
        <v>12572</v>
      </c>
      <c r="CA42" s="181">
        <v>12572</v>
      </c>
      <c r="CB42" s="117">
        <v>0</v>
      </c>
      <c r="CC42" s="178">
        <v>32951</v>
      </c>
      <c r="CD42" s="179">
        <v>32951</v>
      </c>
      <c r="CE42" s="117">
        <v>0</v>
      </c>
      <c r="CF42" s="178">
        <v>0</v>
      </c>
      <c r="CG42" s="178">
        <v>0</v>
      </c>
      <c r="CH42" s="178">
        <v>0</v>
      </c>
      <c r="CI42" s="178">
        <v>0</v>
      </c>
      <c r="CJ42" s="178">
        <v>0</v>
      </c>
      <c r="CK42" s="179">
        <v>0</v>
      </c>
      <c r="CL42" s="181">
        <v>32951</v>
      </c>
      <c r="CM42" s="117">
        <v>0</v>
      </c>
      <c r="CN42" s="178">
        <v>0</v>
      </c>
      <c r="CO42" s="179">
        <v>0</v>
      </c>
      <c r="CP42" s="182">
        <v>0</v>
      </c>
      <c r="CQ42" s="178">
        <v>0</v>
      </c>
      <c r="CR42" s="178">
        <v>0</v>
      </c>
      <c r="CS42" s="178">
        <v>0</v>
      </c>
      <c r="CT42" s="178">
        <v>0</v>
      </c>
      <c r="CU42" s="178">
        <v>0</v>
      </c>
      <c r="CV42" s="179">
        <v>0</v>
      </c>
      <c r="CW42" s="181">
        <v>0</v>
      </c>
      <c r="CX42" s="117">
        <v>0</v>
      </c>
      <c r="CY42" s="178">
        <v>32951</v>
      </c>
      <c r="CZ42" s="179">
        <v>32951</v>
      </c>
      <c r="DA42" s="117">
        <v>0</v>
      </c>
      <c r="DB42" s="178">
        <v>0</v>
      </c>
      <c r="DC42" s="178">
        <v>0</v>
      </c>
      <c r="DD42" s="178">
        <v>0</v>
      </c>
      <c r="DE42" s="178">
        <v>0</v>
      </c>
      <c r="DF42" s="178">
        <v>0</v>
      </c>
      <c r="DG42" s="179">
        <v>0</v>
      </c>
      <c r="DH42" s="181">
        <v>32951</v>
      </c>
      <c r="DI42" s="117">
        <v>0</v>
      </c>
      <c r="DJ42" s="178">
        <v>0</v>
      </c>
      <c r="DK42" s="183">
        <v>0</v>
      </c>
      <c r="DL42" s="182">
        <v>0</v>
      </c>
      <c r="DM42" s="178">
        <v>0</v>
      </c>
      <c r="DN42" s="178">
        <v>0</v>
      </c>
      <c r="DO42" s="178">
        <v>0</v>
      </c>
      <c r="DP42" s="178">
        <v>0</v>
      </c>
      <c r="DQ42" s="178">
        <v>42268</v>
      </c>
      <c r="DR42" s="179">
        <v>42268</v>
      </c>
      <c r="DS42" s="181">
        <v>42268</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42268</v>
      </c>
      <c r="EN42" s="183">
        <v>42268</v>
      </c>
      <c r="EO42" s="181">
        <v>42268</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6"/>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4860</v>
      </c>
      <c r="FU42" s="179">
        <v>34860</v>
      </c>
      <c r="FV42" s="181">
        <v>34860</v>
      </c>
      <c r="FW42" s="184">
        <v>0</v>
      </c>
      <c r="FX42" s="178">
        <v>0</v>
      </c>
      <c r="FY42" s="183">
        <v>0</v>
      </c>
      <c r="FZ42" s="182">
        <v>0</v>
      </c>
      <c r="GA42" s="178">
        <v>0</v>
      </c>
      <c r="GB42" s="178">
        <v>0</v>
      </c>
      <c r="GC42" s="178">
        <v>0</v>
      </c>
      <c r="GD42" s="178">
        <v>0</v>
      </c>
      <c r="GE42" s="178">
        <v>34860</v>
      </c>
      <c r="GF42" s="179">
        <v>34860</v>
      </c>
      <c r="GG42" s="317">
        <v>348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6065</v>
      </c>
      <c r="HL42" s="178">
        <v>0</v>
      </c>
      <c r="HM42" s="179">
        <v>186065</v>
      </c>
      <c r="HN42" s="180">
        <v>186065</v>
      </c>
      <c r="HO42" s="332"/>
      <c r="HP42" s="333"/>
      <c r="HQ42" s="334"/>
      <c r="HR42" s="335"/>
      <c r="HS42" s="333"/>
      <c r="HT42" s="333"/>
      <c r="HU42" s="333"/>
      <c r="HV42" s="333"/>
      <c r="HW42" s="333"/>
      <c r="HX42" s="336"/>
      <c r="HY42" s="337"/>
      <c r="HZ42" s="151">
        <v>0</v>
      </c>
      <c r="IA42" s="152">
        <v>0</v>
      </c>
      <c r="IB42" s="153">
        <v>0</v>
      </c>
      <c r="IC42" s="154">
        <v>0</v>
      </c>
      <c r="ID42" s="155">
        <v>0</v>
      </c>
      <c r="IE42" s="156">
        <v>0</v>
      </c>
      <c r="IF42" s="157">
        <v>0</v>
      </c>
      <c r="IG42" s="155">
        <v>0</v>
      </c>
      <c r="IH42" s="157">
        <v>134965</v>
      </c>
      <c r="II42" s="158">
        <v>134965</v>
      </c>
      <c r="IJ42" s="159">
        <v>134965</v>
      </c>
      <c r="IK42" s="233">
        <v>0</v>
      </c>
      <c r="IL42" s="238">
        <v>0</v>
      </c>
      <c r="IM42" s="239">
        <v>0</v>
      </c>
      <c r="IN42" s="160"/>
      <c r="IO42" s="161">
        <v>0</v>
      </c>
      <c r="IP42" s="161">
        <v>0</v>
      </c>
      <c r="IQ42" s="161">
        <v>0</v>
      </c>
      <c r="IR42" s="161">
        <v>0</v>
      </c>
      <c r="IS42" s="161">
        <v>0</v>
      </c>
      <c r="IT42" s="162">
        <v>0</v>
      </c>
      <c r="IU42" s="319">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134965</v>
      </c>
      <c r="JP42" s="165">
        <v>134965</v>
      </c>
      <c r="JQ42" s="319">
        <v>134965</v>
      </c>
      <c r="JR42" s="163">
        <v>0</v>
      </c>
      <c r="JS42" s="161">
        <v>0</v>
      </c>
      <c r="JT42" s="162">
        <v>0</v>
      </c>
      <c r="JU42" s="164">
        <v>0</v>
      </c>
      <c r="JV42" s="161">
        <v>0</v>
      </c>
      <c r="JW42" s="161">
        <v>0</v>
      </c>
      <c r="JX42" s="161">
        <v>0</v>
      </c>
      <c r="JY42" s="161">
        <v>0</v>
      </c>
      <c r="JZ42" s="161">
        <v>0</v>
      </c>
      <c r="KA42" s="165">
        <v>0</v>
      </c>
      <c r="KB42" s="319">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19">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19">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0</v>
      </c>
      <c r="MO42" s="165">
        <v>0</v>
      </c>
      <c r="MP42" s="167">
        <v>0</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0</v>
      </c>
      <c r="NI42" s="161">
        <v>0</v>
      </c>
      <c r="NJ42" s="161">
        <v>0</v>
      </c>
      <c r="NK42" s="165">
        <v>0</v>
      </c>
      <c r="NL42" s="319">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32951</v>
      </c>
      <c r="OK42" s="162">
        <v>32951</v>
      </c>
      <c r="OL42" s="164">
        <v>0</v>
      </c>
      <c r="OM42" s="161">
        <v>0</v>
      </c>
      <c r="ON42" s="161">
        <v>0</v>
      </c>
      <c r="OO42" s="161">
        <v>0</v>
      </c>
      <c r="OP42" s="161">
        <v>194465</v>
      </c>
      <c r="OQ42" s="161">
        <v>248999</v>
      </c>
      <c r="OR42" s="165">
        <v>443464</v>
      </c>
      <c r="OS42" s="167">
        <v>476415</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10.6640625" style="291" customWidth="1"/>
    <col min="2" max="3" width="9.21875" style="291" bestFit="1" customWidth="1"/>
    <col min="4" max="4" width="10.77734375" style="291" bestFit="1" customWidth="1"/>
    <col min="5" max="5" width="7.88671875" style="291" customWidth="1"/>
    <col min="6" max="10" width="10.44140625" style="291" bestFit="1" customWidth="1"/>
    <col min="11" max="12" width="11.6640625" style="291" bestFit="1" customWidth="1"/>
    <col min="13" max="15" width="9.21875" style="291" bestFit="1" customWidth="1"/>
    <col min="16" max="16" width="7.44140625" style="291" customWidth="1"/>
    <col min="17" max="17" width="9.21875" style="291" bestFit="1" customWidth="1"/>
    <col min="18" max="21" width="10.44140625" style="291" bestFit="1" customWidth="1"/>
    <col min="22" max="23" width="11.6640625" style="291" bestFit="1" customWidth="1"/>
    <col min="24" max="26" width="9.109375" style="291" bestFit="1" customWidth="1"/>
    <col min="27" max="27" width="7" style="291" customWidth="1"/>
    <col min="28" max="29" width="9.109375" style="291" bestFit="1" customWidth="1"/>
    <col min="30" max="31" width="9.6640625" style="291" bestFit="1" customWidth="1"/>
    <col min="32" max="32" width="9.109375" style="291" bestFit="1" customWidth="1"/>
    <col min="33" max="34" width="9.6640625" style="291" bestFit="1" customWidth="1"/>
    <col min="35" max="37" width="9.109375" style="291" bestFit="1" customWidth="1"/>
    <col min="38" max="38" width="7.33203125" style="291" customWidth="1"/>
    <col min="39" max="48" width="9.109375" style="291" bestFit="1" customWidth="1"/>
    <col min="49" max="49" width="7.33203125" style="291" customWidth="1"/>
    <col min="50" max="59" width="9.109375" style="291" bestFit="1" customWidth="1"/>
    <col min="60" max="60" width="7.77734375" style="291" customWidth="1"/>
    <col min="61" max="70" width="9.109375" style="291" bestFit="1" customWidth="1"/>
    <col min="71" max="71" width="7.77734375" style="291" customWidth="1"/>
    <col min="72" max="76" width="9.109375" style="291" bestFit="1" customWidth="1"/>
    <col min="77" max="78" width="9.6640625" style="291" bestFit="1" customWidth="1"/>
    <col min="79" max="81" width="9.109375" style="291" bestFit="1" customWidth="1"/>
    <col min="82" max="82" width="7.88671875" style="291" customWidth="1"/>
    <col min="83" max="92" width="9.109375" style="291" bestFit="1" customWidth="1"/>
    <col min="93" max="93" width="8" style="291" customWidth="1"/>
    <col min="94" max="103" width="9.109375" style="291" bestFit="1" customWidth="1"/>
    <col min="104" max="104" width="8" style="291" customWidth="1"/>
    <col min="105" max="114" width="9.109375" style="291" bestFit="1" customWidth="1"/>
    <col min="115" max="115" width="7.6640625" style="291" customWidth="1"/>
    <col min="116" max="116" width="9.109375" style="291" bestFit="1" customWidth="1"/>
    <col min="117" max="120" width="9.6640625" style="291" bestFit="1" customWidth="1"/>
    <col min="121" max="122" width="10.6640625" style="291" bestFit="1" customWidth="1"/>
    <col min="123" max="125" width="9.109375" style="291" bestFit="1" customWidth="1"/>
    <col min="126" max="126" width="7.44140625" style="291" customWidth="1"/>
    <col min="127" max="128" width="9.109375" style="291" bestFit="1" customWidth="1"/>
    <col min="129" max="133" width="9.6640625" style="291" bestFit="1" customWidth="1"/>
    <col min="134" max="136" width="9.109375" style="291" bestFit="1" customWidth="1"/>
    <col min="137" max="137" width="7.6640625" style="291" customWidth="1"/>
    <col min="138" max="147" width="9.109375" style="291" bestFit="1" customWidth="1"/>
    <col min="148" max="148" width="7.77734375" style="291" customWidth="1"/>
    <col min="149" max="158" width="9.109375" style="291" bestFit="1" customWidth="1"/>
    <col min="159" max="159" width="7.77734375" style="291" customWidth="1"/>
    <col min="160" max="169" width="9.109375" style="291" bestFit="1" customWidth="1"/>
    <col min="170" max="170" width="7.33203125" style="291" customWidth="1"/>
    <col min="171" max="180" width="9.109375" style="291" bestFit="1" customWidth="1"/>
    <col min="181" max="181" width="8" style="291" customWidth="1"/>
    <col min="182" max="187" width="9.109375" style="291" bestFit="1" customWidth="1"/>
    <col min="188" max="188" width="9.6640625" style="291" bestFit="1" customWidth="1"/>
    <col min="189" max="191" width="9.109375" style="291" bestFit="1" customWidth="1"/>
    <col min="192" max="192" width="7.44140625" style="291" customWidth="1"/>
    <col min="193" max="202" width="9.109375" style="291" bestFit="1" customWidth="1"/>
    <col min="203" max="203" width="7.88671875" style="291" customWidth="1"/>
    <col min="204" max="213" width="9.109375" style="291" bestFit="1" customWidth="1"/>
    <col min="214" max="214" width="7.88671875" style="291" customWidth="1"/>
    <col min="215" max="224" width="9.109375" style="291" bestFit="1" customWidth="1"/>
    <col min="225" max="225" width="7.6640625" style="291" customWidth="1"/>
    <col min="226" max="228" width="9.6640625" style="291" bestFit="1" customWidth="1"/>
    <col min="229" max="229" width="10.6640625" style="291" bestFit="1" customWidth="1"/>
    <col min="230" max="230" width="9.6640625" style="291" bestFit="1" customWidth="1"/>
    <col min="231" max="232" width="10.6640625" style="291" bestFit="1" customWidth="1"/>
    <col min="233" max="16384" width="9" style="291"/>
  </cols>
  <sheetData>
    <row r="1" spans="1:232" s="1" customFormat="1" ht="24" customHeight="1" x14ac:dyDescent="0.2">
      <c r="A1" s="20" t="s">
        <v>0</v>
      </c>
      <c r="B1" s="39"/>
      <c r="C1" s="39"/>
      <c r="D1" s="496">
        <f>第１表!F2</f>
        <v>5</v>
      </c>
      <c r="E1" s="497">
        <f>第１表!G2</f>
        <v>5</v>
      </c>
      <c r="F1" s="608">
        <f>IF(E1&lt;3,E1-2+12,E1-2)</f>
        <v>3</v>
      </c>
      <c r="G1" s="608"/>
      <c r="K1" s="39"/>
      <c r="CK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row>
    <row r="2" spans="1:232" ht="24" customHeight="1" thickBot="1" x14ac:dyDescent="0.25">
      <c r="A2" s="20" t="s">
        <v>120</v>
      </c>
    </row>
    <row r="3" spans="1:232" ht="21" customHeight="1" thickBot="1" x14ac:dyDescent="0.25">
      <c r="A3" s="753"/>
      <c r="B3" s="731" t="s">
        <v>116</v>
      </c>
      <c r="C3" s="732"/>
      <c r="D3" s="732"/>
      <c r="E3" s="732"/>
      <c r="F3" s="732"/>
      <c r="G3" s="732"/>
      <c r="H3" s="732"/>
      <c r="I3" s="732"/>
      <c r="J3" s="732"/>
      <c r="K3" s="732"/>
      <c r="L3" s="732"/>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19"/>
      <c r="CX3" s="519"/>
      <c r="CY3" s="519"/>
      <c r="CZ3" s="519"/>
      <c r="DA3" s="519"/>
      <c r="DB3" s="519"/>
      <c r="DC3" s="519"/>
      <c r="DD3" s="519"/>
      <c r="DE3" s="519"/>
      <c r="DF3" s="519"/>
      <c r="DG3" s="520"/>
      <c r="DH3" s="731" t="s">
        <v>118</v>
      </c>
      <c r="DI3" s="732"/>
      <c r="DJ3" s="732"/>
      <c r="DK3" s="732"/>
      <c r="DL3" s="732"/>
      <c r="DM3" s="732"/>
      <c r="DN3" s="732"/>
      <c r="DO3" s="732"/>
      <c r="DP3" s="732"/>
      <c r="DQ3" s="732"/>
      <c r="DR3" s="732"/>
      <c r="DS3" s="732"/>
      <c r="DT3" s="732"/>
      <c r="DU3" s="732"/>
      <c r="DV3" s="732"/>
      <c r="DW3" s="732"/>
      <c r="DX3" s="732"/>
      <c r="DY3" s="732"/>
      <c r="DZ3" s="732"/>
      <c r="EA3" s="732"/>
      <c r="EB3" s="732"/>
      <c r="EC3" s="732"/>
      <c r="ED3" s="732"/>
      <c r="EE3" s="732"/>
      <c r="EF3" s="732"/>
      <c r="EG3" s="732"/>
      <c r="EH3" s="732"/>
      <c r="EI3" s="732"/>
      <c r="EJ3" s="732"/>
      <c r="EK3" s="732"/>
      <c r="EL3" s="732"/>
      <c r="EM3" s="732"/>
      <c r="EN3" s="732"/>
      <c r="EO3" s="732"/>
      <c r="EP3" s="732"/>
      <c r="EQ3" s="732"/>
      <c r="ER3" s="732"/>
      <c r="ES3" s="732"/>
      <c r="ET3" s="732"/>
      <c r="EU3" s="732"/>
      <c r="EV3" s="732"/>
      <c r="EW3" s="732"/>
      <c r="EX3" s="732"/>
      <c r="EY3" s="732"/>
      <c r="EZ3" s="732"/>
      <c r="FA3" s="732"/>
      <c r="FB3" s="732"/>
      <c r="FC3" s="732"/>
      <c r="FD3" s="732"/>
      <c r="FE3" s="732"/>
      <c r="FF3" s="732"/>
      <c r="FG3" s="732"/>
      <c r="FH3" s="732"/>
      <c r="FI3" s="732"/>
      <c r="FJ3" s="732"/>
      <c r="FK3" s="732"/>
      <c r="FL3" s="732"/>
      <c r="FM3" s="732"/>
      <c r="FN3" s="732"/>
      <c r="FO3" s="732"/>
      <c r="FP3" s="732"/>
      <c r="FQ3" s="732"/>
      <c r="FR3" s="732"/>
      <c r="FS3" s="732"/>
      <c r="FT3" s="732"/>
      <c r="FU3" s="732"/>
      <c r="FV3" s="732"/>
      <c r="FW3" s="732"/>
      <c r="FX3" s="732"/>
      <c r="FY3" s="732"/>
      <c r="FZ3" s="732"/>
      <c r="GA3" s="732"/>
      <c r="GB3" s="732"/>
      <c r="GC3" s="732"/>
      <c r="GD3" s="732"/>
      <c r="GE3" s="732"/>
      <c r="GF3" s="732"/>
      <c r="GG3" s="732"/>
      <c r="GH3" s="732"/>
      <c r="GI3" s="732"/>
      <c r="GJ3" s="732"/>
      <c r="GK3" s="732"/>
      <c r="GL3" s="732"/>
      <c r="GM3" s="732"/>
      <c r="GN3" s="732"/>
      <c r="GO3" s="732"/>
      <c r="GP3" s="732"/>
      <c r="GQ3" s="732"/>
      <c r="GR3" s="732"/>
      <c r="GS3" s="732"/>
      <c r="GT3" s="732"/>
      <c r="GU3" s="732"/>
      <c r="GV3" s="732"/>
      <c r="GW3" s="732"/>
      <c r="GX3" s="732"/>
      <c r="GY3" s="732"/>
      <c r="GZ3" s="732"/>
      <c r="HA3" s="732"/>
      <c r="HB3" s="732"/>
      <c r="HC3" s="732"/>
      <c r="HD3" s="732"/>
      <c r="HE3" s="732"/>
      <c r="HF3" s="732"/>
      <c r="HG3" s="732"/>
      <c r="HH3" s="732"/>
      <c r="HI3" s="732"/>
      <c r="HJ3" s="732"/>
      <c r="HK3" s="732"/>
      <c r="HL3" s="732"/>
      <c r="HM3" s="733"/>
      <c r="HN3" s="738" t="s">
        <v>60</v>
      </c>
      <c r="HO3" s="739"/>
      <c r="HP3" s="739"/>
      <c r="HQ3" s="739"/>
      <c r="HR3" s="739"/>
      <c r="HS3" s="739"/>
      <c r="HT3" s="739"/>
      <c r="HU3" s="739"/>
      <c r="HV3" s="739"/>
      <c r="HW3" s="739"/>
      <c r="HX3" s="740"/>
    </row>
    <row r="4" spans="1:232" ht="21" customHeight="1" thickBot="1" x14ac:dyDescent="0.25">
      <c r="A4" s="754"/>
      <c r="B4" s="734"/>
      <c r="C4" s="735"/>
      <c r="D4" s="735"/>
      <c r="E4" s="735"/>
      <c r="F4" s="735"/>
      <c r="G4" s="735"/>
      <c r="H4" s="735"/>
      <c r="I4" s="735"/>
      <c r="J4" s="735"/>
      <c r="K4" s="735"/>
      <c r="L4" s="737"/>
      <c r="M4" s="728" t="s">
        <v>57</v>
      </c>
      <c r="N4" s="729"/>
      <c r="O4" s="729"/>
      <c r="P4" s="729"/>
      <c r="Q4" s="729"/>
      <c r="R4" s="729"/>
      <c r="S4" s="729"/>
      <c r="T4" s="729"/>
      <c r="U4" s="729"/>
      <c r="V4" s="729"/>
      <c r="W4" s="730"/>
      <c r="X4" s="728" t="s">
        <v>58</v>
      </c>
      <c r="Y4" s="729"/>
      <c r="Z4" s="729"/>
      <c r="AA4" s="729"/>
      <c r="AB4" s="729"/>
      <c r="AC4" s="729"/>
      <c r="AD4" s="729"/>
      <c r="AE4" s="729"/>
      <c r="AF4" s="729"/>
      <c r="AG4" s="729"/>
      <c r="AH4" s="730"/>
      <c r="AI4" s="728" t="s">
        <v>59</v>
      </c>
      <c r="AJ4" s="729"/>
      <c r="AK4" s="729"/>
      <c r="AL4" s="729"/>
      <c r="AM4" s="729"/>
      <c r="AN4" s="729"/>
      <c r="AO4" s="729"/>
      <c r="AP4" s="729"/>
      <c r="AQ4" s="729"/>
      <c r="AR4" s="729"/>
      <c r="AS4" s="730"/>
      <c r="AT4" s="728" t="s">
        <v>151</v>
      </c>
      <c r="AU4" s="729"/>
      <c r="AV4" s="729"/>
      <c r="AW4" s="729"/>
      <c r="AX4" s="729"/>
      <c r="AY4" s="729"/>
      <c r="AZ4" s="729"/>
      <c r="BA4" s="729"/>
      <c r="BB4" s="729"/>
      <c r="BC4" s="729"/>
      <c r="BD4" s="730"/>
      <c r="BE4" s="728" t="s">
        <v>117</v>
      </c>
      <c r="BF4" s="729"/>
      <c r="BG4" s="729"/>
      <c r="BH4" s="729"/>
      <c r="BI4" s="729"/>
      <c r="BJ4" s="729"/>
      <c r="BK4" s="729"/>
      <c r="BL4" s="729"/>
      <c r="BM4" s="729"/>
      <c r="BN4" s="729"/>
      <c r="BO4" s="730"/>
      <c r="BP4" s="728" t="s">
        <v>77</v>
      </c>
      <c r="BQ4" s="729"/>
      <c r="BR4" s="729"/>
      <c r="BS4" s="729"/>
      <c r="BT4" s="729"/>
      <c r="BU4" s="729"/>
      <c r="BV4" s="729"/>
      <c r="BW4" s="729"/>
      <c r="BX4" s="729"/>
      <c r="BY4" s="729"/>
      <c r="BZ4" s="730"/>
      <c r="CA4" s="728" t="s">
        <v>78</v>
      </c>
      <c r="CB4" s="729"/>
      <c r="CC4" s="729"/>
      <c r="CD4" s="729"/>
      <c r="CE4" s="729"/>
      <c r="CF4" s="729"/>
      <c r="CG4" s="729"/>
      <c r="CH4" s="729"/>
      <c r="CI4" s="729"/>
      <c r="CJ4" s="729"/>
      <c r="CK4" s="730"/>
      <c r="CL4" s="728" t="s">
        <v>79</v>
      </c>
      <c r="CM4" s="729"/>
      <c r="CN4" s="729"/>
      <c r="CO4" s="729"/>
      <c r="CP4" s="729"/>
      <c r="CQ4" s="729"/>
      <c r="CR4" s="729"/>
      <c r="CS4" s="729"/>
      <c r="CT4" s="729"/>
      <c r="CU4" s="729"/>
      <c r="CV4" s="730"/>
      <c r="CW4" s="728" t="s">
        <v>152</v>
      </c>
      <c r="CX4" s="729"/>
      <c r="CY4" s="729"/>
      <c r="CZ4" s="729"/>
      <c r="DA4" s="729"/>
      <c r="DB4" s="729"/>
      <c r="DC4" s="729"/>
      <c r="DD4" s="729"/>
      <c r="DE4" s="729"/>
      <c r="DF4" s="729"/>
      <c r="DG4" s="730"/>
      <c r="DH4" s="734"/>
      <c r="DI4" s="735"/>
      <c r="DJ4" s="735"/>
      <c r="DK4" s="735"/>
      <c r="DL4" s="735"/>
      <c r="DM4" s="735"/>
      <c r="DN4" s="735"/>
      <c r="DO4" s="735"/>
      <c r="DP4" s="735"/>
      <c r="DQ4" s="735"/>
      <c r="DR4" s="736"/>
      <c r="DS4" s="728" t="s">
        <v>57</v>
      </c>
      <c r="DT4" s="729"/>
      <c r="DU4" s="729"/>
      <c r="DV4" s="729"/>
      <c r="DW4" s="729"/>
      <c r="DX4" s="729"/>
      <c r="DY4" s="729"/>
      <c r="DZ4" s="729"/>
      <c r="EA4" s="729"/>
      <c r="EB4" s="729"/>
      <c r="EC4" s="730"/>
      <c r="ED4" s="728" t="s">
        <v>58</v>
      </c>
      <c r="EE4" s="729"/>
      <c r="EF4" s="729"/>
      <c r="EG4" s="729"/>
      <c r="EH4" s="729"/>
      <c r="EI4" s="729"/>
      <c r="EJ4" s="729"/>
      <c r="EK4" s="729"/>
      <c r="EL4" s="729"/>
      <c r="EM4" s="729"/>
      <c r="EN4" s="730"/>
      <c r="EO4" s="728" t="s">
        <v>59</v>
      </c>
      <c r="EP4" s="729"/>
      <c r="EQ4" s="729"/>
      <c r="ER4" s="729"/>
      <c r="ES4" s="729"/>
      <c r="ET4" s="729"/>
      <c r="EU4" s="729"/>
      <c r="EV4" s="729"/>
      <c r="EW4" s="729"/>
      <c r="EX4" s="729"/>
      <c r="EY4" s="730"/>
      <c r="EZ4" s="728" t="s">
        <v>151</v>
      </c>
      <c r="FA4" s="729"/>
      <c r="FB4" s="729"/>
      <c r="FC4" s="729"/>
      <c r="FD4" s="729"/>
      <c r="FE4" s="729"/>
      <c r="FF4" s="729"/>
      <c r="FG4" s="729"/>
      <c r="FH4" s="729"/>
      <c r="FI4" s="729"/>
      <c r="FJ4" s="730"/>
      <c r="FK4" s="728" t="s">
        <v>117</v>
      </c>
      <c r="FL4" s="729"/>
      <c r="FM4" s="729"/>
      <c r="FN4" s="729"/>
      <c r="FO4" s="729"/>
      <c r="FP4" s="729"/>
      <c r="FQ4" s="729"/>
      <c r="FR4" s="729"/>
      <c r="FS4" s="729"/>
      <c r="FT4" s="729"/>
      <c r="FU4" s="730"/>
      <c r="FV4" s="728" t="s">
        <v>77</v>
      </c>
      <c r="FW4" s="729"/>
      <c r="FX4" s="729"/>
      <c r="FY4" s="729"/>
      <c r="FZ4" s="729"/>
      <c r="GA4" s="729"/>
      <c r="GB4" s="729"/>
      <c r="GC4" s="729"/>
      <c r="GD4" s="729"/>
      <c r="GE4" s="729"/>
      <c r="GF4" s="730"/>
      <c r="GG4" s="728" t="s">
        <v>78</v>
      </c>
      <c r="GH4" s="729"/>
      <c r="GI4" s="729"/>
      <c r="GJ4" s="729"/>
      <c r="GK4" s="729"/>
      <c r="GL4" s="729"/>
      <c r="GM4" s="729"/>
      <c r="GN4" s="729"/>
      <c r="GO4" s="729"/>
      <c r="GP4" s="729"/>
      <c r="GQ4" s="730"/>
      <c r="GR4" s="728" t="s">
        <v>79</v>
      </c>
      <c r="GS4" s="729"/>
      <c r="GT4" s="729"/>
      <c r="GU4" s="729"/>
      <c r="GV4" s="729"/>
      <c r="GW4" s="729"/>
      <c r="GX4" s="729"/>
      <c r="GY4" s="729"/>
      <c r="GZ4" s="729"/>
      <c r="HA4" s="729"/>
      <c r="HB4" s="730"/>
      <c r="HC4" s="728" t="s">
        <v>152</v>
      </c>
      <c r="HD4" s="729"/>
      <c r="HE4" s="729"/>
      <c r="HF4" s="729"/>
      <c r="HG4" s="729"/>
      <c r="HH4" s="729"/>
      <c r="HI4" s="729"/>
      <c r="HJ4" s="729"/>
      <c r="HK4" s="729"/>
      <c r="HL4" s="729"/>
      <c r="HM4" s="730"/>
      <c r="HN4" s="741"/>
      <c r="HO4" s="742"/>
      <c r="HP4" s="742"/>
      <c r="HQ4" s="742"/>
      <c r="HR4" s="742"/>
      <c r="HS4" s="742"/>
      <c r="HT4" s="742"/>
      <c r="HU4" s="742"/>
      <c r="HV4" s="742"/>
      <c r="HW4" s="742"/>
      <c r="HX4" s="743"/>
    </row>
    <row r="5" spans="1:232" ht="21" customHeight="1" x14ac:dyDescent="0.2">
      <c r="A5" s="754"/>
      <c r="B5" s="744" t="s">
        <v>61</v>
      </c>
      <c r="C5" s="745"/>
      <c r="D5" s="746"/>
      <c r="E5" s="747" t="s">
        <v>62</v>
      </c>
      <c r="F5" s="745"/>
      <c r="G5" s="745"/>
      <c r="H5" s="745"/>
      <c r="I5" s="745"/>
      <c r="J5" s="745"/>
      <c r="K5" s="748"/>
      <c r="L5" s="749" t="s">
        <v>52</v>
      </c>
      <c r="M5" s="734" t="s">
        <v>61</v>
      </c>
      <c r="N5" s="735"/>
      <c r="O5" s="736"/>
      <c r="P5" s="751" t="s">
        <v>62</v>
      </c>
      <c r="Q5" s="735"/>
      <c r="R5" s="735"/>
      <c r="S5" s="735"/>
      <c r="T5" s="735"/>
      <c r="U5" s="735"/>
      <c r="V5" s="752"/>
      <c r="W5" s="669" t="s">
        <v>52</v>
      </c>
      <c r="X5" s="734" t="s">
        <v>61</v>
      </c>
      <c r="Y5" s="735"/>
      <c r="Z5" s="736"/>
      <c r="AA5" s="751" t="s">
        <v>62</v>
      </c>
      <c r="AB5" s="735"/>
      <c r="AC5" s="735"/>
      <c r="AD5" s="735"/>
      <c r="AE5" s="735"/>
      <c r="AF5" s="735"/>
      <c r="AG5" s="752"/>
      <c r="AH5" s="669" t="s">
        <v>52</v>
      </c>
      <c r="AI5" s="734" t="s">
        <v>61</v>
      </c>
      <c r="AJ5" s="735"/>
      <c r="AK5" s="736"/>
      <c r="AL5" s="751" t="s">
        <v>62</v>
      </c>
      <c r="AM5" s="735"/>
      <c r="AN5" s="735"/>
      <c r="AO5" s="735"/>
      <c r="AP5" s="735"/>
      <c r="AQ5" s="735"/>
      <c r="AR5" s="752"/>
      <c r="AS5" s="669" t="s">
        <v>52</v>
      </c>
      <c r="AT5" s="734" t="s">
        <v>61</v>
      </c>
      <c r="AU5" s="735"/>
      <c r="AV5" s="736"/>
      <c r="AW5" s="751" t="s">
        <v>62</v>
      </c>
      <c r="AX5" s="735"/>
      <c r="AY5" s="735"/>
      <c r="AZ5" s="735"/>
      <c r="BA5" s="735"/>
      <c r="BB5" s="735"/>
      <c r="BC5" s="752"/>
      <c r="BD5" s="669" t="s">
        <v>52</v>
      </c>
      <c r="BE5" s="734" t="s">
        <v>61</v>
      </c>
      <c r="BF5" s="735"/>
      <c r="BG5" s="736"/>
      <c r="BH5" s="751" t="s">
        <v>62</v>
      </c>
      <c r="BI5" s="735"/>
      <c r="BJ5" s="735"/>
      <c r="BK5" s="735"/>
      <c r="BL5" s="735"/>
      <c r="BM5" s="735"/>
      <c r="BN5" s="752"/>
      <c r="BO5" s="669" t="s">
        <v>52</v>
      </c>
      <c r="BP5" s="734" t="s">
        <v>61</v>
      </c>
      <c r="BQ5" s="735"/>
      <c r="BR5" s="736"/>
      <c r="BS5" s="751" t="s">
        <v>62</v>
      </c>
      <c r="BT5" s="735"/>
      <c r="BU5" s="735"/>
      <c r="BV5" s="735"/>
      <c r="BW5" s="735"/>
      <c r="BX5" s="735"/>
      <c r="BY5" s="752"/>
      <c r="BZ5" s="669" t="s">
        <v>52</v>
      </c>
      <c r="CA5" s="734" t="s">
        <v>61</v>
      </c>
      <c r="CB5" s="735"/>
      <c r="CC5" s="736"/>
      <c r="CD5" s="751" t="s">
        <v>62</v>
      </c>
      <c r="CE5" s="735"/>
      <c r="CF5" s="735"/>
      <c r="CG5" s="735"/>
      <c r="CH5" s="735"/>
      <c r="CI5" s="735"/>
      <c r="CJ5" s="752"/>
      <c r="CK5" s="669" t="s">
        <v>52</v>
      </c>
      <c r="CL5" s="734" t="s">
        <v>61</v>
      </c>
      <c r="CM5" s="735"/>
      <c r="CN5" s="736"/>
      <c r="CO5" s="751" t="s">
        <v>62</v>
      </c>
      <c r="CP5" s="735"/>
      <c r="CQ5" s="735"/>
      <c r="CR5" s="735"/>
      <c r="CS5" s="735"/>
      <c r="CT5" s="735"/>
      <c r="CU5" s="752"/>
      <c r="CV5" s="669" t="s">
        <v>52</v>
      </c>
      <c r="CW5" s="734" t="s">
        <v>61</v>
      </c>
      <c r="CX5" s="735"/>
      <c r="CY5" s="736"/>
      <c r="CZ5" s="751" t="s">
        <v>62</v>
      </c>
      <c r="DA5" s="735"/>
      <c r="DB5" s="735"/>
      <c r="DC5" s="735"/>
      <c r="DD5" s="735"/>
      <c r="DE5" s="735"/>
      <c r="DF5" s="752"/>
      <c r="DG5" s="669" t="s">
        <v>52</v>
      </c>
      <c r="DH5" s="744" t="s">
        <v>61</v>
      </c>
      <c r="DI5" s="745"/>
      <c r="DJ5" s="746"/>
      <c r="DK5" s="747" t="s">
        <v>62</v>
      </c>
      <c r="DL5" s="745"/>
      <c r="DM5" s="745"/>
      <c r="DN5" s="745"/>
      <c r="DO5" s="745"/>
      <c r="DP5" s="745"/>
      <c r="DQ5" s="748"/>
      <c r="DR5" s="756" t="s">
        <v>52</v>
      </c>
      <c r="DS5" s="734" t="s">
        <v>61</v>
      </c>
      <c r="DT5" s="735"/>
      <c r="DU5" s="736"/>
      <c r="DV5" s="751" t="s">
        <v>62</v>
      </c>
      <c r="DW5" s="735"/>
      <c r="DX5" s="735"/>
      <c r="DY5" s="735"/>
      <c r="DZ5" s="735"/>
      <c r="EA5" s="735"/>
      <c r="EB5" s="752"/>
      <c r="EC5" s="669" t="s">
        <v>52</v>
      </c>
      <c r="ED5" s="734" t="s">
        <v>61</v>
      </c>
      <c r="EE5" s="735"/>
      <c r="EF5" s="736"/>
      <c r="EG5" s="751" t="s">
        <v>62</v>
      </c>
      <c r="EH5" s="735"/>
      <c r="EI5" s="735"/>
      <c r="EJ5" s="735"/>
      <c r="EK5" s="735"/>
      <c r="EL5" s="735"/>
      <c r="EM5" s="752"/>
      <c r="EN5" s="669" t="s">
        <v>52</v>
      </c>
      <c r="EO5" s="734" t="s">
        <v>61</v>
      </c>
      <c r="EP5" s="735"/>
      <c r="EQ5" s="736"/>
      <c r="ER5" s="751" t="s">
        <v>62</v>
      </c>
      <c r="ES5" s="735"/>
      <c r="ET5" s="735"/>
      <c r="EU5" s="735"/>
      <c r="EV5" s="735"/>
      <c r="EW5" s="735"/>
      <c r="EX5" s="752"/>
      <c r="EY5" s="669" t="s">
        <v>52</v>
      </c>
      <c r="EZ5" s="734" t="s">
        <v>61</v>
      </c>
      <c r="FA5" s="735"/>
      <c r="FB5" s="736"/>
      <c r="FC5" s="751" t="s">
        <v>62</v>
      </c>
      <c r="FD5" s="735"/>
      <c r="FE5" s="735"/>
      <c r="FF5" s="735"/>
      <c r="FG5" s="735"/>
      <c r="FH5" s="735"/>
      <c r="FI5" s="752"/>
      <c r="FJ5" s="669" t="s">
        <v>52</v>
      </c>
      <c r="FK5" s="734" t="s">
        <v>61</v>
      </c>
      <c r="FL5" s="735"/>
      <c r="FM5" s="736"/>
      <c r="FN5" s="751" t="s">
        <v>62</v>
      </c>
      <c r="FO5" s="735"/>
      <c r="FP5" s="735"/>
      <c r="FQ5" s="735"/>
      <c r="FR5" s="735"/>
      <c r="FS5" s="735"/>
      <c r="FT5" s="752"/>
      <c r="FU5" s="669" t="s">
        <v>52</v>
      </c>
      <c r="FV5" s="734" t="s">
        <v>61</v>
      </c>
      <c r="FW5" s="735"/>
      <c r="FX5" s="736"/>
      <c r="FY5" s="751" t="s">
        <v>62</v>
      </c>
      <c r="FZ5" s="735"/>
      <c r="GA5" s="735"/>
      <c r="GB5" s="735"/>
      <c r="GC5" s="735"/>
      <c r="GD5" s="735"/>
      <c r="GE5" s="752"/>
      <c r="GF5" s="669" t="s">
        <v>52</v>
      </c>
      <c r="GG5" s="734" t="s">
        <v>61</v>
      </c>
      <c r="GH5" s="735"/>
      <c r="GI5" s="736"/>
      <c r="GJ5" s="751" t="s">
        <v>62</v>
      </c>
      <c r="GK5" s="735"/>
      <c r="GL5" s="735"/>
      <c r="GM5" s="735"/>
      <c r="GN5" s="735"/>
      <c r="GO5" s="735"/>
      <c r="GP5" s="752"/>
      <c r="GQ5" s="669" t="s">
        <v>52</v>
      </c>
      <c r="GR5" s="734" t="s">
        <v>61</v>
      </c>
      <c r="GS5" s="735"/>
      <c r="GT5" s="736"/>
      <c r="GU5" s="751" t="s">
        <v>62</v>
      </c>
      <c r="GV5" s="735"/>
      <c r="GW5" s="735"/>
      <c r="GX5" s="735"/>
      <c r="GY5" s="735"/>
      <c r="GZ5" s="735"/>
      <c r="HA5" s="752"/>
      <c r="HB5" s="669" t="s">
        <v>52</v>
      </c>
      <c r="HC5" s="734" t="s">
        <v>61</v>
      </c>
      <c r="HD5" s="735"/>
      <c r="HE5" s="736"/>
      <c r="HF5" s="751" t="s">
        <v>62</v>
      </c>
      <c r="HG5" s="735"/>
      <c r="HH5" s="735"/>
      <c r="HI5" s="735"/>
      <c r="HJ5" s="735"/>
      <c r="HK5" s="735"/>
      <c r="HL5" s="752"/>
      <c r="HM5" s="669" t="s">
        <v>52</v>
      </c>
      <c r="HN5" s="734" t="s">
        <v>61</v>
      </c>
      <c r="HO5" s="735"/>
      <c r="HP5" s="736"/>
      <c r="HQ5" s="751" t="s">
        <v>62</v>
      </c>
      <c r="HR5" s="735"/>
      <c r="HS5" s="735"/>
      <c r="HT5" s="735"/>
      <c r="HU5" s="735"/>
      <c r="HV5" s="735"/>
      <c r="HW5" s="752"/>
      <c r="HX5" s="669" t="s">
        <v>52</v>
      </c>
    </row>
    <row r="6" spans="1:232" ht="30" customHeight="1" thickBot="1" x14ac:dyDescent="0.25">
      <c r="A6" s="755"/>
      <c r="B6" s="369" t="s">
        <v>119</v>
      </c>
      <c r="C6" s="370" t="s">
        <v>44</v>
      </c>
      <c r="D6" s="377" t="s">
        <v>45</v>
      </c>
      <c r="E6" s="378" t="s">
        <v>83</v>
      </c>
      <c r="F6" s="370" t="s">
        <v>47</v>
      </c>
      <c r="G6" s="370" t="s">
        <v>48</v>
      </c>
      <c r="H6" s="370" t="s">
        <v>49</v>
      </c>
      <c r="I6" s="370" t="s">
        <v>50</v>
      </c>
      <c r="J6" s="370" t="s">
        <v>51</v>
      </c>
      <c r="K6" s="379" t="s">
        <v>45</v>
      </c>
      <c r="L6" s="750"/>
      <c r="M6" s="369" t="s">
        <v>119</v>
      </c>
      <c r="N6" s="370" t="s">
        <v>44</v>
      </c>
      <c r="O6" s="377" t="s">
        <v>45</v>
      </c>
      <c r="P6" s="378" t="s">
        <v>83</v>
      </c>
      <c r="Q6" s="370" t="s">
        <v>47</v>
      </c>
      <c r="R6" s="370" t="s">
        <v>48</v>
      </c>
      <c r="S6" s="370" t="s">
        <v>49</v>
      </c>
      <c r="T6" s="370" t="s">
        <v>50</v>
      </c>
      <c r="U6" s="370" t="s">
        <v>51</v>
      </c>
      <c r="V6" s="379" t="s">
        <v>45</v>
      </c>
      <c r="W6" s="750"/>
      <c r="X6" s="369" t="s">
        <v>119</v>
      </c>
      <c r="Y6" s="370" t="s">
        <v>44</v>
      </c>
      <c r="Z6" s="377" t="s">
        <v>45</v>
      </c>
      <c r="AA6" s="378" t="s">
        <v>83</v>
      </c>
      <c r="AB6" s="370" t="s">
        <v>47</v>
      </c>
      <c r="AC6" s="370" t="s">
        <v>48</v>
      </c>
      <c r="AD6" s="370" t="s">
        <v>49</v>
      </c>
      <c r="AE6" s="370" t="s">
        <v>50</v>
      </c>
      <c r="AF6" s="370" t="s">
        <v>51</v>
      </c>
      <c r="AG6" s="379" t="s">
        <v>45</v>
      </c>
      <c r="AH6" s="750"/>
      <c r="AI6" s="369" t="s">
        <v>119</v>
      </c>
      <c r="AJ6" s="370" t="s">
        <v>44</v>
      </c>
      <c r="AK6" s="377" t="s">
        <v>45</v>
      </c>
      <c r="AL6" s="378" t="s">
        <v>83</v>
      </c>
      <c r="AM6" s="370" t="s">
        <v>47</v>
      </c>
      <c r="AN6" s="370" t="s">
        <v>48</v>
      </c>
      <c r="AO6" s="370" t="s">
        <v>49</v>
      </c>
      <c r="AP6" s="370" t="s">
        <v>50</v>
      </c>
      <c r="AQ6" s="370" t="s">
        <v>51</v>
      </c>
      <c r="AR6" s="379" t="s">
        <v>45</v>
      </c>
      <c r="AS6" s="750"/>
      <c r="AT6" s="369" t="s">
        <v>119</v>
      </c>
      <c r="AU6" s="370" t="s">
        <v>44</v>
      </c>
      <c r="AV6" s="377" t="s">
        <v>45</v>
      </c>
      <c r="AW6" s="378" t="s">
        <v>83</v>
      </c>
      <c r="AX6" s="370" t="s">
        <v>47</v>
      </c>
      <c r="AY6" s="370" t="s">
        <v>48</v>
      </c>
      <c r="AZ6" s="370" t="s">
        <v>49</v>
      </c>
      <c r="BA6" s="370" t="s">
        <v>50</v>
      </c>
      <c r="BB6" s="370" t="s">
        <v>51</v>
      </c>
      <c r="BC6" s="379" t="s">
        <v>45</v>
      </c>
      <c r="BD6" s="750"/>
      <c r="BE6" s="369" t="s">
        <v>119</v>
      </c>
      <c r="BF6" s="370" t="s">
        <v>44</v>
      </c>
      <c r="BG6" s="377" t="s">
        <v>45</v>
      </c>
      <c r="BH6" s="378" t="s">
        <v>83</v>
      </c>
      <c r="BI6" s="370" t="s">
        <v>47</v>
      </c>
      <c r="BJ6" s="370" t="s">
        <v>48</v>
      </c>
      <c r="BK6" s="370" t="s">
        <v>49</v>
      </c>
      <c r="BL6" s="370" t="s">
        <v>50</v>
      </c>
      <c r="BM6" s="370" t="s">
        <v>51</v>
      </c>
      <c r="BN6" s="379" t="s">
        <v>45</v>
      </c>
      <c r="BO6" s="750"/>
      <c r="BP6" s="369" t="s">
        <v>119</v>
      </c>
      <c r="BQ6" s="370" t="s">
        <v>44</v>
      </c>
      <c r="BR6" s="377" t="s">
        <v>45</v>
      </c>
      <c r="BS6" s="378" t="s">
        <v>83</v>
      </c>
      <c r="BT6" s="370" t="s">
        <v>47</v>
      </c>
      <c r="BU6" s="370" t="s">
        <v>48</v>
      </c>
      <c r="BV6" s="370" t="s">
        <v>49</v>
      </c>
      <c r="BW6" s="370" t="s">
        <v>50</v>
      </c>
      <c r="BX6" s="370" t="s">
        <v>51</v>
      </c>
      <c r="BY6" s="379" t="s">
        <v>45</v>
      </c>
      <c r="BZ6" s="750"/>
      <c r="CA6" s="369" t="s">
        <v>119</v>
      </c>
      <c r="CB6" s="370" t="s">
        <v>44</v>
      </c>
      <c r="CC6" s="377" t="s">
        <v>45</v>
      </c>
      <c r="CD6" s="378" t="s">
        <v>83</v>
      </c>
      <c r="CE6" s="370" t="s">
        <v>47</v>
      </c>
      <c r="CF6" s="370" t="s">
        <v>48</v>
      </c>
      <c r="CG6" s="370" t="s">
        <v>49</v>
      </c>
      <c r="CH6" s="370" t="s">
        <v>50</v>
      </c>
      <c r="CI6" s="370" t="s">
        <v>51</v>
      </c>
      <c r="CJ6" s="379" t="s">
        <v>45</v>
      </c>
      <c r="CK6" s="750"/>
      <c r="CL6" s="369" t="s">
        <v>119</v>
      </c>
      <c r="CM6" s="370" t="s">
        <v>44</v>
      </c>
      <c r="CN6" s="377" t="s">
        <v>45</v>
      </c>
      <c r="CO6" s="378" t="s">
        <v>83</v>
      </c>
      <c r="CP6" s="370" t="s">
        <v>47</v>
      </c>
      <c r="CQ6" s="370" t="s">
        <v>48</v>
      </c>
      <c r="CR6" s="370" t="s">
        <v>49</v>
      </c>
      <c r="CS6" s="370" t="s">
        <v>50</v>
      </c>
      <c r="CT6" s="370" t="s">
        <v>51</v>
      </c>
      <c r="CU6" s="379" t="s">
        <v>45</v>
      </c>
      <c r="CV6" s="750"/>
      <c r="CW6" s="369" t="s">
        <v>119</v>
      </c>
      <c r="CX6" s="370" t="s">
        <v>44</v>
      </c>
      <c r="CY6" s="377" t="s">
        <v>45</v>
      </c>
      <c r="CZ6" s="378" t="s">
        <v>83</v>
      </c>
      <c r="DA6" s="370" t="s">
        <v>47</v>
      </c>
      <c r="DB6" s="370" t="s">
        <v>48</v>
      </c>
      <c r="DC6" s="370" t="s">
        <v>49</v>
      </c>
      <c r="DD6" s="370" t="s">
        <v>50</v>
      </c>
      <c r="DE6" s="370" t="s">
        <v>51</v>
      </c>
      <c r="DF6" s="379" t="s">
        <v>45</v>
      </c>
      <c r="DG6" s="750"/>
      <c r="DH6" s="369" t="s">
        <v>119</v>
      </c>
      <c r="DI6" s="370" t="s">
        <v>44</v>
      </c>
      <c r="DJ6" s="377" t="s">
        <v>45</v>
      </c>
      <c r="DK6" s="378" t="s">
        <v>83</v>
      </c>
      <c r="DL6" s="370" t="s">
        <v>47</v>
      </c>
      <c r="DM6" s="370" t="s">
        <v>48</v>
      </c>
      <c r="DN6" s="370" t="s">
        <v>49</v>
      </c>
      <c r="DO6" s="370" t="s">
        <v>50</v>
      </c>
      <c r="DP6" s="370" t="s">
        <v>51</v>
      </c>
      <c r="DQ6" s="379" t="s">
        <v>45</v>
      </c>
      <c r="DR6" s="757"/>
      <c r="DS6" s="369" t="s">
        <v>119</v>
      </c>
      <c r="DT6" s="370" t="s">
        <v>44</v>
      </c>
      <c r="DU6" s="377" t="s">
        <v>45</v>
      </c>
      <c r="DV6" s="378" t="s">
        <v>83</v>
      </c>
      <c r="DW6" s="370" t="s">
        <v>47</v>
      </c>
      <c r="DX6" s="370" t="s">
        <v>48</v>
      </c>
      <c r="DY6" s="370" t="s">
        <v>49</v>
      </c>
      <c r="DZ6" s="370" t="s">
        <v>50</v>
      </c>
      <c r="EA6" s="370" t="s">
        <v>51</v>
      </c>
      <c r="EB6" s="379" t="s">
        <v>45</v>
      </c>
      <c r="EC6" s="750"/>
      <c r="ED6" s="369" t="s">
        <v>119</v>
      </c>
      <c r="EE6" s="370" t="s">
        <v>44</v>
      </c>
      <c r="EF6" s="377" t="s">
        <v>45</v>
      </c>
      <c r="EG6" s="378" t="s">
        <v>83</v>
      </c>
      <c r="EH6" s="370" t="s">
        <v>47</v>
      </c>
      <c r="EI6" s="370" t="s">
        <v>48</v>
      </c>
      <c r="EJ6" s="370" t="s">
        <v>49</v>
      </c>
      <c r="EK6" s="370" t="s">
        <v>50</v>
      </c>
      <c r="EL6" s="370" t="s">
        <v>51</v>
      </c>
      <c r="EM6" s="379" t="s">
        <v>45</v>
      </c>
      <c r="EN6" s="750"/>
      <c r="EO6" s="369" t="s">
        <v>119</v>
      </c>
      <c r="EP6" s="370" t="s">
        <v>44</v>
      </c>
      <c r="EQ6" s="377" t="s">
        <v>45</v>
      </c>
      <c r="ER6" s="378" t="s">
        <v>83</v>
      </c>
      <c r="ES6" s="370" t="s">
        <v>47</v>
      </c>
      <c r="ET6" s="370" t="s">
        <v>48</v>
      </c>
      <c r="EU6" s="370" t="s">
        <v>49</v>
      </c>
      <c r="EV6" s="370" t="s">
        <v>50</v>
      </c>
      <c r="EW6" s="370" t="s">
        <v>51</v>
      </c>
      <c r="EX6" s="379" t="s">
        <v>45</v>
      </c>
      <c r="EY6" s="750"/>
      <c r="EZ6" s="369" t="s">
        <v>119</v>
      </c>
      <c r="FA6" s="370" t="s">
        <v>44</v>
      </c>
      <c r="FB6" s="377" t="s">
        <v>45</v>
      </c>
      <c r="FC6" s="378" t="s">
        <v>83</v>
      </c>
      <c r="FD6" s="370" t="s">
        <v>47</v>
      </c>
      <c r="FE6" s="370" t="s">
        <v>48</v>
      </c>
      <c r="FF6" s="370" t="s">
        <v>49</v>
      </c>
      <c r="FG6" s="370" t="s">
        <v>50</v>
      </c>
      <c r="FH6" s="370" t="s">
        <v>51</v>
      </c>
      <c r="FI6" s="379" t="s">
        <v>45</v>
      </c>
      <c r="FJ6" s="750"/>
      <c r="FK6" s="369" t="s">
        <v>119</v>
      </c>
      <c r="FL6" s="370" t="s">
        <v>44</v>
      </c>
      <c r="FM6" s="377" t="s">
        <v>45</v>
      </c>
      <c r="FN6" s="378" t="s">
        <v>83</v>
      </c>
      <c r="FO6" s="370" t="s">
        <v>47</v>
      </c>
      <c r="FP6" s="370" t="s">
        <v>48</v>
      </c>
      <c r="FQ6" s="370" t="s">
        <v>49</v>
      </c>
      <c r="FR6" s="370" t="s">
        <v>50</v>
      </c>
      <c r="FS6" s="370" t="s">
        <v>51</v>
      </c>
      <c r="FT6" s="379" t="s">
        <v>45</v>
      </c>
      <c r="FU6" s="750"/>
      <c r="FV6" s="369" t="s">
        <v>119</v>
      </c>
      <c r="FW6" s="370" t="s">
        <v>44</v>
      </c>
      <c r="FX6" s="377" t="s">
        <v>45</v>
      </c>
      <c r="FY6" s="378" t="s">
        <v>83</v>
      </c>
      <c r="FZ6" s="370" t="s">
        <v>47</v>
      </c>
      <c r="GA6" s="370" t="s">
        <v>48</v>
      </c>
      <c r="GB6" s="370" t="s">
        <v>49</v>
      </c>
      <c r="GC6" s="370" t="s">
        <v>50</v>
      </c>
      <c r="GD6" s="370" t="s">
        <v>51</v>
      </c>
      <c r="GE6" s="379" t="s">
        <v>45</v>
      </c>
      <c r="GF6" s="750"/>
      <c r="GG6" s="369" t="s">
        <v>119</v>
      </c>
      <c r="GH6" s="370" t="s">
        <v>44</v>
      </c>
      <c r="GI6" s="377" t="s">
        <v>45</v>
      </c>
      <c r="GJ6" s="378" t="s">
        <v>83</v>
      </c>
      <c r="GK6" s="370" t="s">
        <v>47</v>
      </c>
      <c r="GL6" s="370" t="s">
        <v>48</v>
      </c>
      <c r="GM6" s="370" t="s">
        <v>49</v>
      </c>
      <c r="GN6" s="370" t="s">
        <v>50</v>
      </c>
      <c r="GO6" s="370" t="s">
        <v>51</v>
      </c>
      <c r="GP6" s="379" t="s">
        <v>45</v>
      </c>
      <c r="GQ6" s="750"/>
      <c r="GR6" s="369" t="s">
        <v>119</v>
      </c>
      <c r="GS6" s="370" t="s">
        <v>44</v>
      </c>
      <c r="GT6" s="377" t="s">
        <v>45</v>
      </c>
      <c r="GU6" s="378" t="s">
        <v>83</v>
      </c>
      <c r="GV6" s="370" t="s">
        <v>47</v>
      </c>
      <c r="GW6" s="370" t="s">
        <v>48</v>
      </c>
      <c r="GX6" s="370" t="s">
        <v>49</v>
      </c>
      <c r="GY6" s="370" t="s">
        <v>50</v>
      </c>
      <c r="GZ6" s="370" t="s">
        <v>51</v>
      </c>
      <c r="HA6" s="379" t="s">
        <v>45</v>
      </c>
      <c r="HB6" s="750"/>
      <c r="HC6" s="369" t="s">
        <v>119</v>
      </c>
      <c r="HD6" s="370" t="s">
        <v>44</v>
      </c>
      <c r="HE6" s="377" t="s">
        <v>45</v>
      </c>
      <c r="HF6" s="378" t="s">
        <v>83</v>
      </c>
      <c r="HG6" s="370" t="s">
        <v>47</v>
      </c>
      <c r="HH6" s="370" t="s">
        <v>48</v>
      </c>
      <c r="HI6" s="370" t="s">
        <v>49</v>
      </c>
      <c r="HJ6" s="370" t="s">
        <v>50</v>
      </c>
      <c r="HK6" s="370" t="s">
        <v>51</v>
      </c>
      <c r="HL6" s="379" t="s">
        <v>45</v>
      </c>
      <c r="HM6" s="750"/>
      <c r="HN6" s="369" t="s">
        <v>119</v>
      </c>
      <c r="HO6" s="370" t="s">
        <v>44</v>
      </c>
      <c r="HP6" s="377" t="s">
        <v>45</v>
      </c>
      <c r="HQ6" s="378" t="s">
        <v>83</v>
      </c>
      <c r="HR6" s="370" t="s">
        <v>47</v>
      </c>
      <c r="HS6" s="370" t="s">
        <v>48</v>
      </c>
      <c r="HT6" s="370" t="s">
        <v>49</v>
      </c>
      <c r="HU6" s="370" t="s">
        <v>50</v>
      </c>
      <c r="HV6" s="370" t="s">
        <v>51</v>
      </c>
      <c r="HW6" s="379" t="s">
        <v>45</v>
      </c>
      <c r="HX6" s="750"/>
    </row>
    <row r="7" spans="1:232" s="487" customFormat="1" ht="21" customHeight="1" x14ac:dyDescent="0.2">
      <c r="A7" s="500" t="s">
        <v>4</v>
      </c>
      <c r="B7" s="479">
        <v>34060</v>
      </c>
      <c r="C7" s="480">
        <v>99230</v>
      </c>
      <c r="D7" s="481">
        <v>133290</v>
      </c>
      <c r="E7" s="482">
        <v>0</v>
      </c>
      <c r="F7" s="480">
        <v>17594117</v>
      </c>
      <c r="G7" s="480">
        <v>38825638</v>
      </c>
      <c r="H7" s="480">
        <v>121740357</v>
      </c>
      <c r="I7" s="480">
        <v>161251371</v>
      </c>
      <c r="J7" s="480">
        <v>102214808</v>
      </c>
      <c r="K7" s="483">
        <v>441626291</v>
      </c>
      <c r="L7" s="484">
        <v>441759581</v>
      </c>
      <c r="M7" s="479">
        <v>0</v>
      </c>
      <c r="N7" s="480">
        <v>0</v>
      </c>
      <c r="O7" s="481">
        <v>0</v>
      </c>
      <c r="P7" s="485"/>
      <c r="Q7" s="480">
        <v>4582949</v>
      </c>
      <c r="R7" s="480">
        <v>13186389</v>
      </c>
      <c r="S7" s="480">
        <v>81878614</v>
      </c>
      <c r="T7" s="480">
        <v>116527240</v>
      </c>
      <c r="U7" s="480">
        <v>78998857</v>
      </c>
      <c r="V7" s="483">
        <v>295174049</v>
      </c>
      <c r="W7" s="484">
        <v>295174049</v>
      </c>
      <c r="X7" s="479">
        <v>0</v>
      </c>
      <c r="Y7" s="480">
        <v>0</v>
      </c>
      <c r="Z7" s="481">
        <v>0</v>
      </c>
      <c r="AA7" s="485"/>
      <c r="AB7" s="480">
        <v>11131943</v>
      </c>
      <c r="AC7" s="480">
        <v>21258500</v>
      </c>
      <c r="AD7" s="480">
        <v>28497425</v>
      </c>
      <c r="AE7" s="480">
        <v>32550192</v>
      </c>
      <c r="AF7" s="480">
        <v>14658336</v>
      </c>
      <c r="AG7" s="483">
        <v>108096396</v>
      </c>
      <c r="AH7" s="484">
        <v>108096396</v>
      </c>
      <c r="AI7" s="479">
        <v>0</v>
      </c>
      <c r="AJ7" s="480">
        <v>0</v>
      </c>
      <c r="AK7" s="481">
        <v>0</v>
      </c>
      <c r="AL7" s="485"/>
      <c r="AM7" s="480">
        <v>0</v>
      </c>
      <c r="AN7" s="480">
        <v>0</v>
      </c>
      <c r="AO7" s="480">
        <v>61030</v>
      </c>
      <c r="AP7" s="480">
        <v>724355</v>
      </c>
      <c r="AQ7" s="480">
        <v>701870</v>
      </c>
      <c r="AR7" s="483">
        <v>1487255</v>
      </c>
      <c r="AS7" s="484">
        <v>1487255</v>
      </c>
      <c r="AT7" s="479">
        <v>0</v>
      </c>
      <c r="AU7" s="480">
        <v>0</v>
      </c>
      <c r="AV7" s="481">
        <v>0</v>
      </c>
      <c r="AW7" s="485"/>
      <c r="AX7" s="480">
        <v>155465</v>
      </c>
      <c r="AY7" s="480">
        <v>153000</v>
      </c>
      <c r="AZ7" s="480">
        <v>528045</v>
      </c>
      <c r="BA7" s="480">
        <v>2048350</v>
      </c>
      <c r="BB7" s="480">
        <v>2736520</v>
      </c>
      <c r="BC7" s="483">
        <v>5621380</v>
      </c>
      <c r="BD7" s="484">
        <v>5621380</v>
      </c>
      <c r="BE7" s="479">
        <v>0</v>
      </c>
      <c r="BF7" s="480">
        <v>0</v>
      </c>
      <c r="BG7" s="481">
        <v>0</v>
      </c>
      <c r="BH7" s="485"/>
      <c r="BI7" s="480">
        <v>160205</v>
      </c>
      <c r="BJ7" s="480">
        <v>316915</v>
      </c>
      <c r="BK7" s="480">
        <v>1850680</v>
      </c>
      <c r="BL7" s="480">
        <v>1849710</v>
      </c>
      <c r="BM7" s="480">
        <v>1333650</v>
      </c>
      <c r="BN7" s="483">
        <v>5511160</v>
      </c>
      <c r="BO7" s="484">
        <v>5511160</v>
      </c>
      <c r="BP7" s="479">
        <v>34060</v>
      </c>
      <c r="BQ7" s="480">
        <v>98070</v>
      </c>
      <c r="BR7" s="481">
        <v>132130</v>
      </c>
      <c r="BS7" s="482">
        <v>0</v>
      </c>
      <c r="BT7" s="480">
        <v>1511407</v>
      </c>
      <c r="BU7" s="480">
        <v>3685294</v>
      </c>
      <c r="BV7" s="480">
        <v>8648422</v>
      </c>
      <c r="BW7" s="480">
        <v>7250114</v>
      </c>
      <c r="BX7" s="480">
        <v>3522518</v>
      </c>
      <c r="BY7" s="483">
        <v>24617755</v>
      </c>
      <c r="BZ7" s="484">
        <v>24749885</v>
      </c>
      <c r="CA7" s="479">
        <v>0</v>
      </c>
      <c r="CB7" s="480">
        <v>1160</v>
      </c>
      <c r="CC7" s="481">
        <v>1160</v>
      </c>
      <c r="CD7" s="482">
        <v>0</v>
      </c>
      <c r="CE7" s="480">
        <v>52148</v>
      </c>
      <c r="CF7" s="480">
        <v>225540</v>
      </c>
      <c r="CG7" s="480">
        <v>276141</v>
      </c>
      <c r="CH7" s="480">
        <v>301410</v>
      </c>
      <c r="CI7" s="480">
        <v>263057</v>
      </c>
      <c r="CJ7" s="483">
        <v>1118296</v>
      </c>
      <c r="CK7" s="484">
        <v>1119456</v>
      </c>
      <c r="CL7" s="479">
        <v>0</v>
      </c>
      <c r="CM7" s="480">
        <v>0</v>
      </c>
      <c r="CN7" s="481">
        <v>0</v>
      </c>
      <c r="CO7" s="482">
        <v>0</v>
      </c>
      <c r="CP7" s="480">
        <v>0</v>
      </c>
      <c r="CQ7" s="480">
        <v>0</v>
      </c>
      <c r="CR7" s="480">
        <v>0</v>
      </c>
      <c r="CS7" s="480">
        <v>0</v>
      </c>
      <c r="CT7" s="480">
        <v>0</v>
      </c>
      <c r="CU7" s="483">
        <v>0</v>
      </c>
      <c r="CV7" s="484">
        <v>0</v>
      </c>
      <c r="CW7" s="479">
        <v>0</v>
      </c>
      <c r="CX7" s="480">
        <v>0</v>
      </c>
      <c r="CY7" s="481">
        <v>0</v>
      </c>
      <c r="CZ7" s="485"/>
      <c r="DA7" s="480">
        <v>0</v>
      </c>
      <c r="DB7" s="480">
        <v>0</v>
      </c>
      <c r="DC7" s="480">
        <v>0</v>
      </c>
      <c r="DD7" s="480">
        <v>0</v>
      </c>
      <c r="DE7" s="480">
        <v>0</v>
      </c>
      <c r="DF7" s="483">
        <v>0</v>
      </c>
      <c r="DG7" s="484">
        <v>0</v>
      </c>
      <c r="DH7" s="479">
        <v>46267</v>
      </c>
      <c r="DI7" s="480">
        <v>163451</v>
      </c>
      <c r="DJ7" s="481">
        <v>209718</v>
      </c>
      <c r="DK7" s="482">
        <v>0</v>
      </c>
      <c r="DL7" s="480">
        <v>11451652</v>
      </c>
      <c r="DM7" s="480">
        <v>31253667</v>
      </c>
      <c r="DN7" s="480">
        <v>129482578</v>
      </c>
      <c r="DO7" s="480">
        <v>168901472</v>
      </c>
      <c r="DP7" s="480">
        <v>106241176</v>
      </c>
      <c r="DQ7" s="483">
        <v>447330545</v>
      </c>
      <c r="DR7" s="486">
        <v>447540263</v>
      </c>
      <c r="DS7" s="479">
        <v>0</v>
      </c>
      <c r="DT7" s="480">
        <v>0</v>
      </c>
      <c r="DU7" s="481">
        <v>0</v>
      </c>
      <c r="DV7" s="485"/>
      <c r="DW7" s="480">
        <v>5940118</v>
      </c>
      <c r="DX7" s="480">
        <v>18749933</v>
      </c>
      <c r="DY7" s="480">
        <v>106614703</v>
      </c>
      <c r="DZ7" s="480">
        <v>146786380</v>
      </c>
      <c r="EA7" s="480">
        <v>94128958</v>
      </c>
      <c r="EB7" s="483">
        <v>372220092</v>
      </c>
      <c r="EC7" s="484">
        <v>372220092</v>
      </c>
      <c r="ED7" s="479">
        <v>0</v>
      </c>
      <c r="EE7" s="480">
        <v>0</v>
      </c>
      <c r="EF7" s="481">
        <v>0</v>
      </c>
      <c r="EG7" s="485"/>
      <c r="EH7" s="480">
        <v>2632533</v>
      </c>
      <c r="EI7" s="480">
        <v>5636747</v>
      </c>
      <c r="EJ7" s="480">
        <v>6655108</v>
      </c>
      <c r="EK7" s="480">
        <v>7323159</v>
      </c>
      <c r="EL7" s="480">
        <v>3955777</v>
      </c>
      <c r="EM7" s="483">
        <v>26203324</v>
      </c>
      <c r="EN7" s="484">
        <v>26203324</v>
      </c>
      <c r="EO7" s="479">
        <v>0</v>
      </c>
      <c r="EP7" s="480">
        <v>0</v>
      </c>
      <c r="EQ7" s="481">
        <v>0</v>
      </c>
      <c r="ER7" s="485"/>
      <c r="ES7" s="480">
        <v>0</v>
      </c>
      <c r="ET7" s="480">
        <v>0</v>
      </c>
      <c r="EU7" s="480">
        <v>42818</v>
      </c>
      <c r="EV7" s="480">
        <v>99187</v>
      </c>
      <c r="EW7" s="480">
        <v>88872</v>
      </c>
      <c r="EX7" s="483">
        <v>230877</v>
      </c>
      <c r="EY7" s="484">
        <v>230877</v>
      </c>
      <c r="EZ7" s="479">
        <v>0</v>
      </c>
      <c r="FA7" s="480">
        <v>0</v>
      </c>
      <c r="FB7" s="481">
        <v>0</v>
      </c>
      <c r="FC7" s="485"/>
      <c r="FD7" s="480">
        <v>12772</v>
      </c>
      <c r="FE7" s="480">
        <v>36273</v>
      </c>
      <c r="FF7" s="480">
        <v>74931</v>
      </c>
      <c r="FG7" s="480">
        <v>276918</v>
      </c>
      <c r="FH7" s="480">
        <v>400143</v>
      </c>
      <c r="FI7" s="483">
        <v>801037</v>
      </c>
      <c r="FJ7" s="484">
        <v>801037</v>
      </c>
      <c r="FK7" s="479">
        <v>0</v>
      </c>
      <c r="FL7" s="480">
        <v>0</v>
      </c>
      <c r="FM7" s="481">
        <v>0</v>
      </c>
      <c r="FN7" s="485"/>
      <c r="FO7" s="480">
        <v>229810</v>
      </c>
      <c r="FP7" s="480">
        <v>382932</v>
      </c>
      <c r="FQ7" s="480">
        <v>2942341</v>
      </c>
      <c r="FR7" s="480">
        <v>3355631</v>
      </c>
      <c r="FS7" s="480">
        <v>2173285</v>
      </c>
      <c r="FT7" s="483">
        <v>9083999</v>
      </c>
      <c r="FU7" s="484">
        <v>9083999</v>
      </c>
      <c r="FV7" s="479">
        <v>46267</v>
      </c>
      <c r="FW7" s="480">
        <v>160229</v>
      </c>
      <c r="FX7" s="481">
        <v>206496</v>
      </c>
      <c r="FY7" s="482">
        <v>0</v>
      </c>
      <c r="FZ7" s="480">
        <v>2596986</v>
      </c>
      <c r="GA7" s="480">
        <v>6308511</v>
      </c>
      <c r="GB7" s="480">
        <v>12978707</v>
      </c>
      <c r="GC7" s="480">
        <v>10869475</v>
      </c>
      <c r="GD7" s="480">
        <v>5321690</v>
      </c>
      <c r="GE7" s="483">
        <v>38075369</v>
      </c>
      <c r="GF7" s="484">
        <v>38281865</v>
      </c>
      <c r="GG7" s="479">
        <v>0</v>
      </c>
      <c r="GH7" s="480">
        <v>3222</v>
      </c>
      <c r="GI7" s="481">
        <v>3222</v>
      </c>
      <c r="GJ7" s="482">
        <v>0</v>
      </c>
      <c r="GK7" s="480">
        <v>39433</v>
      </c>
      <c r="GL7" s="480">
        <v>139271</v>
      </c>
      <c r="GM7" s="480">
        <v>173970</v>
      </c>
      <c r="GN7" s="480">
        <v>190722</v>
      </c>
      <c r="GO7" s="480">
        <v>172451</v>
      </c>
      <c r="GP7" s="483">
        <v>715847</v>
      </c>
      <c r="GQ7" s="484">
        <v>719069</v>
      </c>
      <c r="GR7" s="479">
        <v>0</v>
      </c>
      <c r="GS7" s="480">
        <v>0</v>
      </c>
      <c r="GT7" s="481">
        <v>0</v>
      </c>
      <c r="GU7" s="482">
        <v>0</v>
      </c>
      <c r="GV7" s="480">
        <v>0</v>
      </c>
      <c r="GW7" s="480">
        <v>0</v>
      </c>
      <c r="GX7" s="480">
        <v>0</v>
      </c>
      <c r="GY7" s="480">
        <v>0</v>
      </c>
      <c r="GZ7" s="480">
        <v>0</v>
      </c>
      <c r="HA7" s="483">
        <v>0</v>
      </c>
      <c r="HB7" s="484">
        <v>0</v>
      </c>
      <c r="HC7" s="479">
        <v>0</v>
      </c>
      <c r="HD7" s="480">
        <v>0</v>
      </c>
      <c r="HE7" s="481">
        <v>0</v>
      </c>
      <c r="HF7" s="485"/>
      <c r="HG7" s="480">
        <v>0</v>
      </c>
      <c r="HH7" s="480">
        <v>0</v>
      </c>
      <c r="HI7" s="480">
        <v>0</v>
      </c>
      <c r="HJ7" s="480">
        <v>0</v>
      </c>
      <c r="HK7" s="480">
        <v>0</v>
      </c>
      <c r="HL7" s="483">
        <v>0</v>
      </c>
      <c r="HM7" s="484">
        <v>0</v>
      </c>
      <c r="HN7" s="479">
        <v>80327</v>
      </c>
      <c r="HO7" s="480">
        <v>262681</v>
      </c>
      <c r="HP7" s="481">
        <v>343008</v>
      </c>
      <c r="HQ7" s="482">
        <v>0</v>
      </c>
      <c r="HR7" s="480">
        <v>29045769</v>
      </c>
      <c r="HS7" s="480">
        <v>70079305</v>
      </c>
      <c r="HT7" s="480">
        <v>251222935</v>
      </c>
      <c r="HU7" s="480">
        <v>330152843</v>
      </c>
      <c r="HV7" s="480">
        <v>208455984</v>
      </c>
      <c r="HW7" s="483">
        <v>888956836</v>
      </c>
      <c r="HX7" s="484">
        <v>889299844</v>
      </c>
    </row>
    <row r="8" spans="1:232" s="487" customFormat="1" ht="21" customHeight="1" x14ac:dyDescent="0.2">
      <c r="A8" s="501" t="s">
        <v>5</v>
      </c>
      <c r="B8" s="488">
        <v>660</v>
      </c>
      <c r="C8" s="489">
        <v>38577</v>
      </c>
      <c r="D8" s="490">
        <v>39237</v>
      </c>
      <c r="E8" s="491">
        <v>0</v>
      </c>
      <c r="F8" s="489">
        <v>7218862</v>
      </c>
      <c r="G8" s="489">
        <v>19642768</v>
      </c>
      <c r="H8" s="489">
        <v>51275845</v>
      </c>
      <c r="I8" s="489">
        <v>68046999</v>
      </c>
      <c r="J8" s="489">
        <v>42664674</v>
      </c>
      <c r="K8" s="492">
        <v>188849148</v>
      </c>
      <c r="L8" s="493">
        <v>188888385</v>
      </c>
      <c r="M8" s="488">
        <v>0</v>
      </c>
      <c r="N8" s="489">
        <v>0</v>
      </c>
      <c r="O8" s="490">
        <v>0</v>
      </c>
      <c r="P8" s="494"/>
      <c r="Q8" s="489">
        <v>2575889</v>
      </c>
      <c r="R8" s="489">
        <v>8558938</v>
      </c>
      <c r="S8" s="489">
        <v>35047553</v>
      </c>
      <c r="T8" s="489">
        <v>50136207</v>
      </c>
      <c r="U8" s="489">
        <v>33140438</v>
      </c>
      <c r="V8" s="492">
        <v>129459025</v>
      </c>
      <c r="W8" s="493">
        <v>129459025</v>
      </c>
      <c r="X8" s="488">
        <v>0</v>
      </c>
      <c r="Y8" s="489">
        <v>0</v>
      </c>
      <c r="Z8" s="490">
        <v>0</v>
      </c>
      <c r="AA8" s="494"/>
      <c r="AB8" s="489">
        <v>4133416</v>
      </c>
      <c r="AC8" s="489">
        <v>9300393</v>
      </c>
      <c r="AD8" s="489">
        <v>11991059</v>
      </c>
      <c r="AE8" s="489">
        <v>14042674</v>
      </c>
      <c r="AF8" s="489">
        <v>6809152</v>
      </c>
      <c r="AG8" s="492">
        <v>46276694</v>
      </c>
      <c r="AH8" s="493">
        <v>46276694</v>
      </c>
      <c r="AI8" s="488">
        <v>0</v>
      </c>
      <c r="AJ8" s="489">
        <v>0</v>
      </c>
      <c r="AK8" s="490">
        <v>0</v>
      </c>
      <c r="AL8" s="494"/>
      <c r="AM8" s="489">
        <v>0</v>
      </c>
      <c r="AN8" s="489">
        <v>0</v>
      </c>
      <c r="AO8" s="489">
        <v>0</v>
      </c>
      <c r="AP8" s="489">
        <v>197090</v>
      </c>
      <c r="AQ8" s="489">
        <v>228005</v>
      </c>
      <c r="AR8" s="492">
        <v>425095</v>
      </c>
      <c r="AS8" s="493">
        <v>425095</v>
      </c>
      <c r="AT8" s="488">
        <v>0</v>
      </c>
      <c r="AU8" s="489">
        <v>0</v>
      </c>
      <c r="AV8" s="490">
        <v>0</v>
      </c>
      <c r="AW8" s="494"/>
      <c r="AX8" s="489">
        <v>0</v>
      </c>
      <c r="AY8" s="489">
        <v>60310</v>
      </c>
      <c r="AZ8" s="489">
        <v>54045</v>
      </c>
      <c r="BA8" s="489">
        <v>360430</v>
      </c>
      <c r="BB8" s="489">
        <v>617500</v>
      </c>
      <c r="BC8" s="492">
        <v>1092285</v>
      </c>
      <c r="BD8" s="493">
        <v>1092285</v>
      </c>
      <c r="BE8" s="488">
        <v>0</v>
      </c>
      <c r="BF8" s="489">
        <v>0</v>
      </c>
      <c r="BG8" s="490">
        <v>0</v>
      </c>
      <c r="BH8" s="494"/>
      <c r="BI8" s="489">
        <v>130290</v>
      </c>
      <c r="BJ8" s="489">
        <v>128900</v>
      </c>
      <c r="BK8" s="489">
        <v>441400</v>
      </c>
      <c r="BL8" s="489">
        <v>198555</v>
      </c>
      <c r="BM8" s="489">
        <v>176855</v>
      </c>
      <c r="BN8" s="492">
        <v>1076000</v>
      </c>
      <c r="BO8" s="493">
        <v>1076000</v>
      </c>
      <c r="BP8" s="488">
        <v>660</v>
      </c>
      <c r="BQ8" s="489">
        <v>37417</v>
      </c>
      <c r="BR8" s="490">
        <v>38077</v>
      </c>
      <c r="BS8" s="491">
        <v>0</v>
      </c>
      <c r="BT8" s="489">
        <v>367294</v>
      </c>
      <c r="BU8" s="489">
        <v>1459702</v>
      </c>
      <c r="BV8" s="489">
        <v>3542362</v>
      </c>
      <c r="BW8" s="489">
        <v>2965411</v>
      </c>
      <c r="BX8" s="489">
        <v>1531360</v>
      </c>
      <c r="BY8" s="492">
        <v>9866129</v>
      </c>
      <c r="BZ8" s="493">
        <v>9904206</v>
      </c>
      <c r="CA8" s="488">
        <v>0</v>
      </c>
      <c r="CB8" s="489">
        <v>1160</v>
      </c>
      <c r="CC8" s="490">
        <v>1160</v>
      </c>
      <c r="CD8" s="491">
        <v>0</v>
      </c>
      <c r="CE8" s="489">
        <v>11973</v>
      </c>
      <c r="CF8" s="489">
        <v>134525</v>
      </c>
      <c r="CG8" s="489">
        <v>199426</v>
      </c>
      <c r="CH8" s="489">
        <v>146632</v>
      </c>
      <c r="CI8" s="489">
        <v>161364</v>
      </c>
      <c r="CJ8" s="492">
        <v>653920</v>
      </c>
      <c r="CK8" s="493">
        <v>655080</v>
      </c>
      <c r="CL8" s="488">
        <v>0</v>
      </c>
      <c r="CM8" s="489">
        <v>0</v>
      </c>
      <c r="CN8" s="490">
        <v>0</v>
      </c>
      <c r="CO8" s="491">
        <v>0</v>
      </c>
      <c r="CP8" s="489">
        <v>0</v>
      </c>
      <c r="CQ8" s="489">
        <v>0</v>
      </c>
      <c r="CR8" s="489">
        <v>0</v>
      </c>
      <c r="CS8" s="489">
        <v>0</v>
      </c>
      <c r="CT8" s="489">
        <v>0</v>
      </c>
      <c r="CU8" s="492">
        <v>0</v>
      </c>
      <c r="CV8" s="493">
        <v>0</v>
      </c>
      <c r="CW8" s="488">
        <v>0</v>
      </c>
      <c r="CX8" s="489">
        <v>0</v>
      </c>
      <c r="CY8" s="490">
        <v>0</v>
      </c>
      <c r="CZ8" s="494"/>
      <c r="DA8" s="489">
        <v>0</v>
      </c>
      <c r="DB8" s="489">
        <v>0</v>
      </c>
      <c r="DC8" s="489">
        <v>0</v>
      </c>
      <c r="DD8" s="489">
        <v>0</v>
      </c>
      <c r="DE8" s="489">
        <v>0</v>
      </c>
      <c r="DF8" s="492">
        <v>0</v>
      </c>
      <c r="DG8" s="493">
        <v>0</v>
      </c>
      <c r="DH8" s="488">
        <v>4872</v>
      </c>
      <c r="DI8" s="489">
        <v>65486</v>
      </c>
      <c r="DJ8" s="490">
        <v>70358</v>
      </c>
      <c r="DK8" s="491">
        <v>0</v>
      </c>
      <c r="DL8" s="489">
        <v>6109175</v>
      </c>
      <c r="DM8" s="489">
        <v>18323410</v>
      </c>
      <c r="DN8" s="489">
        <v>56958173</v>
      </c>
      <c r="DO8" s="489">
        <v>73123867</v>
      </c>
      <c r="DP8" s="489">
        <v>46843095</v>
      </c>
      <c r="DQ8" s="492">
        <v>201357720</v>
      </c>
      <c r="DR8" s="495">
        <v>201428078</v>
      </c>
      <c r="DS8" s="488">
        <v>0</v>
      </c>
      <c r="DT8" s="489">
        <v>0</v>
      </c>
      <c r="DU8" s="490">
        <v>0</v>
      </c>
      <c r="DV8" s="494"/>
      <c r="DW8" s="489">
        <v>3714563</v>
      </c>
      <c r="DX8" s="489">
        <v>12170408</v>
      </c>
      <c r="DY8" s="489">
        <v>47028844</v>
      </c>
      <c r="DZ8" s="489">
        <v>64022860</v>
      </c>
      <c r="EA8" s="489">
        <v>41285516</v>
      </c>
      <c r="EB8" s="492">
        <v>168222191</v>
      </c>
      <c r="EC8" s="493">
        <v>168222191</v>
      </c>
      <c r="ED8" s="488">
        <v>0</v>
      </c>
      <c r="EE8" s="489">
        <v>0</v>
      </c>
      <c r="EF8" s="490">
        <v>0</v>
      </c>
      <c r="EG8" s="494"/>
      <c r="EH8" s="489">
        <v>1452132</v>
      </c>
      <c r="EI8" s="489">
        <v>3220659</v>
      </c>
      <c r="EJ8" s="489">
        <v>3910675</v>
      </c>
      <c r="EK8" s="489">
        <v>4016858</v>
      </c>
      <c r="EL8" s="489">
        <v>2592216</v>
      </c>
      <c r="EM8" s="492">
        <v>15192540</v>
      </c>
      <c r="EN8" s="493">
        <v>15192540</v>
      </c>
      <c r="EO8" s="488">
        <v>0</v>
      </c>
      <c r="EP8" s="489">
        <v>0</v>
      </c>
      <c r="EQ8" s="490">
        <v>0</v>
      </c>
      <c r="ER8" s="494"/>
      <c r="ES8" s="489">
        <v>0</v>
      </c>
      <c r="ET8" s="489">
        <v>0</v>
      </c>
      <c r="EU8" s="489">
        <v>11470</v>
      </c>
      <c r="EV8" s="489">
        <v>37098</v>
      </c>
      <c r="EW8" s="489">
        <v>26629</v>
      </c>
      <c r="EX8" s="492">
        <v>75197</v>
      </c>
      <c r="EY8" s="493">
        <v>75197</v>
      </c>
      <c r="EZ8" s="488">
        <v>0</v>
      </c>
      <c r="FA8" s="489">
        <v>0</v>
      </c>
      <c r="FB8" s="490">
        <v>0</v>
      </c>
      <c r="FC8" s="494"/>
      <c r="FD8" s="489">
        <v>0</v>
      </c>
      <c r="FE8" s="489">
        <v>12620</v>
      </c>
      <c r="FF8" s="489">
        <v>1001</v>
      </c>
      <c r="FG8" s="489">
        <v>75029</v>
      </c>
      <c r="FH8" s="489">
        <v>147121</v>
      </c>
      <c r="FI8" s="492">
        <v>235771</v>
      </c>
      <c r="FJ8" s="493">
        <v>235771</v>
      </c>
      <c r="FK8" s="488">
        <v>0</v>
      </c>
      <c r="FL8" s="489">
        <v>0</v>
      </c>
      <c r="FM8" s="490">
        <v>0</v>
      </c>
      <c r="FN8" s="494"/>
      <c r="FO8" s="489">
        <v>165082</v>
      </c>
      <c r="FP8" s="489">
        <v>120982</v>
      </c>
      <c r="FQ8" s="489">
        <v>626538</v>
      </c>
      <c r="FR8" s="489">
        <v>362824</v>
      </c>
      <c r="FS8" s="489">
        <v>298096</v>
      </c>
      <c r="FT8" s="492">
        <v>1573522</v>
      </c>
      <c r="FU8" s="493">
        <v>1573522</v>
      </c>
      <c r="FV8" s="488">
        <v>4872</v>
      </c>
      <c r="FW8" s="489">
        <v>62264</v>
      </c>
      <c r="FX8" s="490">
        <v>67136</v>
      </c>
      <c r="FY8" s="491">
        <v>0</v>
      </c>
      <c r="FZ8" s="489">
        <v>765767</v>
      </c>
      <c r="GA8" s="489">
        <v>2710618</v>
      </c>
      <c r="GB8" s="489">
        <v>5281661</v>
      </c>
      <c r="GC8" s="489">
        <v>4518590</v>
      </c>
      <c r="GD8" s="489">
        <v>2384940</v>
      </c>
      <c r="GE8" s="492">
        <v>15661576</v>
      </c>
      <c r="GF8" s="493">
        <v>15728712</v>
      </c>
      <c r="GG8" s="488">
        <v>0</v>
      </c>
      <c r="GH8" s="489">
        <v>3222</v>
      </c>
      <c r="GI8" s="490">
        <v>3222</v>
      </c>
      <c r="GJ8" s="491">
        <v>0</v>
      </c>
      <c r="GK8" s="489">
        <v>11631</v>
      </c>
      <c r="GL8" s="489">
        <v>88123</v>
      </c>
      <c r="GM8" s="489">
        <v>97984</v>
      </c>
      <c r="GN8" s="489">
        <v>90608</v>
      </c>
      <c r="GO8" s="489">
        <v>108577</v>
      </c>
      <c r="GP8" s="492">
        <v>396923</v>
      </c>
      <c r="GQ8" s="493">
        <v>400145</v>
      </c>
      <c r="GR8" s="488">
        <v>0</v>
      </c>
      <c r="GS8" s="489">
        <v>0</v>
      </c>
      <c r="GT8" s="490">
        <v>0</v>
      </c>
      <c r="GU8" s="491">
        <v>0</v>
      </c>
      <c r="GV8" s="489">
        <v>0</v>
      </c>
      <c r="GW8" s="489">
        <v>0</v>
      </c>
      <c r="GX8" s="489">
        <v>0</v>
      </c>
      <c r="GY8" s="489">
        <v>0</v>
      </c>
      <c r="GZ8" s="489">
        <v>0</v>
      </c>
      <c r="HA8" s="492">
        <v>0</v>
      </c>
      <c r="HB8" s="493">
        <v>0</v>
      </c>
      <c r="HC8" s="488">
        <v>0</v>
      </c>
      <c r="HD8" s="489">
        <v>0</v>
      </c>
      <c r="HE8" s="490">
        <v>0</v>
      </c>
      <c r="HF8" s="494"/>
      <c r="HG8" s="489">
        <v>0</v>
      </c>
      <c r="HH8" s="489">
        <v>0</v>
      </c>
      <c r="HI8" s="489">
        <v>0</v>
      </c>
      <c r="HJ8" s="489">
        <v>0</v>
      </c>
      <c r="HK8" s="489">
        <v>0</v>
      </c>
      <c r="HL8" s="492">
        <v>0</v>
      </c>
      <c r="HM8" s="493">
        <v>0</v>
      </c>
      <c r="HN8" s="488">
        <v>5532</v>
      </c>
      <c r="HO8" s="489">
        <v>104063</v>
      </c>
      <c r="HP8" s="490">
        <v>109595</v>
      </c>
      <c r="HQ8" s="491">
        <v>0</v>
      </c>
      <c r="HR8" s="489">
        <v>13328037</v>
      </c>
      <c r="HS8" s="489">
        <v>37966178</v>
      </c>
      <c r="HT8" s="489">
        <v>108234018</v>
      </c>
      <c r="HU8" s="489">
        <v>141170866</v>
      </c>
      <c r="HV8" s="489">
        <v>89507769</v>
      </c>
      <c r="HW8" s="492">
        <v>390206868</v>
      </c>
      <c r="HX8" s="493">
        <v>390316463</v>
      </c>
    </row>
    <row r="9" spans="1:232" ht="21" customHeight="1" x14ac:dyDescent="0.2">
      <c r="A9" s="498" t="s">
        <v>6</v>
      </c>
      <c r="B9" s="292">
        <v>0</v>
      </c>
      <c r="C9" s="293">
        <v>18898</v>
      </c>
      <c r="D9" s="294">
        <v>18898</v>
      </c>
      <c r="E9" s="295">
        <v>0</v>
      </c>
      <c r="F9" s="293">
        <v>2461712</v>
      </c>
      <c r="G9" s="293">
        <v>3998002</v>
      </c>
      <c r="H9" s="293">
        <v>15882649</v>
      </c>
      <c r="I9" s="293">
        <v>22711270</v>
      </c>
      <c r="J9" s="293">
        <v>15212393</v>
      </c>
      <c r="K9" s="296">
        <v>60266026</v>
      </c>
      <c r="L9" s="297">
        <v>60284924</v>
      </c>
      <c r="M9" s="292">
        <v>0</v>
      </c>
      <c r="N9" s="293">
        <v>0</v>
      </c>
      <c r="O9" s="294">
        <v>0</v>
      </c>
      <c r="P9" s="298"/>
      <c r="Q9" s="293">
        <v>921495</v>
      </c>
      <c r="R9" s="293">
        <v>1414065</v>
      </c>
      <c r="S9" s="293">
        <v>11301680</v>
      </c>
      <c r="T9" s="293">
        <v>15883232</v>
      </c>
      <c r="U9" s="293">
        <v>11539000</v>
      </c>
      <c r="V9" s="296">
        <v>41059472</v>
      </c>
      <c r="W9" s="297">
        <v>41059472</v>
      </c>
      <c r="X9" s="292">
        <v>0</v>
      </c>
      <c r="Y9" s="293">
        <v>0</v>
      </c>
      <c r="Z9" s="294">
        <v>0</v>
      </c>
      <c r="AA9" s="298"/>
      <c r="AB9" s="293">
        <v>1226155</v>
      </c>
      <c r="AC9" s="293">
        <v>2048375</v>
      </c>
      <c r="AD9" s="293">
        <v>3028760</v>
      </c>
      <c r="AE9" s="293">
        <v>5018265</v>
      </c>
      <c r="AF9" s="293">
        <v>2268180</v>
      </c>
      <c r="AG9" s="296">
        <v>13589735</v>
      </c>
      <c r="AH9" s="297">
        <v>13589735</v>
      </c>
      <c r="AI9" s="292">
        <v>0</v>
      </c>
      <c r="AJ9" s="293">
        <v>0</v>
      </c>
      <c r="AK9" s="294">
        <v>0</v>
      </c>
      <c r="AL9" s="298"/>
      <c r="AM9" s="293">
        <v>0</v>
      </c>
      <c r="AN9" s="293">
        <v>0</v>
      </c>
      <c r="AO9" s="293">
        <v>58395</v>
      </c>
      <c r="AP9" s="293">
        <v>271645</v>
      </c>
      <c r="AQ9" s="293">
        <v>236565</v>
      </c>
      <c r="AR9" s="296">
        <v>566605</v>
      </c>
      <c r="AS9" s="297">
        <v>566605</v>
      </c>
      <c r="AT9" s="292">
        <v>0</v>
      </c>
      <c r="AU9" s="293">
        <v>0</v>
      </c>
      <c r="AV9" s="294">
        <v>0</v>
      </c>
      <c r="AW9" s="298"/>
      <c r="AX9" s="293">
        <v>2635</v>
      </c>
      <c r="AY9" s="293">
        <v>0</v>
      </c>
      <c r="AZ9" s="293">
        <v>7905</v>
      </c>
      <c r="BA9" s="293">
        <v>251075</v>
      </c>
      <c r="BB9" s="293">
        <v>311420</v>
      </c>
      <c r="BC9" s="296">
        <v>573035</v>
      </c>
      <c r="BD9" s="297">
        <v>573035</v>
      </c>
      <c r="BE9" s="292">
        <v>0</v>
      </c>
      <c r="BF9" s="293">
        <v>0</v>
      </c>
      <c r="BG9" s="294">
        <v>0</v>
      </c>
      <c r="BH9" s="298"/>
      <c r="BI9" s="293">
        <v>29915</v>
      </c>
      <c r="BJ9" s="293">
        <v>100905</v>
      </c>
      <c r="BK9" s="293">
        <v>409450</v>
      </c>
      <c r="BL9" s="293">
        <v>403020</v>
      </c>
      <c r="BM9" s="293">
        <v>261010</v>
      </c>
      <c r="BN9" s="296">
        <v>1204300</v>
      </c>
      <c r="BO9" s="297">
        <v>1204300</v>
      </c>
      <c r="BP9" s="292">
        <v>0</v>
      </c>
      <c r="BQ9" s="293">
        <v>18898</v>
      </c>
      <c r="BR9" s="294">
        <v>18898</v>
      </c>
      <c r="BS9" s="295">
        <v>0</v>
      </c>
      <c r="BT9" s="293">
        <v>264557</v>
      </c>
      <c r="BU9" s="293">
        <v>410252</v>
      </c>
      <c r="BV9" s="293">
        <v>1052374</v>
      </c>
      <c r="BW9" s="293">
        <v>832168</v>
      </c>
      <c r="BX9" s="293">
        <v>564753</v>
      </c>
      <c r="BY9" s="296">
        <v>3124104</v>
      </c>
      <c r="BZ9" s="297">
        <v>3143002</v>
      </c>
      <c r="CA9" s="292">
        <v>0</v>
      </c>
      <c r="CB9" s="293">
        <v>0</v>
      </c>
      <c r="CC9" s="294">
        <v>0</v>
      </c>
      <c r="CD9" s="295">
        <v>0</v>
      </c>
      <c r="CE9" s="293">
        <v>16955</v>
      </c>
      <c r="CF9" s="293">
        <v>24405</v>
      </c>
      <c r="CG9" s="293">
        <v>24085</v>
      </c>
      <c r="CH9" s="293">
        <v>51865</v>
      </c>
      <c r="CI9" s="293">
        <v>31465</v>
      </c>
      <c r="CJ9" s="296">
        <v>148775</v>
      </c>
      <c r="CK9" s="297">
        <v>148775</v>
      </c>
      <c r="CL9" s="292">
        <v>0</v>
      </c>
      <c r="CM9" s="293">
        <v>0</v>
      </c>
      <c r="CN9" s="294">
        <v>0</v>
      </c>
      <c r="CO9" s="295">
        <v>0</v>
      </c>
      <c r="CP9" s="293">
        <v>0</v>
      </c>
      <c r="CQ9" s="293">
        <v>0</v>
      </c>
      <c r="CR9" s="293">
        <v>0</v>
      </c>
      <c r="CS9" s="293">
        <v>0</v>
      </c>
      <c r="CT9" s="293">
        <v>0</v>
      </c>
      <c r="CU9" s="296">
        <v>0</v>
      </c>
      <c r="CV9" s="297">
        <v>0</v>
      </c>
      <c r="CW9" s="292">
        <v>0</v>
      </c>
      <c r="CX9" s="293">
        <v>0</v>
      </c>
      <c r="CY9" s="294">
        <v>0</v>
      </c>
      <c r="CZ9" s="298"/>
      <c r="DA9" s="293">
        <v>0</v>
      </c>
      <c r="DB9" s="293">
        <v>0</v>
      </c>
      <c r="DC9" s="293">
        <v>0</v>
      </c>
      <c r="DD9" s="293">
        <v>0</v>
      </c>
      <c r="DE9" s="293">
        <v>0</v>
      </c>
      <c r="DF9" s="296">
        <v>0</v>
      </c>
      <c r="DG9" s="297">
        <v>0</v>
      </c>
      <c r="DH9" s="292">
        <v>0</v>
      </c>
      <c r="DI9" s="293">
        <v>31223</v>
      </c>
      <c r="DJ9" s="294">
        <v>31223</v>
      </c>
      <c r="DK9" s="295">
        <v>0</v>
      </c>
      <c r="DL9" s="293">
        <v>1481323</v>
      </c>
      <c r="DM9" s="293">
        <v>3074846</v>
      </c>
      <c r="DN9" s="293">
        <v>15141735</v>
      </c>
      <c r="DO9" s="293">
        <v>20413318</v>
      </c>
      <c r="DP9" s="293">
        <v>13397359</v>
      </c>
      <c r="DQ9" s="296">
        <v>53508581</v>
      </c>
      <c r="DR9" s="299">
        <v>53539804</v>
      </c>
      <c r="DS9" s="292">
        <v>0</v>
      </c>
      <c r="DT9" s="293">
        <v>0</v>
      </c>
      <c r="DU9" s="294">
        <v>0</v>
      </c>
      <c r="DV9" s="298"/>
      <c r="DW9" s="293">
        <v>794716</v>
      </c>
      <c r="DX9" s="293">
        <v>1742222</v>
      </c>
      <c r="DY9" s="293">
        <v>12301106</v>
      </c>
      <c r="DZ9" s="293">
        <v>16964839</v>
      </c>
      <c r="EA9" s="293">
        <v>11551124</v>
      </c>
      <c r="EB9" s="296">
        <v>43354007</v>
      </c>
      <c r="EC9" s="297">
        <v>43354007</v>
      </c>
      <c r="ED9" s="292">
        <v>0</v>
      </c>
      <c r="EE9" s="293">
        <v>0</v>
      </c>
      <c r="EF9" s="294">
        <v>0</v>
      </c>
      <c r="EG9" s="298"/>
      <c r="EH9" s="293">
        <v>235958</v>
      </c>
      <c r="EI9" s="293">
        <v>619090</v>
      </c>
      <c r="EJ9" s="293">
        <v>721760</v>
      </c>
      <c r="EK9" s="293">
        <v>1223304</v>
      </c>
      <c r="EL9" s="293">
        <v>493063</v>
      </c>
      <c r="EM9" s="296">
        <v>3293175</v>
      </c>
      <c r="EN9" s="297">
        <v>3293175</v>
      </c>
      <c r="EO9" s="292">
        <v>0</v>
      </c>
      <c r="EP9" s="293">
        <v>0</v>
      </c>
      <c r="EQ9" s="294">
        <v>0</v>
      </c>
      <c r="ER9" s="298"/>
      <c r="ES9" s="293">
        <v>0</v>
      </c>
      <c r="ET9" s="293">
        <v>0</v>
      </c>
      <c r="EU9" s="293">
        <v>31131</v>
      </c>
      <c r="EV9" s="293">
        <v>26594</v>
      </c>
      <c r="EW9" s="293">
        <v>26965</v>
      </c>
      <c r="EX9" s="296">
        <v>84690</v>
      </c>
      <c r="EY9" s="297">
        <v>84690</v>
      </c>
      <c r="EZ9" s="292">
        <v>0</v>
      </c>
      <c r="FA9" s="293">
        <v>0</v>
      </c>
      <c r="FB9" s="294">
        <v>0</v>
      </c>
      <c r="FC9" s="298"/>
      <c r="FD9" s="293">
        <v>0</v>
      </c>
      <c r="FE9" s="293">
        <v>0</v>
      </c>
      <c r="FF9" s="293">
        <v>434</v>
      </c>
      <c r="FG9" s="293">
        <v>49812</v>
      </c>
      <c r="FH9" s="293">
        <v>38435</v>
      </c>
      <c r="FI9" s="296">
        <v>88681</v>
      </c>
      <c r="FJ9" s="297">
        <v>88681</v>
      </c>
      <c r="FK9" s="292">
        <v>0</v>
      </c>
      <c r="FL9" s="293">
        <v>0</v>
      </c>
      <c r="FM9" s="294">
        <v>0</v>
      </c>
      <c r="FN9" s="298"/>
      <c r="FO9" s="293">
        <v>64728</v>
      </c>
      <c r="FP9" s="293">
        <v>100037</v>
      </c>
      <c r="FQ9" s="293">
        <v>648132</v>
      </c>
      <c r="FR9" s="293">
        <v>855099</v>
      </c>
      <c r="FS9" s="293">
        <v>492399</v>
      </c>
      <c r="FT9" s="296">
        <v>2160395</v>
      </c>
      <c r="FU9" s="297">
        <v>2160395</v>
      </c>
      <c r="FV9" s="292">
        <v>0</v>
      </c>
      <c r="FW9" s="293">
        <v>31223</v>
      </c>
      <c r="FX9" s="294">
        <v>31223</v>
      </c>
      <c r="FY9" s="295">
        <v>0</v>
      </c>
      <c r="FZ9" s="293">
        <v>366449</v>
      </c>
      <c r="GA9" s="293">
        <v>592129</v>
      </c>
      <c r="GB9" s="293">
        <v>1393018</v>
      </c>
      <c r="GC9" s="293">
        <v>1233381</v>
      </c>
      <c r="GD9" s="293">
        <v>762762</v>
      </c>
      <c r="GE9" s="296">
        <v>4347739</v>
      </c>
      <c r="GF9" s="297">
        <v>4378962</v>
      </c>
      <c r="GG9" s="292">
        <v>0</v>
      </c>
      <c r="GH9" s="293">
        <v>0</v>
      </c>
      <c r="GI9" s="294">
        <v>0</v>
      </c>
      <c r="GJ9" s="295">
        <v>0</v>
      </c>
      <c r="GK9" s="293">
        <v>19472</v>
      </c>
      <c r="GL9" s="293">
        <v>21368</v>
      </c>
      <c r="GM9" s="293">
        <v>46154</v>
      </c>
      <c r="GN9" s="293">
        <v>60289</v>
      </c>
      <c r="GO9" s="293">
        <v>32611</v>
      </c>
      <c r="GP9" s="296">
        <v>179894</v>
      </c>
      <c r="GQ9" s="297">
        <v>179894</v>
      </c>
      <c r="GR9" s="292">
        <v>0</v>
      </c>
      <c r="GS9" s="293">
        <v>0</v>
      </c>
      <c r="GT9" s="294">
        <v>0</v>
      </c>
      <c r="GU9" s="295">
        <v>0</v>
      </c>
      <c r="GV9" s="293">
        <v>0</v>
      </c>
      <c r="GW9" s="293">
        <v>0</v>
      </c>
      <c r="GX9" s="293">
        <v>0</v>
      </c>
      <c r="GY9" s="293">
        <v>0</v>
      </c>
      <c r="GZ9" s="293">
        <v>0</v>
      </c>
      <c r="HA9" s="296">
        <v>0</v>
      </c>
      <c r="HB9" s="297">
        <v>0</v>
      </c>
      <c r="HC9" s="292">
        <v>0</v>
      </c>
      <c r="HD9" s="293">
        <v>0</v>
      </c>
      <c r="HE9" s="294">
        <v>0</v>
      </c>
      <c r="HF9" s="298"/>
      <c r="HG9" s="293">
        <v>0</v>
      </c>
      <c r="HH9" s="293">
        <v>0</v>
      </c>
      <c r="HI9" s="293">
        <v>0</v>
      </c>
      <c r="HJ9" s="293">
        <v>0</v>
      </c>
      <c r="HK9" s="293">
        <v>0</v>
      </c>
      <c r="HL9" s="296">
        <v>0</v>
      </c>
      <c r="HM9" s="297">
        <v>0</v>
      </c>
      <c r="HN9" s="292">
        <v>0</v>
      </c>
      <c r="HO9" s="293">
        <v>50121</v>
      </c>
      <c r="HP9" s="294">
        <v>50121</v>
      </c>
      <c r="HQ9" s="295">
        <v>0</v>
      </c>
      <c r="HR9" s="293">
        <v>3943035</v>
      </c>
      <c r="HS9" s="293">
        <v>7072848</v>
      </c>
      <c r="HT9" s="293">
        <v>31024384</v>
      </c>
      <c r="HU9" s="293">
        <v>43124588</v>
      </c>
      <c r="HV9" s="293">
        <v>28609752</v>
      </c>
      <c r="HW9" s="296">
        <v>113774607</v>
      </c>
      <c r="HX9" s="297">
        <v>113824728</v>
      </c>
    </row>
    <row r="10" spans="1:232" ht="21" customHeight="1" x14ac:dyDescent="0.2">
      <c r="A10" s="498" t="s">
        <v>14</v>
      </c>
      <c r="B10" s="292">
        <v>0</v>
      </c>
      <c r="C10" s="293">
        <v>0</v>
      </c>
      <c r="D10" s="294">
        <v>0</v>
      </c>
      <c r="E10" s="295">
        <v>0</v>
      </c>
      <c r="F10" s="293">
        <v>1002393</v>
      </c>
      <c r="G10" s="293">
        <v>2345839</v>
      </c>
      <c r="H10" s="293">
        <v>8359071</v>
      </c>
      <c r="I10" s="293">
        <v>13925400</v>
      </c>
      <c r="J10" s="293">
        <v>8351712</v>
      </c>
      <c r="K10" s="296">
        <v>33984415</v>
      </c>
      <c r="L10" s="297">
        <v>33984415</v>
      </c>
      <c r="M10" s="292">
        <v>0</v>
      </c>
      <c r="N10" s="293">
        <v>0</v>
      </c>
      <c r="O10" s="294">
        <v>0</v>
      </c>
      <c r="P10" s="298"/>
      <c r="Q10" s="293">
        <v>79205</v>
      </c>
      <c r="R10" s="293">
        <v>383806</v>
      </c>
      <c r="S10" s="293">
        <v>5977806</v>
      </c>
      <c r="T10" s="293">
        <v>9621435</v>
      </c>
      <c r="U10" s="293">
        <v>6106500</v>
      </c>
      <c r="V10" s="296">
        <v>22168752</v>
      </c>
      <c r="W10" s="297">
        <v>22168752</v>
      </c>
      <c r="X10" s="292">
        <v>0</v>
      </c>
      <c r="Y10" s="293">
        <v>0</v>
      </c>
      <c r="Z10" s="294">
        <v>0</v>
      </c>
      <c r="AA10" s="298"/>
      <c r="AB10" s="293">
        <v>817844</v>
      </c>
      <c r="AC10" s="293">
        <v>1715766</v>
      </c>
      <c r="AD10" s="293">
        <v>1906660</v>
      </c>
      <c r="AE10" s="293">
        <v>2478525</v>
      </c>
      <c r="AF10" s="293">
        <v>1090504</v>
      </c>
      <c r="AG10" s="296">
        <v>8009299</v>
      </c>
      <c r="AH10" s="297">
        <v>8009299</v>
      </c>
      <c r="AI10" s="292">
        <v>0</v>
      </c>
      <c r="AJ10" s="293">
        <v>0</v>
      </c>
      <c r="AK10" s="294">
        <v>0</v>
      </c>
      <c r="AL10" s="298"/>
      <c r="AM10" s="293">
        <v>0</v>
      </c>
      <c r="AN10" s="293">
        <v>0</v>
      </c>
      <c r="AO10" s="293">
        <v>0</v>
      </c>
      <c r="AP10" s="293">
        <v>195380</v>
      </c>
      <c r="AQ10" s="293">
        <v>137350</v>
      </c>
      <c r="AR10" s="296">
        <v>332730</v>
      </c>
      <c r="AS10" s="297">
        <v>332730</v>
      </c>
      <c r="AT10" s="292">
        <v>0</v>
      </c>
      <c r="AU10" s="293">
        <v>0</v>
      </c>
      <c r="AV10" s="294">
        <v>0</v>
      </c>
      <c r="AW10" s="298"/>
      <c r="AX10" s="293">
        <v>0</v>
      </c>
      <c r="AY10" s="293">
        <v>0</v>
      </c>
      <c r="AZ10" s="293">
        <v>32705</v>
      </c>
      <c r="BA10" s="293">
        <v>575545</v>
      </c>
      <c r="BB10" s="293">
        <v>516430</v>
      </c>
      <c r="BC10" s="296">
        <v>1124680</v>
      </c>
      <c r="BD10" s="297">
        <v>1124680</v>
      </c>
      <c r="BE10" s="292">
        <v>0</v>
      </c>
      <c r="BF10" s="293">
        <v>0</v>
      </c>
      <c r="BG10" s="294">
        <v>0</v>
      </c>
      <c r="BH10" s="298"/>
      <c r="BI10" s="293">
        <v>0</v>
      </c>
      <c r="BJ10" s="293">
        <v>24645</v>
      </c>
      <c r="BK10" s="293">
        <v>15385</v>
      </c>
      <c r="BL10" s="293">
        <v>157790</v>
      </c>
      <c r="BM10" s="293">
        <v>95325</v>
      </c>
      <c r="BN10" s="296">
        <v>293145</v>
      </c>
      <c r="BO10" s="297">
        <v>293145</v>
      </c>
      <c r="BP10" s="292">
        <v>0</v>
      </c>
      <c r="BQ10" s="293">
        <v>0</v>
      </c>
      <c r="BR10" s="294">
        <v>0</v>
      </c>
      <c r="BS10" s="295">
        <v>0</v>
      </c>
      <c r="BT10" s="293">
        <v>105344</v>
      </c>
      <c r="BU10" s="293">
        <v>221622</v>
      </c>
      <c r="BV10" s="293">
        <v>424340</v>
      </c>
      <c r="BW10" s="293">
        <v>895710</v>
      </c>
      <c r="BX10" s="293">
        <v>403718</v>
      </c>
      <c r="BY10" s="296">
        <v>2050734</v>
      </c>
      <c r="BZ10" s="297">
        <v>2050734</v>
      </c>
      <c r="CA10" s="292">
        <v>0</v>
      </c>
      <c r="CB10" s="293">
        <v>0</v>
      </c>
      <c r="CC10" s="294">
        <v>0</v>
      </c>
      <c r="CD10" s="295">
        <v>0</v>
      </c>
      <c r="CE10" s="293">
        <v>0</v>
      </c>
      <c r="CF10" s="293">
        <v>0</v>
      </c>
      <c r="CG10" s="293">
        <v>2175</v>
      </c>
      <c r="CH10" s="293">
        <v>1015</v>
      </c>
      <c r="CI10" s="293">
        <v>1885</v>
      </c>
      <c r="CJ10" s="296">
        <v>5075</v>
      </c>
      <c r="CK10" s="297">
        <v>5075</v>
      </c>
      <c r="CL10" s="292">
        <v>0</v>
      </c>
      <c r="CM10" s="293">
        <v>0</v>
      </c>
      <c r="CN10" s="294">
        <v>0</v>
      </c>
      <c r="CO10" s="295">
        <v>0</v>
      </c>
      <c r="CP10" s="293">
        <v>0</v>
      </c>
      <c r="CQ10" s="293">
        <v>0</v>
      </c>
      <c r="CR10" s="293">
        <v>0</v>
      </c>
      <c r="CS10" s="293">
        <v>0</v>
      </c>
      <c r="CT10" s="293">
        <v>0</v>
      </c>
      <c r="CU10" s="296">
        <v>0</v>
      </c>
      <c r="CV10" s="297">
        <v>0</v>
      </c>
      <c r="CW10" s="292">
        <v>0</v>
      </c>
      <c r="CX10" s="293">
        <v>0</v>
      </c>
      <c r="CY10" s="294">
        <v>0</v>
      </c>
      <c r="CZ10" s="298"/>
      <c r="DA10" s="293">
        <v>0</v>
      </c>
      <c r="DB10" s="293">
        <v>0</v>
      </c>
      <c r="DC10" s="293">
        <v>0</v>
      </c>
      <c r="DD10" s="293">
        <v>0</v>
      </c>
      <c r="DE10" s="293">
        <v>0</v>
      </c>
      <c r="DF10" s="296">
        <v>0</v>
      </c>
      <c r="DG10" s="297">
        <v>0</v>
      </c>
      <c r="DH10" s="292">
        <v>0</v>
      </c>
      <c r="DI10" s="293">
        <v>2796</v>
      </c>
      <c r="DJ10" s="294">
        <v>2796</v>
      </c>
      <c r="DK10" s="295">
        <v>0</v>
      </c>
      <c r="DL10" s="293">
        <v>307267</v>
      </c>
      <c r="DM10" s="293">
        <v>1374615</v>
      </c>
      <c r="DN10" s="293">
        <v>9679105</v>
      </c>
      <c r="DO10" s="293">
        <v>14773937</v>
      </c>
      <c r="DP10" s="293">
        <v>8206775</v>
      </c>
      <c r="DQ10" s="296">
        <v>34341699</v>
      </c>
      <c r="DR10" s="299">
        <v>34344495</v>
      </c>
      <c r="DS10" s="292">
        <v>0</v>
      </c>
      <c r="DT10" s="293">
        <v>0</v>
      </c>
      <c r="DU10" s="294">
        <v>0</v>
      </c>
      <c r="DV10" s="298"/>
      <c r="DW10" s="293">
        <v>94798</v>
      </c>
      <c r="DX10" s="293">
        <v>630739</v>
      </c>
      <c r="DY10" s="293">
        <v>8571673</v>
      </c>
      <c r="DZ10" s="293">
        <v>12932366</v>
      </c>
      <c r="EA10" s="293">
        <v>7201989</v>
      </c>
      <c r="EB10" s="296">
        <v>29431565</v>
      </c>
      <c r="EC10" s="297">
        <v>29431565</v>
      </c>
      <c r="ED10" s="292">
        <v>0</v>
      </c>
      <c r="EE10" s="293">
        <v>0</v>
      </c>
      <c r="EF10" s="294">
        <v>0</v>
      </c>
      <c r="EG10" s="298"/>
      <c r="EH10" s="293">
        <v>34160</v>
      </c>
      <c r="EI10" s="293">
        <v>356786</v>
      </c>
      <c r="EJ10" s="293">
        <v>229125</v>
      </c>
      <c r="EK10" s="293">
        <v>332757</v>
      </c>
      <c r="EL10" s="293">
        <v>133641</v>
      </c>
      <c r="EM10" s="296">
        <v>1086469</v>
      </c>
      <c r="EN10" s="297">
        <v>1086469</v>
      </c>
      <c r="EO10" s="292">
        <v>0</v>
      </c>
      <c r="EP10" s="293">
        <v>0</v>
      </c>
      <c r="EQ10" s="294">
        <v>0</v>
      </c>
      <c r="ER10" s="298"/>
      <c r="ES10" s="293">
        <v>0</v>
      </c>
      <c r="ET10" s="293">
        <v>0</v>
      </c>
      <c r="EU10" s="293">
        <v>0</v>
      </c>
      <c r="EV10" s="293">
        <v>34844</v>
      </c>
      <c r="EW10" s="293">
        <v>23157</v>
      </c>
      <c r="EX10" s="296">
        <v>58001</v>
      </c>
      <c r="EY10" s="297">
        <v>58001</v>
      </c>
      <c r="EZ10" s="292">
        <v>0</v>
      </c>
      <c r="FA10" s="293">
        <v>0</v>
      </c>
      <c r="FB10" s="294">
        <v>0</v>
      </c>
      <c r="FC10" s="298"/>
      <c r="FD10" s="293">
        <v>0</v>
      </c>
      <c r="FE10" s="293">
        <v>0</v>
      </c>
      <c r="FF10" s="293">
        <v>231</v>
      </c>
      <c r="FG10" s="293">
        <v>75190</v>
      </c>
      <c r="FH10" s="293">
        <v>92989</v>
      </c>
      <c r="FI10" s="296">
        <v>168410</v>
      </c>
      <c r="FJ10" s="297">
        <v>168410</v>
      </c>
      <c r="FK10" s="292">
        <v>0</v>
      </c>
      <c r="FL10" s="293">
        <v>0</v>
      </c>
      <c r="FM10" s="294">
        <v>0</v>
      </c>
      <c r="FN10" s="298"/>
      <c r="FO10" s="293">
        <v>0</v>
      </c>
      <c r="FP10" s="293">
        <v>21576</v>
      </c>
      <c r="FQ10" s="293">
        <v>122915</v>
      </c>
      <c r="FR10" s="293">
        <v>261020</v>
      </c>
      <c r="FS10" s="293">
        <v>138260</v>
      </c>
      <c r="FT10" s="296">
        <v>543771</v>
      </c>
      <c r="FU10" s="297">
        <v>543771</v>
      </c>
      <c r="FV10" s="292">
        <v>0</v>
      </c>
      <c r="FW10" s="293">
        <v>2796</v>
      </c>
      <c r="FX10" s="294">
        <v>2796</v>
      </c>
      <c r="FY10" s="295">
        <v>0</v>
      </c>
      <c r="FZ10" s="293">
        <v>178309</v>
      </c>
      <c r="GA10" s="293">
        <v>365514</v>
      </c>
      <c r="GB10" s="293">
        <v>749791</v>
      </c>
      <c r="GC10" s="293">
        <v>1137711</v>
      </c>
      <c r="GD10" s="293">
        <v>616648</v>
      </c>
      <c r="GE10" s="296">
        <v>3047973</v>
      </c>
      <c r="GF10" s="297">
        <v>3050769</v>
      </c>
      <c r="GG10" s="292">
        <v>0</v>
      </c>
      <c r="GH10" s="293">
        <v>0</v>
      </c>
      <c r="GI10" s="294">
        <v>0</v>
      </c>
      <c r="GJ10" s="295">
        <v>0</v>
      </c>
      <c r="GK10" s="293">
        <v>0</v>
      </c>
      <c r="GL10" s="293">
        <v>0</v>
      </c>
      <c r="GM10" s="293">
        <v>5370</v>
      </c>
      <c r="GN10" s="293">
        <v>49</v>
      </c>
      <c r="GO10" s="293">
        <v>91</v>
      </c>
      <c r="GP10" s="296">
        <v>5510</v>
      </c>
      <c r="GQ10" s="297">
        <v>5510</v>
      </c>
      <c r="GR10" s="292">
        <v>0</v>
      </c>
      <c r="GS10" s="293">
        <v>0</v>
      </c>
      <c r="GT10" s="294">
        <v>0</v>
      </c>
      <c r="GU10" s="295">
        <v>0</v>
      </c>
      <c r="GV10" s="293">
        <v>0</v>
      </c>
      <c r="GW10" s="293">
        <v>0</v>
      </c>
      <c r="GX10" s="293">
        <v>0</v>
      </c>
      <c r="GY10" s="293">
        <v>0</v>
      </c>
      <c r="GZ10" s="293">
        <v>0</v>
      </c>
      <c r="HA10" s="296">
        <v>0</v>
      </c>
      <c r="HB10" s="297">
        <v>0</v>
      </c>
      <c r="HC10" s="292">
        <v>0</v>
      </c>
      <c r="HD10" s="293">
        <v>0</v>
      </c>
      <c r="HE10" s="294">
        <v>0</v>
      </c>
      <c r="HF10" s="298"/>
      <c r="HG10" s="293">
        <v>0</v>
      </c>
      <c r="HH10" s="293">
        <v>0</v>
      </c>
      <c r="HI10" s="293">
        <v>0</v>
      </c>
      <c r="HJ10" s="293">
        <v>0</v>
      </c>
      <c r="HK10" s="293">
        <v>0</v>
      </c>
      <c r="HL10" s="296">
        <v>0</v>
      </c>
      <c r="HM10" s="297">
        <v>0</v>
      </c>
      <c r="HN10" s="292">
        <v>0</v>
      </c>
      <c r="HO10" s="293">
        <v>2796</v>
      </c>
      <c r="HP10" s="294">
        <v>2796</v>
      </c>
      <c r="HQ10" s="295">
        <v>0</v>
      </c>
      <c r="HR10" s="293">
        <v>1309660</v>
      </c>
      <c r="HS10" s="293">
        <v>3720454</v>
      </c>
      <c r="HT10" s="293">
        <v>18038176</v>
      </c>
      <c r="HU10" s="293">
        <v>28699337</v>
      </c>
      <c r="HV10" s="293">
        <v>16558487</v>
      </c>
      <c r="HW10" s="296">
        <v>68326114</v>
      </c>
      <c r="HX10" s="297">
        <v>68328910</v>
      </c>
    </row>
    <row r="11" spans="1:232" ht="21" customHeight="1" x14ac:dyDescent="0.2">
      <c r="A11" s="498" t="s">
        <v>7</v>
      </c>
      <c r="B11" s="292">
        <v>580</v>
      </c>
      <c r="C11" s="293">
        <v>980</v>
      </c>
      <c r="D11" s="294">
        <v>1560</v>
      </c>
      <c r="E11" s="295">
        <v>0</v>
      </c>
      <c r="F11" s="293">
        <v>1650827</v>
      </c>
      <c r="G11" s="293">
        <v>1941348</v>
      </c>
      <c r="H11" s="293">
        <v>7302307</v>
      </c>
      <c r="I11" s="293">
        <v>9685879</v>
      </c>
      <c r="J11" s="293">
        <v>4628232</v>
      </c>
      <c r="K11" s="296">
        <v>25208593</v>
      </c>
      <c r="L11" s="297">
        <v>25210153</v>
      </c>
      <c r="M11" s="292">
        <v>0</v>
      </c>
      <c r="N11" s="293">
        <v>0</v>
      </c>
      <c r="O11" s="294">
        <v>0</v>
      </c>
      <c r="P11" s="298"/>
      <c r="Q11" s="293">
        <v>177320</v>
      </c>
      <c r="R11" s="293">
        <v>480395</v>
      </c>
      <c r="S11" s="293">
        <v>5016919</v>
      </c>
      <c r="T11" s="293">
        <v>7522162</v>
      </c>
      <c r="U11" s="293">
        <v>4051134</v>
      </c>
      <c r="V11" s="296">
        <v>17247930</v>
      </c>
      <c r="W11" s="297">
        <v>17247930</v>
      </c>
      <c r="X11" s="292">
        <v>0</v>
      </c>
      <c r="Y11" s="293">
        <v>0</v>
      </c>
      <c r="Z11" s="294">
        <v>0</v>
      </c>
      <c r="AA11" s="298"/>
      <c r="AB11" s="293">
        <v>1299086</v>
      </c>
      <c r="AC11" s="293">
        <v>1192147</v>
      </c>
      <c r="AD11" s="293">
        <v>1773661</v>
      </c>
      <c r="AE11" s="293">
        <v>1650914</v>
      </c>
      <c r="AF11" s="293">
        <v>450337</v>
      </c>
      <c r="AG11" s="296">
        <v>6366145</v>
      </c>
      <c r="AH11" s="297">
        <v>6366145</v>
      </c>
      <c r="AI11" s="292">
        <v>0</v>
      </c>
      <c r="AJ11" s="293">
        <v>0</v>
      </c>
      <c r="AK11" s="294">
        <v>0</v>
      </c>
      <c r="AL11" s="298"/>
      <c r="AM11" s="293">
        <v>0</v>
      </c>
      <c r="AN11" s="293">
        <v>0</v>
      </c>
      <c r="AO11" s="293">
        <v>0</v>
      </c>
      <c r="AP11" s="293">
        <v>22265</v>
      </c>
      <c r="AQ11" s="293">
        <v>5270</v>
      </c>
      <c r="AR11" s="296">
        <v>27535</v>
      </c>
      <c r="AS11" s="297">
        <v>27535</v>
      </c>
      <c r="AT11" s="292">
        <v>0</v>
      </c>
      <c r="AU11" s="293">
        <v>0</v>
      </c>
      <c r="AV11" s="294">
        <v>0</v>
      </c>
      <c r="AW11" s="298"/>
      <c r="AX11" s="293">
        <v>0</v>
      </c>
      <c r="AY11" s="293">
        <v>0</v>
      </c>
      <c r="AZ11" s="293">
        <v>0</v>
      </c>
      <c r="BA11" s="293">
        <v>35340</v>
      </c>
      <c r="BB11" s="293">
        <v>0</v>
      </c>
      <c r="BC11" s="296">
        <v>35340</v>
      </c>
      <c r="BD11" s="297">
        <v>35340</v>
      </c>
      <c r="BE11" s="292">
        <v>0</v>
      </c>
      <c r="BF11" s="293">
        <v>0</v>
      </c>
      <c r="BG11" s="294">
        <v>0</v>
      </c>
      <c r="BH11" s="298"/>
      <c r="BI11" s="293">
        <v>0</v>
      </c>
      <c r="BJ11" s="293">
        <v>0</v>
      </c>
      <c r="BK11" s="293">
        <v>0</v>
      </c>
      <c r="BL11" s="293">
        <v>0</v>
      </c>
      <c r="BM11" s="293">
        <v>0</v>
      </c>
      <c r="BN11" s="296">
        <v>0</v>
      </c>
      <c r="BO11" s="297">
        <v>0</v>
      </c>
      <c r="BP11" s="292">
        <v>580</v>
      </c>
      <c r="BQ11" s="293">
        <v>980</v>
      </c>
      <c r="BR11" s="294">
        <v>1560</v>
      </c>
      <c r="BS11" s="295">
        <v>0</v>
      </c>
      <c r="BT11" s="293">
        <v>174421</v>
      </c>
      <c r="BU11" s="293">
        <v>260876</v>
      </c>
      <c r="BV11" s="293">
        <v>492047</v>
      </c>
      <c r="BW11" s="293">
        <v>451385</v>
      </c>
      <c r="BX11" s="293">
        <v>121491</v>
      </c>
      <c r="BY11" s="296">
        <v>1500220</v>
      </c>
      <c r="BZ11" s="297">
        <v>1501780</v>
      </c>
      <c r="CA11" s="292">
        <v>0</v>
      </c>
      <c r="CB11" s="293">
        <v>0</v>
      </c>
      <c r="CC11" s="294">
        <v>0</v>
      </c>
      <c r="CD11" s="295">
        <v>0</v>
      </c>
      <c r="CE11" s="293">
        <v>0</v>
      </c>
      <c r="CF11" s="293">
        <v>7930</v>
      </c>
      <c r="CG11" s="293">
        <v>19680</v>
      </c>
      <c r="CH11" s="293">
        <v>3813</v>
      </c>
      <c r="CI11" s="293">
        <v>0</v>
      </c>
      <c r="CJ11" s="296">
        <v>31423</v>
      </c>
      <c r="CK11" s="297">
        <v>31423</v>
      </c>
      <c r="CL11" s="292">
        <v>0</v>
      </c>
      <c r="CM11" s="293">
        <v>0</v>
      </c>
      <c r="CN11" s="294">
        <v>0</v>
      </c>
      <c r="CO11" s="295">
        <v>0</v>
      </c>
      <c r="CP11" s="293">
        <v>0</v>
      </c>
      <c r="CQ11" s="293">
        <v>0</v>
      </c>
      <c r="CR11" s="293">
        <v>0</v>
      </c>
      <c r="CS11" s="293">
        <v>0</v>
      </c>
      <c r="CT11" s="293">
        <v>0</v>
      </c>
      <c r="CU11" s="296">
        <v>0</v>
      </c>
      <c r="CV11" s="297">
        <v>0</v>
      </c>
      <c r="CW11" s="292">
        <v>0</v>
      </c>
      <c r="CX11" s="293">
        <v>0</v>
      </c>
      <c r="CY11" s="294">
        <v>0</v>
      </c>
      <c r="CZ11" s="298"/>
      <c r="DA11" s="293">
        <v>0</v>
      </c>
      <c r="DB11" s="293">
        <v>0</v>
      </c>
      <c r="DC11" s="293">
        <v>0</v>
      </c>
      <c r="DD11" s="293">
        <v>0</v>
      </c>
      <c r="DE11" s="293">
        <v>0</v>
      </c>
      <c r="DF11" s="296">
        <v>0</v>
      </c>
      <c r="DG11" s="297">
        <v>0</v>
      </c>
      <c r="DH11" s="292">
        <v>3480</v>
      </c>
      <c r="DI11" s="293">
        <v>4212</v>
      </c>
      <c r="DJ11" s="294">
        <v>7692</v>
      </c>
      <c r="DK11" s="295">
        <v>0</v>
      </c>
      <c r="DL11" s="293">
        <v>614189</v>
      </c>
      <c r="DM11" s="293">
        <v>1259998</v>
      </c>
      <c r="DN11" s="293">
        <v>7052227</v>
      </c>
      <c r="DO11" s="293">
        <v>9583912</v>
      </c>
      <c r="DP11" s="293">
        <v>4943646</v>
      </c>
      <c r="DQ11" s="296">
        <v>23453972</v>
      </c>
      <c r="DR11" s="299">
        <v>23461664</v>
      </c>
      <c r="DS11" s="292">
        <v>0</v>
      </c>
      <c r="DT11" s="293">
        <v>0</v>
      </c>
      <c r="DU11" s="294">
        <v>0</v>
      </c>
      <c r="DV11" s="298"/>
      <c r="DW11" s="293">
        <v>212102</v>
      </c>
      <c r="DX11" s="293">
        <v>646300</v>
      </c>
      <c r="DY11" s="293">
        <v>6094762</v>
      </c>
      <c r="DZ11" s="293">
        <v>8665268</v>
      </c>
      <c r="EA11" s="293">
        <v>4672325</v>
      </c>
      <c r="EB11" s="296">
        <v>20290757</v>
      </c>
      <c r="EC11" s="297">
        <v>20290757</v>
      </c>
      <c r="ED11" s="292">
        <v>0</v>
      </c>
      <c r="EE11" s="293">
        <v>0</v>
      </c>
      <c r="EF11" s="294">
        <v>0</v>
      </c>
      <c r="EG11" s="298"/>
      <c r="EH11" s="293">
        <v>149572</v>
      </c>
      <c r="EI11" s="293">
        <v>162112</v>
      </c>
      <c r="EJ11" s="293">
        <v>260541</v>
      </c>
      <c r="EK11" s="293">
        <v>327838</v>
      </c>
      <c r="EL11" s="293">
        <v>96903</v>
      </c>
      <c r="EM11" s="296">
        <v>996966</v>
      </c>
      <c r="EN11" s="297">
        <v>996966</v>
      </c>
      <c r="EO11" s="292">
        <v>0</v>
      </c>
      <c r="EP11" s="293">
        <v>0</v>
      </c>
      <c r="EQ11" s="294">
        <v>0</v>
      </c>
      <c r="ER11" s="298"/>
      <c r="ES11" s="293">
        <v>0</v>
      </c>
      <c r="ET11" s="293">
        <v>0</v>
      </c>
      <c r="EU11" s="293">
        <v>0</v>
      </c>
      <c r="EV11" s="293">
        <v>217</v>
      </c>
      <c r="EW11" s="293">
        <v>434</v>
      </c>
      <c r="EX11" s="296">
        <v>651</v>
      </c>
      <c r="EY11" s="297">
        <v>651</v>
      </c>
      <c r="EZ11" s="292">
        <v>0</v>
      </c>
      <c r="FA11" s="293">
        <v>0</v>
      </c>
      <c r="FB11" s="294">
        <v>0</v>
      </c>
      <c r="FC11" s="298"/>
      <c r="FD11" s="293">
        <v>0</v>
      </c>
      <c r="FE11" s="293">
        <v>0</v>
      </c>
      <c r="FF11" s="293">
        <v>0</v>
      </c>
      <c r="FG11" s="293">
        <v>434</v>
      </c>
      <c r="FH11" s="293">
        <v>0</v>
      </c>
      <c r="FI11" s="296">
        <v>434</v>
      </c>
      <c r="FJ11" s="297">
        <v>434</v>
      </c>
      <c r="FK11" s="292">
        <v>0</v>
      </c>
      <c r="FL11" s="293">
        <v>0</v>
      </c>
      <c r="FM11" s="294">
        <v>0</v>
      </c>
      <c r="FN11" s="298"/>
      <c r="FO11" s="293">
        <v>0</v>
      </c>
      <c r="FP11" s="293">
        <v>0</v>
      </c>
      <c r="FQ11" s="293">
        <v>0</v>
      </c>
      <c r="FR11" s="293">
        <v>0</v>
      </c>
      <c r="FS11" s="293">
        <v>0</v>
      </c>
      <c r="FT11" s="296">
        <v>0</v>
      </c>
      <c r="FU11" s="297">
        <v>0</v>
      </c>
      <c r="FV11" s="292">
        <v>3480</v>
      </c>
      <c r="FW11" s="293">
        <v>4212</v>
      </c>
      <c r="FX11" s="294">
        <v>7692</v>
      </c>
      <c r="FY11" s="295">
        <v>0</v>
      </c>
      <c r="FZ11" s="293">
        <v>252515</v>
      </c>
      <c r="GA11" s="293">
        <v>451236</v>
      </c>
      <c r="GB11" s="293">
        <v>692278</v>
      </c>
      <c r="GC11" s="293">
        <v>589952</v>
      </c>
      <c r="GD11" s="293">
        <v>173984</v>
      </c>
      <c r="GE11" s="296">
        <v>2159965</v>
      </c>
      <c r="GF11" s="297">
        <v>2167657</v>
      </c>
      <c r="GG11" s="292">
        <v>0</v>
      </c>
      <c r="GH11" s="293">
        <v>0</v>
      </c>
      <c r="GI11" s="294">
        <v>0</v>
      </c>
      <c r="GJ11" s="295">
        <v>0</v>
      </c>
      <c r="GK11" s="293">
        <v>0</v>
      </c>
      <c r="GL11" s="293">
        <v>350</v>
      </c>
      <c r="GM11" s="293">
        <v>4646</v>
      </c>
      <c r="GN11" s="293">
        <v>203</v>
      </c>
      <c r="GO11" s="293">
        <v>0</v>
      </c>
      <c r="GP11" s="296">
        <v>5199</v>
      </c>
      <c r="GQ11" s="297">
        <v>5199</v>
      </c>
      <c r="GR11" s="292">
        <v>0</v>
      </c>
      <c r="GS11" s="293">
        <v>0</v>
      </c>
      <c r="GT11" s="294">
        <v>0</v>
      </c>
      <c r="GU11" s="295">
        <v>0</v>
      </c>
      <c r="GV11" s="293">
        <v>0</v>
      </c>
      <c r="GW11" s="293">
        <v>0</v>
      </c>
      <c r="GX11" s="293">
        <v>0</v>
      </c>
      <c r="GY11" s="293">
        <v>0</v>
      </c>
      <c r="GZ11" s="293">
        <v>0</v>
      </c>
      <c r="HA11" s="296">
        <v>0</v>
      </c>
      <c r="HB11" s="297">
        <v>0</v>
      </c>
      <c r="HC11" s="292">
        <v>0</v>
      </c>
      <c r="HD11" s="293">
        <v>0</v>
      </c>
      <c r="HE11" s="294">
        <v>0</v>
      </c>
      <c r="HF11" s="298"/>
      <c r="HG11" s="293">
        <v>0</v>
      </c>
      <c r="HH11" s="293">
        <v>0</v>
      </c>
      <c r="HI11" s="293">
        <v>0</v>
      </c>
      <c r="HJ11" s="293">
        <v>0</v>
      </c>
      <c r="HK11" s="293">
        <v>0</v>
      </c>
      <c r="HL11" s="296">
        <v>0</v>
      </c>
      <c r="HM11" s="297">
        <v>0</v>
      </c>
      <c r="HN11" s="292">
        <v>4060</v>
      </c>
      <c r="HO11" s="293">
        <v>5192</v>
      </c>
      <c r="HP11" s="294">
        <v>9252</v>
      </c>
      <c r="HQ11" s="295">
        <v>0</v>
      </c>
      <c r="HR11" s="293">
        <v>2265016</v>
      </c>
      <c r="HS11" s="293">
        <v>3201346</v>
      </c>
      <c r="HT11" s="293">
        <v>14354534</v>
      </c>
      <c r="HU11" s="293">
        <v>19269791</v>
      </c>
      <c r="HV11" s="293">
        <v>9571878</v>
      </c>
      <c r="HW11" s="296">
        <v>48662565</v>
      </c>
      <c r="HX11" s="297">
        <v>48671817</v>
      </c>
    </row>
    <row r="12" spans="1:232" ht="21" customHeight="1" x14ac:dyDescent="0.2">
      <c r="A12" s="498" t="s">
        <v>8</v>
      </c>
      <c r="B12" s="292">
        <v>3760</v>
      </c>
      <c r="C12" s="293">
        <v>4845</v>
      </c>
      <c r="D12" s="294">
        <v>8605</v>
      </c>
      <c r="E12" s="295">
        <v>0</v>
      </c>
      <c r="F12" s="293">
        <v>588474</v>
      </c>
      <c r="G12" s="293">
        <v>1241836</v>
      </c>
      <c r="H12" s="293">
        <v>4759419</v>
      </c>
      <c r="I12" s="293">
        <v>4301820</v>
      </c>
      <c r="J12" s="293">
        <v>2927647</v>
      </c>
      <c r="K12" s="296">
        <v>13819196</v>
      </c>
      <c r="L12" s="297">
        <v>13827801</v>
      </c>
      <c r="M12" s="292">
        <v>0</v>
      </c>
      <c r="N12" s="293">
        <v>0</v>
      </c>
      <c r="O12" s="294">
        <v>0</v>
      </c>
      <c r="P12" s="298"/>
      <c r="Q12" s="293">
        <v>239165</v>
      </c>
      <c r="R12" s="293">
        <v>305795</v>
      </c>
      <c r="S12" s="293">
        <v>3336189</v>
      </c>
      <c r="T12" s="293">
        <v>3344112</v>
      </c>
      <c r="U12" s="293">
        <v>2324425</v>
      </c>
      <c r="V12" s="296">
        <v>9549686</v>
      </c>
      <c r="W12" s="297">
        <v>9549686</v>
      </c>
      <c r="X12" s="292">
        <v>0</v>
      </c>
      <c r="Y12" s="293">
        <v>0</v>
      </c>
      <c r="Z12" s="294">
        <v>0</v>
      </c>
      <c r="AA12" s="298"/>
      <c r="AB12" s="293">
        <v>240915</v>
      </c>
      <c r="AC12" s="293">
        <v>777516</v>
      </c>
      <c r="AD12" s="293">
        <v>1014225</v>
      </c>
      <c r="AE12" s="293">
        <v>555855</v>
      </c>
      <c r="AF12" s="293">
        <v>401685</v>
      </c>
      <c r="AG12" s="296">
        <v>2990196</v>
      </c>
      <c r="AH12" s="297">
        <v>2990196</v>
      </c>
      <c r="AI12" s="292">
        <v>0</v>
      </c>
      <c r="AJ12" s="293">
        <v>0</v>
      </c>
      <c r="AK12" s="294">
        <v>0</v>
      </c>
      <c r="AL12" s="298"/>
      <c r="AM12" s="293">
        <v>0</v>
      </c>
      <c r="AN12" s="293">
        <v>0</v>
      </c>
      <c r="AO12" s="293">
        <v>0</v>
      </c>
      <c r="AP12" s="293">
        <v>0</v>
      </c>
      <c r="AQ12" s="293">
        <v>0</v>
      </c>
      <c r="AR12" s="296">
        <v>0</v>
      </c>
      <c r="AS12" s="297">
        <v>0</v>
      </c>
      <c r="AT12" s="292">
        <v>0</v>
      </c>
      <c r="AU12" s="293">
        <v>0</v>
      </c>
      <c r="AV12" s="294">
        <v>0</v>
      </c>
      <c r="AW12" s="298"/>
      <c r="AX12" s="293">
        <v>35495</v>
      </c>
      <c r="AY12" s="293">
        <v>0</v>
      </c>
      <c r="AZ12" s="293">
        <v>32705</v>
      </c>
      <c r="BA12" s="293">
        <v>56805</v>
      </c>
      <c r="BB12" s="293">
        <v>70835</v>
      </c>
      <c r="BC12" s="296">
        <v>195840</v>
      </c>
      <c r="BD12" s="297">
        <v>195840</v>
      </c>
      <c r="BE12" s="292">
        <v>0</v>
      </c>
      <c r="BF12" s="293">
        <v>0</v>
      </c>
      <c r="BG12" s="294">
        <v>0</v>
      </c>
      <c r="BH12" s="298"/>
      <c r="BI12" s="293">
        <v>0</v>
      </c>
      <c r="BJ12" s="293">
        <v>2635</v>
      </c>
      <c r="BK12" s="293">
        <v>48515</v>
      </c>
      <c r="BL12" s="293">
        <v>190650</v>
      </c>
      <c r="BM12" s="293">
        <v>75950</v>
      </c>
      <c r="BN12" s="296">
        <v>317750</v>
      </c>
      <c r="BO12" s="297">
        <v>317750</v>
      </c>
      <c r="BP12" s="292">
        <v>3760</v>
      </c>
      <c r="BQ12" s="293">
        <v>4845</v>
      </c>
      <c r="BR12" s="294">
        <v>8605</v>
      </c>
      <c r="BS12" s="295">
        <v>0</v>
      </c>
      <c r="BT12" s="293">
        <v>72899</v>
      </c>
      <c r="BU12" s="293">
        <v>155890</v>
      </c>
      <c r="BV12" s="293">
        <v>324065</v>
      </c>
      <c r="BW12" s="293">
        <v>154398</v>
      </c>
      <c r="BX12" s="293">
        <v>54752</v>
      </c>
      <c r="BY12" s="296">
        <v>762004</v>
      </c>
      <c r="BZ12" s="297">
        <v>770609</v>
      </c>
      <c r="CA12" s="292">
        <v>0</v>
      </c>
      <c r="CB12" s="293">
        <v>0</v>
      </c>
      <c r="CC12" s="294">
        <v>0</v>
      </c>
      <c r="CD12" s="295">
        <v>0</v>
      </c>
      <c r="CE12" s="293">
        <v>0</v>
      </c>
      <c r="CF12" s="293">
        <v>0</v>
      </c>
      <c r="CG12" s="293">
        <v>3720</v>
      </c>
      <c r="CH12" s="293">
        <v>0</v>
      </c>
      <c r="CI12" s="293">
        <v>0</v>
      </c>
      <c r="CJ12" s="296">
        <v>3720</v>
      </c>
      <c r="CK12" s="297">
        <v>3720</v>
      </c>
      <c r="CL12" s="292">
        <v>0</v>
      </c>
      <c r="CM12" s="293">
        <v>0</v>
      </c>
      <c r="CN12" s="294">
        <v>0</v>
      </c>
      <c r="CO12" s="295">
        <v>0</v>
      </c>
      <c r="CP12" s="293">
        <v>0</v>
      </c>
      <c r="CQ12" s="293">
        <v>0</v>
      </c>
      <c r="CR12" s="293">
        <v>0</v>
      </c>
      <c r="CS12" s="293">
        <v>0</v>
      </c>
      <c r="CT12" s="293">
        <v>0</v>
      </c>
      <c r="CU12" s="296">
        <v>0</v>
      </c>
      <c r="CV12" s="297">
        <v>0</v>
      </c>
      <c r="CW12" s="292">
        <v>0</v>
      </c>
      <c r="CX12" s="293">
        <v>0</v>
      </c>
      <c r="CY12" s="294">
        <v>0</v>
      </c>
      <c r="CZ12" s="298"/>
      <c r="DA12" s="293">
        <v>0</v>
      </c>
      <c r="DB12" s="293">
        <v>0</v>
      </c>
      <c r="DC12" s="293">
        <v>0</v>
      </c>
      <c r="DD12" s="293">
        <v>0</v>
      </c>
      <c r="DE12" s="293">
        <v>0</v>
      </c>
      <c r="DF12" s="296">
        <v>0</v>
      </c>
      <c r="DG12" s="297">
        <v>0</v>
      </c>
      <c r="DH12" s="292">
        <v>6264</v>
      </c>
      <c r="DI12" s="293">
        <v>7012</v>
      </c>
      <c r="DJ12" s="294">
        <v>13276</v>
      </c>
      <c r="DK12" s="295">
        <v>0</v>
      </c>
      <c r="DL12" s="293">
        <v>505571</v>
      </c>
      <c r="DM12" s="293">
        <v>1106090</v>
      </c>
      <c r="DN12" s="293">
        <v>5324311</v>
      </c>
      <c r="DO12" s="293">
        <v>5513122</v>
      </c>
      <c r="DP12" s="293">
        <v>3324730</v>
      </c>
      <c r="DQ12" s="296">
        <v>15773824</v>
      </c>
      <c r="DR12" s="299">
        <v>15787100</v>
      </c>
      <c r="DS12" s="292">
        <v>0</v>
      </c>
      <c r="DT12" s="293">
        <v>0</v>
      </c>
      <c r="DU12" s="294">
        <v>0</v>
      </c>
      <c r="DV12" s="298"/>
      <c r="DW12" s="293">
        <v>337745</v>
      </c>
      <c r="DX12" s="293">
        <v>730052</v>
      </c>
      <c r="DY12" s="293">
        <v>4422620</v>
      </c>
      <c r="DZ12" s="293">
        <v>4790527</v>
      </c>
      <c r="EA12" s="293">
        <v>3015000</v>
      </c>
      <c r="EB12" s="296">
        <v>13295944</v>
      </c>
      <c r="EC12" s="297">
        <v>13295944</v>
      </c>
      <c r="ED12" s="292">
        <v>0</v>
      </c>
      <c r="EE12" s="293">
        <v>0</v>
      </c>
      <c r="EF12" s="294">
        <v>0</v>
      </c>
      <c r="EG12" s="298"/>
      <c r="EH12" s="293">
        <v>46024</v>
      </c>
      <c r="EI12" s="293">
        <v>92286</v>
      </c>
      <c r="EJ12" s="293">
        <v>73391</v>
      </c>
      <c r="EK12" s="293">
        <v>61443</v>
      </c>
      <c r="EL12" s="293">
        <v>28471</v>
      </c>
      <c r="EM12" s="296">
        <v>301615</v>
      </c>
      <c r="EN12" s="297">
        <v>301615</v>
      </c>
      <c r="EO12" s="292">
        <v>0</v>
      </c>
      <c r="EP12" s="293">
        <v>0</v>
      </c>
      <c r="EQ12" s="294">
        <v>0</v>
      </c>
      <c r="ER12" s="298"/>
      <c r="ES12" s="293">
        <v>0</v>
      </c>
      <c r="ET12" s="293">
        <v>0</v>
      </c>
      <c r="EU12" s="293">
        <v>0</v>
      </c>
      <c r="EV12" s="293">
        <v>0</v>
      </c>
      <c r="EW12" s="293">
        <v>0</v>
      </c>
      <c r="EX12" s="296">
        <v>0</v>
      </c>
      <c r="EY12" s="297">
        <v>0</v>
      </c>
      <c r="EZ12" s="292">
        <v>0</v>
      </c>
      <c r="FA12" s="293">
        <v>0</v>
      </c>
      <c r="FB12" s="294">
        <v>0</v>
      </c>
      <c r="FC12" s="298"/>
      <c r="FD12" s="293">
        <v>11687</v>
      </c>
      <c r="FE12" s="293">
        <v>0</v>
      </c>
      <c r="FF12" s="293">
        <v>217</v>
      </c>
      <c r="FG12" s="293">
        <v>651</v>
      </c>
      <c r="FH12" s="293">
        <v>12121</v>
      </c>
      <c r="FI12" s="296">
        <v>24676</v>
      </c>
      <c r="FJ12" s="297">
        <v>24676</v>
      </c>
      <c r="FK12" s="292">
        <v>0</v>
      </c>
      <c r="FL12" s="293">
        <v>0</v>
      </c>
      <c r="FM12" s="294">
        <v>0</v>
      </c>
      <c r="FN12" s="298"/>
      <c r="FO12" s="293">
        <v>0</v>
      </c>
      <c r="FP12" s="293">
        <v>21576</v>
      </c>
      <c r="FQ12" s="293">
        <v>166222</v>
      </c>
      <c r="FR12" s="293">
        <v>276520</v>
      </c>
      <c r="FS12" s="293">
        <v>159836</v>
      </c>
      <c r="FT12" s="296">
        <v>624154</v>
      </c>
      <c r="FU12" s="297">
        <v>624154</v>
      </c>
      <c r="FV12" s="292">
        <v>6264</v>
      </c>
      <c r="FW12" s="293">
        <v>7012</v>
      </c>
      <c r="FX12" s="294">
        <v>13276</v>
      </c>
      <c r="FY12" s="295">
        <v>0</v>
      </c>
      <c r="FZ12" s="293">
        <v>110115</v>
      </c>
      <c r="GA12" s="293">
        <v>262176</v>
      </c>
      <c r="GB12" s="293">
        <v>660261</v>
      </c>
      <c r="GC12" s="293">
        <v>383939</v>
      </c>
      <c r="GD12" s="293">
        <v>109302</v>
      </c>
      <c r="GE12" s="296">
        <v>1525793</v>
      </c>
      <c r="GF12" s="297">
        <v>1539069</v>
      </c>
      <c r="GG12" s="292">
        <v>0</v>
      </c>
      <c r="GH12" s="293">
        <v>0</v>
      </c>
      <c r="GI12" s="294">
        <v>0</v>
      </c>
      <c r="GJ12" s="295">
        <v>0</v>
      </c>
      <c r="GK12" s="293">
        <v>0</v>
      </c>
      <c r="GL12" s="293">
        <v>0</v>
      </c>
      <c r="GM12" s="293">
        <v>1600</v>
      </c>
      <c r="GN12" s="293">
        <v>42</v>
      </c>
      <c r="GO12" s="293">
        <v>0</v>
      </c>
      <c r="GP12" s="296">
        <v>1642</v>
      </c>
      <c r="GQ12" s="297">
        <v>1642</v>
      </c>
      <c r="GR12" s="292">
        <v>0</v>
      </c>
      <c r="GS12" s="293">
        <v>0</v>
      </c>
      <c r="GT12" s="294">
        <v>0</v>
      </c>
      <c r="GU12" s="295">
        <v>0</v>
      </c>
      <c r="GV12" s="293">
        <v>0</v>
      </c>
      <c r="GW12" s="293">
        <v>0</v>
      </c>
      <c r="GX12" s="293">
        <v>0</v>
      </c>
      <c r="GY12" s="293">
        <v>0</v>
      </c>
      <c r="GZ12" s="293">
        <v>0</v>
      </c>
      <c r="HA12" s="296">
        <v>0</v>
      </c>
      <c r="HB12" s="297">
        <v>0</v>
      </c>
      <c r="HC12" s="292">
        <v>0</v>
      </c>
      <c r="HD12" s="293">
        <v>0</v>
      </c>
      <c r="HE12" s="294">
        <v>0</v>
      </c>
      <c r="HF12" s="298"/>
      <c r="HG12" s="293">
        <v>0</v>
      </c>
      <c r="HH12" s="293">
        <v>0</v>
      </c>
      <c r="HI12" s="293">
        <v>0</v>
      </c>
      <c r="HJ12" s="293">
        <v>0</v>
      </c>
      <c r="HK12" s="293">
        <v>0</v>
      </c>
      <c r="HL12" s="296">
        <v>0</v>
      </c>
      <c r="HM12" s="297">
        <v>0</v>
      </c>
      <c r="HN12" s="292">
        <v>10024</v>
      </c>
      <c r="HO12" s="293">
        <v>11857</v>
      </c>
      <c r="HP12" s="294">
        <v>21881</v>
      </c>
      <c r="HQ12" s="295">
        <v>0</v>
      </c>
      <c r="HR12" s="293">
        <v>1094045</v>
      </c>
      <c r="HS12" s="293">
        <v>2347926</v>
      </c>
      <c r="HT12" s="293">
        <v>10083730</v>
      </c>
      <c r="HU12" s="293">
        <v>9814942</v>
      </c>
      <c r="HV12" s="293">
        <v>6252377</v>
      </c>
      <c r="HW12" s="296">
        <v>29593020</v>
      </c>
      <c r="HX12" s="297">
        <v>29614901</v>
      </c>
    </row>
    <row r="13" spans="1:232" ht="21" customHeight="1" x14ac:dyDescent="0.2">
      <c r="A13" s="498" t="s">
        <v>9</v>
      </c>
      <c r="B13" s="292">
        <v>1190</v>
      </c>
      <c r="C13" s="293">
        <v>175</v>
      </c>
      <c r="D13" s="294">
        <v>1365</v>
      </c>
      <c r="E13" s="295">
        <v>0</v>
      </c>
      <c r="F13" s="293">
        <v>216704</v>
      </c>
      <c r="G13" s="293">
        <v>439134</v>
      </c>
      <c r="H13" s="293">
        <v>2106084</v>
      </c>
      <c r="I13" s="293">
        <v>2551332</v>
      </c>
      <c r="J13" s="293">
        <v>1726075</v>
      </c>
      <c r="K13" s="296">
        <v>7039329</v>
      </c>
      <c r="L13" s="297">
        <v>7040694</v>
      </c>
      <c r="M13" s="292">
        <v>0</v>
      </c>
      <c r="N13" s="293">
        <v>0</v>
      </c>
      <c r="O13" s="294">
        <v>0</v>
      </c>
      <c r="P13" s="298"/>
      <c r="Q13" s="293">
        <v>70595</v>
      </c>
      <c r="R13" s="293">
        <v>97585</v>
      </c>
      <c r="S13" s="293">
        <v>1439984</v>
      </c>
      <c r="T13" s="293">
        <v>1884267</v>
      </c>
      <c r="U13" s="293">
        <v>1453295</v>
      </c>
      <c r="V13" s="296">
        <v>4945726</v>
      </c>
      <c r="W13" s="297">
        <v>4945726</v>
      </c>
      <c r="X13" s="292">
        <v>0</v>
      </c>
      <c r="Y13" s="293">
        <v>0</v>
      </c>
      <c r="Z13" s="294">
        <v>0</v>
      </c>
      <c r="AA13" s="298"/>
      <c r="AB13" s="293">
        <v>135439</v>
      </c>
      <c r="AC13" s="293">
        <v>180522</v>
      </c>
      <c r="AD13" s="293">
        <v>460610</v>
      </c>
      <c r="AE13" s="293">
        <v>554602</v>
      </c>
      <c r="AF13" s="293">
        <v>215295</v>
      </c>
      <c r="AG13" s="296">
        <v>1546468</v>
      </c>
      <c r="AH13" s="297">
        <v>1546468</v>
      </c>
      <c r="AI13" s="292">
        <v>0</v>
      </c>
      <c r="AJ13" s="293">
        <v>0</v>
      </c>
      <c r="AK13" s="294">
        <v>0</v>
      </c>
      <c r="AL13" s="298"/>
      <c r="AM13" s="293">
        <v>0</v>
      </c>
      <c r="AN13" s="293">
        <v>0</v>
      </c>
      <c r="AO13" s="293">
        <v>0</v>
      </c>
      <c r="AP13" s="293">
        <v>2635</v>
      </c>
      <c r="AQ13" s="293">
        <v>0</v>
      </c>
      <c r="AR13" s="296">
        <v>2635</v>
      </c>
      <c r="AS13" s="297">
        <v>2635</v>
      </c>
      <c r="AT13" s="292">
        <v>0</v>
      </c>
      <c r="AU13" s="293">
        <v>0</v>
      </c>
      <c r="AV13" s="294">
        <v>0</v>
      </c>
      <c r="AW13" s="298"/>
      <c r="AX13" s="293">
        <v>0</v>
      </c>
      <c r="AY13" s="293">
        <v>0</v>
      </c>
      <c r="AZ13" s="293">
        <v>0</v>
      </c>
      <c r="BA13" s="293">
        <v>0</v>
      </c>
      <c r="BB13" s="293">
        <v>7905</v>
      </c>
      <c r="BC13" s="296">
        <v>7905</v>
      </c>
      <c r="BD13" s="297">
        <v>7905</v>
      </c>
      <c r="BE13" s="292">
        <v>0</v>
      </c>
      <c r="BF13" s="293">
        <v>0</v>
      </c>
      <c r="BG13" s="294">
        <v>0</v>
      </c>
      <c r="BH13" s="298"/>
      <c r="BI13" s="293">
        <v>0</v>
      </c>
      <c r="BJ13" s="293">
        <v>0</v>
      </c>
      <c r="BK13" s="293">
        <v>0</v>
      </c>
      <c r="BL13" s="293">
        <v>24645</v>
      </c>
      <c r="BM13" s="293">
        <v>0</v>
      </c>
      <c r="BN13" s="296">
        <v>24645</v>
      </c>
      <c r="BO13" s="297">
        <v>24645</v>
      </c>
      <c r="BP13" s="292">
        <v>1190</v>
      </c>
      <c r="BQ13" s="293">
        <v>175</v>
      </c>
      <c r="BR13" s="294">
        <v>1365</v>
      </c>
      <c r="BS13" s="295">
        <v>0</v>
      </c>
      <c r="BT13" s="293">
        <v>7780</v>
      </c>
      <c r="BU13" s="293">
        <v>160832</v>
      </c>
      <c r="BV13" s="293">
        <v>202107</v>
      </c>
      <c r="BW13" s="293">
        <v>76515</v>
      </c>
      <c r="BX13" s="293">
        <v>45735</v>
      </c>
      <c r="BY13" s="296">
        <v>492969</v>
      </c>
      <c r="BZ13" s="297">
        <v>494334</v>
      </c>
      <c r="CA13" s="292">
        <v>0</v>
      </c>
      <c r="CB13" s="293">
        <v>0</v>
      </c>
      <c r="CC13" s="294">
        <v>0</v>
      </c>
      <c r="CD13" s="295">
        <v>0</v>
      </c>
      <c r="CE13" s="293">
        <v>2890</v>
      </c>
      <c r="CF13" s="293">
        <v>195</v>
      </c>
      <c r="CG13" s="293">
        <v>3383</v>
      </c>
      <c r="CH13" s="293">
        <v>8668</v>
      </c>
      <c r="CI13" s="293">
        <v>3845</v>
      </c>
      <c r="CJ13" s="296">
        <v>18981</v>
      </c>
      <c r="CK13" s="297">
        <v>18981</v>
      </c>
      <c r="CL13" s="292">
        <v>0</v>
      </c>
      <c r="CM13" s="293">
        <v>0</v>
      </c>
      <c r="CN13" s="294">
        <v>0</v>
      </c>
      <c r="CO13" s="295">
        <v>0</v>
      </c>
      <c r="CP13" s="293">
        <v>0</v>
      </c>
      <c r="CQ13" s="293">
        <v>0</v>
      </c>
      <c r="CR13" s="293">
        <v>0</v>
      </c>
      <c r="CS13" s="293">
        <v>0</v>
      </c>
      <c r="CT13" s="293">
        <v>0</v>
      </c>
      <c r="CU13" s="296">
        <v>0</v>
      </c>
      <c r="CV13" s="297">
        <v>0</v>
      </c>
      <c r="CW13" s="292">
        <v>0</v>
      </c>
      <c r="CX13" s="293">
        <v>0</v>
      </c>
      <c r="CY13" s="294">
        <v>0</v>
      </c>
      <c r="CZ13" s="298"/>
      <c r="DA13" s="293">
        <v>0</v>
      </c>
      <c r="DB13" s="293">
        <v>0</v>
      </c>
      <c r="DC13" s="293">
        <v>0</v>
      </c>
      <c r="DD13" s="293">
        <v>0</v>
      </c>
      <c r="DE13" s="293">
        <v>0</v>
      </c>
      <c r="DF13" s="296">
        <v>0</v>
      </c>
      <c r="DG13" s="297">
        <v>0</v>
      </c>
      <c r="DH13" s="292">
        <v>970</v>
      </c>
      <c r="DI13" s="293">
        <v>2088</v>
      </c>
      <c r="DJ13" s="294">
        <v>3058</v>
      </c>
      <c r="DK13" s="295">
        <v>0</v>
      </c>
      <c r="DL13" s="293">
        <v>162589</v>
      </c>
      <c r="DM13" s="293">
        <v>388624</v>
      </c>
      <c r="DN13" s="293">
        <v>2231627</v>
      </c>
      <c r="DO13" s="293">
        <v>2819285</v>
      </c>
      <c r="DP13" s="293">
        <v>2135434</v>
      </c>
      <c r="DQ13" s="296">
        <v>7737559</v>
      </c>
      <c r="DR13" s="299">
        <v>7740617</v>
      </c>
      <c r="DS13" s="292">
        <v>0</v>
      </c>
      <c r="DT13" s="293">
        <v>0</v>
      </c>
      <c r="DU13" s="294">
        <v>0</v>
      </c>
      <c r="DV13" s="298"/>
      <c r="DW13" s="293">
        <v>94488</v>
      </c>
      <c r="DX13" s="293">
        <v>128316</v>
      </c>
      <c r="DY13" s="293">
        <v>1880924</v>
      </c>
      <c r="DZ13" s="293">
        <v>2576679</v>
      </c>
      <c r="EA13" s="293">
        <v>1993279</v>
      </c>
      <c r="EB13" s="296">
        <v>6673686</v>
      </c>
      <c r="EC13" s="297">
        <v>6673686</v>
      </c>
      <c r="ED13" s="292">
        <v>0</v>
      </c>
      <c r="EE13" s="293">
        <v>0</v>
      </c>
      <c r="EF13" s="294">
        <v>0</v>
      </c>
      <c r="EG13" s="298"/>
      <c r="EH13" s="293">
        <v>34782</v>
      </c>
      <c r="EI13" s="293">
        <v>39395</v>
      </c>
      <c r="EJ13" s="293">
        <v>49893</v>
      </c>
      <c r="EK13" s="293">
        <v>81458</v>
      </c>
      <c r="EL13" s="293">
        <v>23746</v>
      </c>
      <c r="EM13" s="296">
        <v>229274</v>
      </c>
      <c r="EN13" s="297">
        <v>229274</v>
      </c>
      <c r="EO13" s="292">
        <v>0</v>
      </c>
      <c r="EP13" s="293">
        <v>0</v>
      </c>
      <c r="EQ13" s="294">
        <v>0</v>
      </c>
      <c r="ER13" s="298"/>
      <c r="ES13" s="293">
        <v>0</v>
      </c>
      <c r="ET13" s="293">
        <v>0</v>
      </c>
      <c r="EU13" s="293">
        <v>0</v>
      </c>
      <c r="EV13" s="293">
        <v>217</v>
      </c>
      <c r="EW13" s="293">
        <v>0</v>
      </c>
      <c r="EX13" s="296">
        <v>217</v>
      </c>
      <c r="EY13" s="297">
        <v>217</v>
      </c>
      <c r="EZ13" s="292">
        <v>0</v>
      </c>
      <c r="FA13" s="293">
        <v>0</v>
      </c>
      <c r="FB13" s="294">
        <v>0</v>
      </c>
      <c r="FC13" s="298"/>
      <c r="FD13" s="293">
        <v>0</v>
      </c>
      <c r="FE13" s="293">
        <v>0</v>
      </c>
      <c r="FF13" s="293">
        <v>0</v>
      </c>
      <c r="FG13" s="293">
        <v>0</v>
      </c>
      <c r="FH13" s="293">
        <v>651</v>
      </c>
      <c r="FI13" s="296">
        <v>651</v>
      </c>
      <c r="FJ13" s="297">
        <v>651</v>
      </c>
      <c r="FK13" s="292">
        <v>0</v>
      </c>
      <c r="FL13" s="293">
        <v>0</v>
      </c>
      <c r="FM13" s="294">
        <v>0</v>
      </c>
      <c r="FN13" s="298"/>
      <c r="FO13" s="293">
        <v>0</v>
      </c>
      <c r="FP13" s="293">
        <v>0</v>
      </c>
      <c r="FQ13" s="293">
        <v>0</v>
      </c>
      <c r="FR13" s="293">
        <v>21576</v>
      </c>
      <c r="FS13" s="293">
        <v>0</v>
      </c>
      <c r="FT13" s="296">
        <v>21576</v>
      </c>
      <c r="FU13" s="297">
        <v>21576</v>
      </c>
      <c r="FV13" s="292">
        <v>970</v>
      </c>
      <c r="FW13" s="293">
        <v>2088</v>
      </c>
      <c r="FX13" s="294">
        <v>3058</v>
      </c>
      <c r="FY13" s="295">
        <v>0</v>
      </c>
      <c r="FZ13" s="293">
        <v>33291</v>
      </c>
      <c r="GA13" s="293">
        <v>220871</v>
      </c>
      <c r="GB13" s="293">
        <v>300670</v>
      </c>
      <c r="GC13" s="293">
        <v>137337</v>
      </c>
      <c r="GD13" s="293">
        <v>117681</v>
      </c>
      <c r="GE13" s="296">
        <v>809850</v>
      </c>
      <c r="GF13" s="297">
        <v>812908</v>
      </c>
      <c r="GG13" s="292">
        <v>0</v>
      </c>
      <c r="GH13" s="293">
        <v>0</v>
      </c>
      <c r="GI13" s="294">
        <v>0</v>
      </c>
      <c r="GJ13" s="295">
        <v>0</v>
      </c>
      <c r="GK13" s="293">
        <v>28</v>
      </c>
      <c r="GL13" s="293">
        <v>42</v>
      </c>
      <c r="GM13" s="293">
        <v>140</v>
      </c>
      <c r="GN13" s="293">
        <v>2018</v>
      </c>
      <c r="GO13" s="293">
        <v>77</v>
      </c>
      <c r="GP13" s="296">
        <v>2305</v>
      </c>
      <c r="GQ13" s="297">
        <v>2305</v>
      </c>
      <c r="GR13" s="292">
        <v>0</v>
      </c>
      <c r="GS13" s="293">
        <v>0</v>
      </c>
      <c r="GT13" s="294">
        <v>0</v>
      </c>
      <c r="GU13" s="295">
        <v>0</v>
      </c>
      <c r="GV13" s="293">
        <v>0</v>
      </c>
      <c r="GW13" s="293">
        <v>0</v>
      </c>
      <c r="GX13" s="293">
        <v>0</v>
      </c>
      <c r="GY13" s="293">
        <v>0</v>
      </c>
      <c r="GZ13" s="293">
        <v>0</v>
      </c>
      <c r="HA13" s="296">
        <v>0</v>
      </c>
      <c r="HB13" s="297">
        <v>0</v>
      </c>
      <c r="HC13" s="292">
        <v>0</v>
      </c>
      <c r="HD13" s="293">
        <v>0</v>
      </c>
      <c r="HE13" s="294">
        <v>0</v>
      </c>
      <c r="HF13" s="298"/>
      <c r="HG13" s="293">
        <v>0</v>
      </c>
      <c r="HH13" s="293">
        <v>0</v>
      </c>
      <c r="HI13" s="293">
        <v>0</v>
      </c>
      <c r="HJ13" s="293">
        <v>0</v>
      </c>
      <c r="HK13" s="293">
        <v>0</v>
      </c>
      <c r="HL13" s="296">
        <v>0</v>
      </c>
      <c r="HM13" s="297">
        <v>0</v>
      </c>
      <c r="HN13" s="292">
        <v>2160</v>
      </c>
      <c r="HO13" s="293">
        <v>2263</v>
      </c>
      <c r="HP13" s="294">
        <v>4423</v>
      </c>
      <c r="HQ13" s="295">
        <v>0</v>
      </c>
      <c r="HR13" s="293">
        <v>379293</v>
      </c>
      <c r="HS13" s="293">
        <v>827758</v>
      </c>
      <c r="HT13" s="293">
        <v>4337711</v>
      </c>
      <c r="HU13" s="293">
        <v>5370617</v>
      </c>
      <c r="HV13" s="293">
        <v>3861509</v>
      </c>
      <c r="HW13" s="296">
        <v>14776888</v>
      </c>
      <c r="HX13" s="297">
        <v>14781311</v>
      </c>
    </row>
    <row r="14" spans="1:232" ht="21" customHeight="1" x14ac:dyDescent="0.2">
      <c r="A14" s="498" t="s">
        <v>10</v>
      </c>
      <c r="B14" s="292">
        <v>675</v>
      </c>
      <c r="C14" s="293">
        <v>16760</v>
      </c>
      <c r="D14" s="294">
        <v>17435</v>
      </c>
      <c r="E14" s="295">
        <v>0</v>
      </c>
      <c r="F14" s="293">
        <v>686531</v>
      </c>
      <c r="G14" s="293">
        <v>1127730</v>
      </c>
      <c r="H14" s="293">
        <v>3353121</v>
      </c>
      <c r="I14" s="293">
        <v>4599959</v>
      </c>
      <c r="J14" s="293">
        <v>4238265</v>
      </c>
      <c r="K14" s="296">
        <v>14005606</v>
      </c>
      <c r="L14" s="297">
        <v>14023041</v>
      </c>
      <c r="M14" s="292">
        <v>0</v>
      </c>
      <c r="N14" s="293">
        <v>0</v>
      </c>
      <c r="O14" s="294">
        <v>0</v>
      </c>
      <c r="P14" s="298"/>
      <c r="Q14" s="293">
        <v>75950</v>
      </c>
      <c r="R14" s="293">
        <v>295905</v>
      </c>
      <c r="S14" s="293">
        <v>2019327</v>
      </c>
      <c r="T14" s="293">
        <v>3252770</v>
      </c>
      <c r="U14" s="293">
        <v>3449735</v>
      </c>
      <c r="V14" s="296">
        <v>9093687</v>
      </c>
      <c r="W14" s="297">
        <v>9093687</v>
      </c>
      <c r="X14" s="292">
        <v>0</v>
      </c>
      <c r="Y14" s="293">
        <v>0</v>
      </c>
      <c r="Z14" s="294">
        <v>0</v>
      </c>
      <c r="AA14" s="298"/>
      <c r="AB14" s="293">
        <v>512182</v>
      </c>
      <c r="AC14" s="293">
        <v>613657</v>
      </c>
      <c r="AD14" s="293">
        <v>984542</v>
      </c>
      <c r="AE14" s="293">
        <v>946509</v>
      </c>
      <c r="AF14" s="293">
        <v>374623</v>
      </c>
      <c r="AG14" s="296">
        <v>3431513</v>
      </c>
      <c r="AH14" s="297">
        <v>3431513</v>
      </c>
      <c r="AI14" s="292">
        <v>0</v>
      </c>
      <c r="AJ14" s="293">
        <v>0</v>
      </c>
      <c r="AK14" s="294">
        <v>0</v>
      </c>
      <c r="AL14" s="298"/>
      <c r="AM14" s="293">
        <v>0</v>
      </c>
      <c r="AN14" s="293">
        <v>0</v>
      </c>
      <c r="AO14" s="293">
        <v>0</v>
      </c>
      <c r="AP14" s="293">
        <v>0</v>
      </c>
      <c r="AQ14" s="293">
        <v>0</v>
      </c>
      <c r="AR14" s="296">
        <v>0</v>
      </c>
      <c r="AS14" s="297">
        <v>0</v>
      </c>
      <c r="AT14" s="292">
        <v>0</v>
      </c>
      <c r="AU14" s="293">
        <v>0</v>
      </c>
      <c r="AV14" s="294">
        <v>0</v>
      </c>
      <c r="AW14" s="298"/>
      <c r="AX14" s="293">
        <v>0</v>
      </c>
      <c r="AY14" s="293">
        <v>0</v>
      </c>
      <c r="AZ14" s="293">
        <v>0</v>
      </c>
      <c r="BA14" s="293">
        <v>65410</v>
      </c>
      <c r="BB14" s="293">
        <v>159405</v>
      </c>
      <c r="BC14" s="296">
        <v>224815</v>
      </c>
      <c r="BD14" s="297">
        <v>224815</v>
      </c>
      <c r="BE14" s="292">
        <v>0</v>
      </c>
      <c r="BF14" s="293">
        <v>0</v>
      </c>
      <c r="BG14" s="294">
        <v>0</v>
      </c>
      <c r="BH14" s="298"/>
      <c r="BI14" s="293">
        <v>0</v>
      </c>
      <c r="BJ14" s="293">
        <v>0</v>
      </c>
      <c r="BK14" s="293">
        <v>0</v>
      </c>
      <c r="BL14" s="293">
        <v>91785</v>
      </c>
      <c r="BM14" s="293">
        <v>37975</v>
      </c>
      <c r="BN14" s="296">
        <v>129760</v>
      </c>
      <c r="BO14" s="297">
        <v>129760</v>
      </c>
      <c r="BP14" s="292">
        <v>675</v>
      </c>
      <c r="BQ14" s="293">
        <v>16760</v>
      </c>
      <c r="BR14" s="294">
        <v>17435</v>
      </c>
      <c r="BS14" s="295">
        <v>0</v>
      </c>
      <c r="BT14" s="293">
        <v>94886</v>
      </c>
      <c r="BU14" s="293">
        <v>213305</v>
      </c>
      <c r="BV14" s="293">
        <v>342934</v>
      </c>
      <c r="BW14" s="293">
        <v>227050</v>
      </c>
      <c r="BX14" s="293">
        <v>204363</v>
      </c>
      <c r="BY14" s="296">
        <v>1082538</v>
      </c>
      <c r="BZ14" s="297">
        <v>1099973</v>
      </c>
      <c r="CA14" s="292">
        <v>0</v>
      </c>
      <c r="CB14" s="293">
        <v>0</v>
      </c>
      <c r="CC14" s="294">
        <v>0</v>
      </c>
      <c r="CD14" s="295">
        <v>0</v>
      </c>
      <c r="CE14" s="293">
        <v>3513</v>
      </c>
      <c r="CF14" s="293">
        <v>4863</v>
      </c>
      <c r="CG14" s="293">
        <v>6318</v>
      </c>
      <c r="CH14" s="293">
        <v>16435</v>
      </c>
      <c r="CI14" s="293">
        <v>12164</v>
      </c>
      <c r="CJ14" s="296">
        <v>43293</v>
      </c>
      <c r="CK14" s="297">
        <v>43293</v>
      </c>
      <c r="CL14" s="292">
        <v>0</v>
      </c>
      <c r="CM14" s="293">
        <v>0</v>
      </c>
      <c r="CN14" s="294">
        <v>0</v>
      </c>
      <c r="CO14" s="295">
        <v>0</v>
      </c>
      <c r="CP14" s="293">
        <v>0</v>
      </c>
      <c r="CQ14" s="293">
        <v>0</v>
      </c>
      <c r="CR14" s="293">
        <v>0</v>
      </c>
      <c r="CS14" s="293">
        <v>0</v>
      </c>
      <c r="CT14" s="293">
        <v>0</v>
      </c>
      <c r="CU14" s="296">
        <v>0</v>
      </c>
      <c r="CV14" s="297">
        <v>0</v>
      </c>
      <c r="CW14" s="292">
        <v>0</v>
      </c>
      <c r="CX14" s="293">
        <v>0</v>
      </c>
      <c r="CY14" s="294">
        <v>0</v>
      </c>
      <c r="CZ14" s="298"/>
      <c r="DA14" s="293">
        <v>0</v>
      </c>
      <c r="DB14" s="293">
        <v>0</v>
      </c>
      <c r="DC14" s="293">
        <v>0</v>
      </c>
      <c r="DD14" s="293">
        <v>0</v>
      </c>
      <c r="DE14" s="293">
        <v>0</v>
      </c>
      <c r="DF14" s="296">
        <v>0</v>
      </c>
      <c r="DG14" s="297">
        <v>0</v>
      </c>
      <c r="DH14" s="292">
        <v>2088</v>
      </c>
      <c r="DI14" s="293">
        <v>17913</v>
      </c>
      <c r="DJ14" s="294">
        <v>20001</v>
      </c>
      <c r="DK14" s="295">
        <v>0</v>
      </c>
      <c r="DL14" s="293">
        <v>455288</v>
      </c>
      <c r="DM14" s="293">
        <v>934753</v>
      </c>
      <c r="DN14" s="293">
        <v>3748681</v>
      </c>
      <c r="DO14" s="293">
        <v>5197832</v>
      </c>
      <c r="DP14" s="293">
        <v>4444793</v>
      </c>
      <c r="DQ14" s="296">
        <v>14781347</v>
      </c>
      <c r="DR14" s="299">
        <v>14801348</v>
      </c>
      <c r="DS14" s="292">
        <v>0</v>
      </c>
      <c r="DT14" s="293">
        <v>0</v>
      </c>
      <c r="DU14" s="294">
        <v>0</v>
      </c>
      <c r="DV14" s="298"/>
      <c r="DW14" s="293">
        <v>179676</v>
      </c>
      <c r="DX14" s="293">
        <v>442607</v>
      </c>
      <c r="DY14" s="293">
        <v>3106334</v>
      </c>
      <c r="DZ14" s="293">
        <v>4515893</v>
      </c>
      <c r="EA14" s="293">
        <v>4000483</v>
      </c>
      <c r="EB14" s="296">
        <v>12244993</v>
      </c>
      <c r="EC14" s="297">
        <v>12244993</v>
      </c>
      <c r="ED14" s="292">
        <v>0</v>
      </c>
      <c r="EE14" s="293">
        <v>0</v>
      </c>
      <c r="EF14" s="294">
        <v>0</v>
      </c>
      <c r="EG14" s="298"/>
      <c r="EH14" s="293">
        <v>114028</v>
      </c>
      <c r="EI14" s="293">
        <v>141414</v>
      </c>
      <c r="EJ14" s="293">
        <v>184404</v>
      </c>
      <c r="EK14" s="293">
        <v>137232</v>
      </c>
      <c r="EL14" s="293">
        <v>71596</v>
      </c>
      <c r="EM14" s="296">
        <v>648674</v>
      </c>
      <c r="EN14" s="297">
        <v>648674</v>
      </c>
      <c r="EO14" s="292">
        <v>0</v>
      </c>
      <c r="EP14" s="293">
        <v>0</v>
      </c>
      <c r="EQ14" s="294">
        <v>0</v>
      </c>
      <c r="ER14" s="298"/>
      <c r="ES14" s="293">
        <v>0</v>
      </c>
      <c r="ET14" s="293">
        <v>0</v>
      </c>
      <c r="EU14" s="293">
        <v>0</v>
      </c>
      <c r="EV14" s="293">
        <v>0</v>
      </c>
      <c r="EW14" s="293">
        <v>0</v>
      </c>
      <c r="EX14" s="296">
        <v>0</v>
      </c>
      <c r="EY14" s="297">
        <v>0</v>
      </c>
      <c r="EZ14" s="292">
        <v>0</v>
      </c>
      <c r="FA14" s="293">
        <v>0</v>
      </c>
      <c r="FB14" s="294">
        <v>0</v>
      </c>
      <c r="FC14" s="298"/>
      <c r="FD14" s="293">
        <v>0</v>
      </c>
      <c r="FE14" s="293">
        <v>0</v>
      </c>
      <c r="FF14" s="293">
        <v>0</v>
      </c>
      <c r="FG14" s="293">
        <v>434</v>
      </c>
      <c r="FH14" s="293">
        <v>2821</v>
      </c>
      <c r="FI14" s="296">
        <v>3255</v>
      </c>
      <c r="FJ14" s="297">
        <v>3255</v>
      </c>
      <c r="FK14" s="292">
        <v>0</v>
      </c>
      <c r="FL14" s="293">
        <v>0</v>
      </c>
      <c r="FM14" s="294">
        <v>0</v>
      </c>
      <c r="FN14" s="298"/>
      <c r="FO14" s="293">
        <v>0</v>
      </c>
      <c r="FP14" s="293">
        <v>0</v>
      </c>
      <c r="FQ14" s="293">
        <v>0</v>
      </c>
      <c r="FR14" s="293">
        <v>89697</v>
      </c>
      <c r="FS14" s="293">
        <v>69223</v>
      </c>
      <c r="FT14" s="296">
        <v>158920</v>
      </c>
      <c r="FU14" s="297">
        <v>158920</v>
      </c>
      <c r="FV14" s="292">
        <v>2088</v>
      </c>
      <c r="FW14" s="293">
        <v>17913</v>
      </c>
      <c r="FX14" s="294">
        <v>20001</v>
      </c>
      <c r="FY14" s="295">
        <v>0</v>
      </c>
      <c r="FZ14" s="293">
        <v>161528</v>
      </c>
      <c r="GA14" s="293">
        <v>350690</v>
      </c>
      <c r="GB14" s="293">
        <v>456993</v>
      </c>
      <c r="GC14" s="293">
        <v>449249</v>
      </c>
      <c r="GD14" s="293">
        <v>292249</v>
      </c>
      <c r="GE14" s="296">
        <v>1710709</v>
      </c>
      <c r="GF14" s="297">
        <v>1730710</v>
      </c>
      <c r="GG14" s="292">
        <v>0</v>
      </c>
      <c r="GH14" s="293">
        <v>0</v>
      </c>
      <c r="GI14" s="294">
        <v>0</v>
      </c>
      <c r="GJ14" s="295">
        <v>0</v>
      </c>
      <c r="GK14" s="293">
        <v>56</v>
      </c>
      <c r="GL14" s="293">
        <v>42</v>
      </c>
      <c r="GM14" s="293">
        <v>950</v>
      </c>
      <c r="GN14" s="293">
        <v>5327</v>
      </c>
      <c r="GO14" s="293">
        <v>8421</v>
      </c>
      <c r="GP14" s="296">
        <v>14796</v>
      </c>
      <c r="GQ14" s="297">
        <v>14796</v>
      </c>
      <c r="GR14" s="292">
        <v>0</v>
      </c>
      <c r="GS14" s="293">
        <v>0</v>
      </c>
      <c r="GT14" s="294">
        <v>0</v>
      </c>
      <c r="GU14" s="295">
        <v>0</v>
      </c>
      <c r="GV14" s="293">
        <v>0</v>
      </c>
      <c r="GW14" s="293">
        <v>0</v>
      </c>
      <c r="GX14" s="293">
        <v>0</v>
      </c>
      <c r="GY14" s="293">
        <v>0</v>
      </c>
      <c r="GZ14" s="293">
        <v>0</v>
      </c>
      <c r="HA14" s="296">
        <v>0</v>
      </c>
      <c r="HB14" s="297">
        <v>0</v>
      </c>
      <c r="HC14" s="292">
        <v>0</v>
      </c>
      <c r="HD14" s="293">
        <v>0</v>
      </c>
      <c r="HE14" s="294">
        <v>0</v>
      </c>
      <c r="HF14" s="298"/>
      <c r="HG14" s="293">
        <v>0</v>
      </c>
      <c r="HH14" s="293">
        <v>0</v>
      </c>
      <c r="HI14" s="293">
        <v>0</v>
      </c>
      <c r="HJ14" s="293">
        <v>0</v>
      </c>
      <c r="HK14" s="293">
        <v>0</v>
      </c>
      <c r="HL14" s="296">
        <v>0</v>
      </c>
      <c r="HM14" s="297">
        <v>0</v>
      </c>
      <c r="HN14" s="292">
        <v>2763</v>
      </c>
      <c r="HO14" s="293">
        <v>34673</v>
      </c>
      <c r="HP14" s="294">
        <v>37436</v>
      </c>
      <c r="HQ14" s="295">
        <v>0</v>
      </c>
      <c r="HR14" s="293">
        <v>1141819</v>
      </c>
      <c r="HS14" s="293">
        <v>2062483</v>
      </c>
      <c r="HT14" s="293">
        <v>7101802</v>
      </c>
      <c r="HU14" s="293">
        <v>9797791</v>
      </c>
      <c r="HV14" s="293">
        <v>8683058</v>
      </c>
      <c r="HW14" s="296">
        <v>28786953</v>
      </c>
      <c r="HX14" s="297">
        <v>28824389</v>
      </c>
    </row>
    <row r="15" spans="1:232" ht="21" customHeight="1" x14ac:dyDescent="0.2">
      <c r="A15" s="498" t="s">
        <v>11</v>
      </c>
      <c r="B15" s="292">
        <v>5990</v>
      </c>
      <c r="C15" s="293">
        <v>3760</v>
      </c>
      <c r="D15" s="294">
        <v>9750</v>
      </c>
      <c r="E15" s="295">
        <v>0</v>
      </c>
      <c r="F15" s="293">
        <v>784865</v>
      </c>
      <c r="G15" s="293">
        <v>992329</v>
      </c>
      <c r="H15" s="293">
        <v>2743223</v>
      </c>
      <c r="I15" s="293">
        <v>4345192</v>
      </c>
      <c r="J15" s="293">
        <v>2177925</v>
      </c>
      <c r="K15" s="296">
        <v>11043534</v>
      </c>
      <c r="L15" s="297">
        <v>11053284</v>
      </c>
      <c r="M15" s="292">
        <v>0</v>
      </c>
      <c r="N15" s="293">
        <v>0</v>
      </c>
      <c r="O15" s="294">
        <v>0</v>
      </c>
      <c r="P15" s="298"/>
      <c r="Q15" s="293">
        <v>2635</v>
      </c>
      <c r="R15" s="293">
        <v>103850</v>
      </c>
      <c r="S15" s="293">
        <v>1813500</v>
      </c>
      <c r="T15" s="293">
        <v>2963675</v>
      </c>
      <c r="U15" s="293">
        <v>1368740</v>
      </c>
      <c r="V15" s="296">
        <v>6252400</v>
      </c>
      <c r="W15" s="297">
        <v>6252400</v>
      </c>
      <c r="X15" s="292">
        <v>0</v>
      </c>
      <c r="Y15" s="293">
        <v>0</v>
      </c>
      <c r="Z15" s="294">
        <v>0</v>
      </c>
      <c r="AA15" s="298"/>
      <c r="AB15" s="293">
        <v>682245</v>
      </c>
      <c r="AC15" s="293">
        <v>689352</v>
      </c>
      <c r="AD15" s="293">
        <v>624510</v>
      </c>
      <c r="AE15" s="293">
        <v>952103</v>
      </c>
      <c r="AF15" s="293">
        <v>434515</v>
      </c>
      <c r="AG15" s="296">
        <v>3382725</v>
      </c>
      <c r="AH15" s="297">
        <v>3382725</v>
      </c>
      <c r="AI15" s="292">
        <v>0</v>
      </c>
      <c r="AJ15" s="293">
        <v>0</v>
      </c>
      <c r="AK15" s="294">
        <v>0</v>
      </c>
      <c r="AL15" s="298"/>
      <c r="AM15" s="293">
        <v>0</v>
      </c>
      <c r="AN15" s="293">
        <v>0</v>
      </c>
      <c r="AO15" s="293">
        <v>0</v>
      </c>
      <c r="AP15" s="293">
        <v>0</v>
      </c>
      <c r="AQ15" s="293">
        <v>0</v>
      </c>
      <c r="AR15" s="296">
        <v>0</v>
      </c>
      <c r="AS15" s="297">
        <v>0</v>
      </c>
      <c r="AT15" s="292">
        <v>0</v>
      </c>
      <c r="AU15" s="293">
        <v>0</v>
      </c>
      <c r="AV15" s="294">
        <v>0</v>
      </c>
      <c r="AW15" s="298"/>
      <c r="AX15" s="293">
        <v>24645</v>
      </c>
      <c r="AY15" s="293">
        <v>29915</v>
      </c>
      <c r="AZ15" s="293">
        <v>164525</v>
      </c>
      <c r="BA15" s="293">
        <v>177115</v>
      </c>
      <c r="BB15" s="293">
        <v>284175</v>
      </c>
      <c r="BC15" s="296">
        <v>680375</v>
      </c>
      <c r="BD15" s="297">
        <v>680375</v>
      </c>
      <c r="BE15" s="292">
        <v>0</v>
      </c>
      <c r="BF15" s="293">
        <v>0</v>
      </c>
      <c r="BG15" s="294">
        <v>0</v>
      </c>
      <c r="BH15" s="298"/>
      <c r="BI15" s="293">
        <v>0</v>
      </c>
      <c r="BJ15" s="293">
        <v>24645</v>
      </c>
      <c r="BK15" s="293">
        <v>0</v>
      </c>
      <c r="BL15" s="293">
        <v>0</v>
      </c>
      <c r="BM15" s="293">
        <v>0</v>
      </c>
      <c r="BN15" s="296">
        <v>24645</v>
      </c>
      <c r="BO15" s="297">
        <v>24645</v>
      </c>
      <c r="BP15" s="292">
        <v>5990</v>
      </c>
      <c r="BQ15" s="293">
        <v>3760</v>
      </c>
      <c r="BR15" s="294">
        <v>9750</v>
      </c>
      <c r="BS15" s="295">
        <v>0</v>
      </c>
      <c r="BT15" s="293">
        <v>75340</v>
      </c>
      <c r="BU15" s="293">
        <v>138715</v>
      </c>
      <c r="BV15" s="293">
        <v>139991</v>
      </c>
      <c r="BW15" s="293">
        <v>243399</v>
      </c>
      <c r="BX15" s="293">
        <v>84475</v>
      </c>
      <c r="BY15" s="296">
        <v>681920</v>
      </c>
      <c r="BZ15" s="297">
        <v>691670</v>
      </c>
      <c r="CA15" s="292">
        <v>0</v>
      </c>
      <c r="CB15" s="293">
        <v>0</v>
      </c>
      <c r="CC15" s="294">
        <v>0</v>
      </c>
      <c r="CD15" s="295">
        <v>0</v>
      </c>
      <c r="CE15" s="293">
        <v>0</v>
      </c>
      <c r="CF15" s="293">
        <v>5852</v>
      </c>
      <c r="CG15" s="293">
        <v>697</v>
      </c>
      <c r="CH15" s="293">
        <v>8900</v>
      </c>
      <c r="CI15" s="293">
        <v>6020</v>
      </c>
      <c r="CJ15" s="296">
        <v>21469</v>
      </c>
      <c r="CK15" s="297">
        <v>21469</v>
      </c>
      <c r="CL15" s="292">
        <v>0</v>
      </c>
      <c r="CM15" s="293">
        <v>0</v>
      </c>
      <c r="CN15" s="294">
        <v>0</v>
      </c>
      <c r="CO15" s="295">
        <v>0</v>
      </c>
      <c r="CP15" s="293">
        <v>0</v>
      </c>
      <c r="CQ15" s="293">
        <v>0</v>
      </c>
      <c r="CR15" s="293">
        <v>0</v>
      </c>
      <c r="CS15" s="293">
        <v>0</v>
      </c>
      <c r="CT15" s="293">
        <v>0</v>
      </c>
      <c r="CU15" s="296">
        <v>0</v>
      </c>
      <c r="CV15" s="297">
        <v>0</v>
      </c>
      <c r="CW15" s="292">
        <v>0</v>
      </c>
      <c r="CX15" s="293">
        <v>0</v>
      </c>
      <c r="CY15" s="294">
        <v>0</v>
      </c>
      <c r="CZ15" s="298"/>
      <c r="DA15" s="293">
        <v>0</v>
      </c>
      <c r="DB15" s="293">
        <v>0</v>
      </c>
      <c r="DC15" s="293">
        <v>0</v>
      </c>
      <c r="DD15" s="293">
        <v>0</v>
      </c>
      <c r="DE15" s="293">
        <v>0</v>
      </c>
      <c r="DF15" s="296">
        <v>0</v>
      </c>
      <c r="DG15" s="297">
        <v>0</v>
      </c>
      <c r="DH15" s="292">
        <v>8914</v>
      </c>
      <c r="DI15" s="293">
        <v>3510</v>
      </c>
      <c r="DJ15" s="294">
        <v>12424</v>
      </c>
      <c r="DK15" s="295">
        <v>0</v>
      </c>
      <c r="DL15" s="293">
        <v>249916</v>
      </c>
      <c r="DM15" s="293">
        <v>394521</v>
      </c>
      <c r="DN15" s="293">
        <v>2584874</v>
      </c>
      <c r="DO15" s="293">
        <v>3870821</v>
      </c>
      <c r="DP15" s="293">
        <v>1764958</v>
      </c>
      <c r="DQ15" s="296">
        <v>8865090</v>
      </c>
      <c r="DR15" s="299">
        <v>8877514</v>
      </c>
      <c r="DS15" s="292">
        <v>0</v>
      </c>
      <c r="DT15" s="293">
        <v>0</v>
      </c>
      <c r="DU15" s="294">
        <v>0</v>
      </c>
      <c r="DV15" s="298"/>
      <c r="DW15" s="293">
        <v>21576</v>
      </c>
      <c r="DX15" s="293">
        <v>96751</v>
      </c>
      <c r="DY15" s="293">
        <v>2203742</v>
      </c>
      <c r="DZ15" s="293">
        <v>3464423</v>
      </c>
      <c r="EA15" s="293">
        <v>1580790</v>
      </c>
      <c r="EB15" s="296">
        <v>7367282</v>
      </c>
      <c r="EC15" s="297">
        <v>7367282</v>
      </c>
      <c r="ED15" s="292">
        <v>0</v>
      </c>
      <c r="EE15" s="293">
        <v>0</v>
      </c>
      <c r="EF15" s="294">
        <v>0</v>
      </c>
      <c r="EG15" s="298"/>
      <c r="EH15" s="293">
        <v>120387</v>
      </c>
      <c r="EI15" s="293">
        <v>131267</v>
      </c>
      <c r="EJ15" s="293">
        <v>139493</v>
      </c>
      <c r="EK15" s="293">
        <v>127416</v>
      </c>
      <c r="EL15" s="293">
        <v>59277</v>
      </c>
      <c r="EM15" s="296">
        <v>577840</v>
      </c>
      <c r="EN15" s="297">
        <v>577840</v>
      </c>
      <c r="EO15" s="292">
        <v>0</v>
      </c>
      <c r="EP15" s="293">
        <v>0</v>
      </c>
      <c r="EQ15" s="294">
        <v>0</v>
      </c>
      <c r="ER15" s="298"/>
      <c r="ES15" s="293">
        <v>0</v>
      </c>
      <c r="ET15" s="293">
        <v>0</v>
      </c>
      <c r="EU15" s="293">
        <v>0</v>
      </c>
      <c r="EV15" s="293">
        <v>0</v>
      </c>
      <c r="EW15" s="293">
        <v>0</v>
      </c>
      <c r="EX15" s="296">
        <v>0</v>
      </c>
      <c r="EY15" s="297">
        <v>0</v>
      </c>
      <c r="EZ15" s="292">
        <v>0</v>
      </c>
      <c r="FA15" s="293">
        <v>0</v>
      </c>
      <c r="FB15" s="294">
        <v>0</v>
      </c>
      <c r="FC15" s="298"/>
      <c r="FD15" s="293">
        <v>217</v>
      </c>
      <c r="FE15" s="293">
        <v>11532</v>
      </c>
      <c r="FF15" s="293">
        <v>21605</v>
      </c>
      <c r="FG15" s="293">
        <v>34031</v>
      </c>
      <c r="FH15" s="293">
        <v>25544</v>
      </c>
      <c r="FI15" s="296">
        <v>92929</v>
      </c>
      <c r="FJ15" s="297">
        <v>92929</v>
      </c>
      <c r="FK15" s="292">
        <v>0</v>
      </c>
      <c r="FL15" s="293">
        <v>0</v>
      </c>
      <c r="FM15" s="294">
        <v>0</v>
      </c>
      <c r="FN15" s="298"/>
      <c r="FO15" s="293">
        <v>0</v>
      </c>
      <c r="FP15" s="293">
        <v>21576</v>
      </c>
      <c r="FQ15" s="293">
        <v>0</v>
      </c>
      <c r="FR15" s="293">
        <v>0</v>
      </c>
      <c r="FS15" s="293">
        <v>0</v>
      </c>
      <c r="FT15" s="296">
        <v>21576</v>
      </c>
      <c r="FU15" s="297">
        <v>21576</v>
      </c>
      <c r="FV15" s="292">
        <v>8914</v>
      </c>
      <c r="FW15" s="293">
        <v>3510</v>
      </c>
      <c r="FX15" s="294">
        <v>12424</v>
      </c>
      <c r="FY15" s="295">
        <v>0</v>
      </c>
      <c r="FZ15" s="293">
        <v>107736</v>
      </c>
      <c r="GA15" s="293">
        <v>132609</v>
      </c>
      <c r="GB15" s="293">
        <v>218918</v>
      </c>
      <c r="GC15" s="293">
        <v>237433</v>
      </c>
      <c r="GD15" s="293">
        <v>96757</v>
      </c>
      <c r="GE15" s="296">
        <v>793453</v>
      </c>
      <c r="GF15" s="297">
        <v>805877</v>
      </c>
      <c r="GG15" s="292">
        <v>0</v>
      </c>
      <c r="GH15" s="293">
        <v>0</v>
      </c>
      <c r="GI15" s="294">
        <v>0</v>
      </c>
      <c r="GJ15" s="295">
        <v>0</v>
      </c>
      <c r="GK15" s="293">
        <v>0</v>
      </c>
      <c r="GL15" s="293">
        <v>786</v>
      </c>
      <c r="GM15" s="293">
        <v>1116</v>
      </c>
      <c r="GN15" s="293">
        <v>7518</v>
      </c>
      <c r="GO15" s="293">
        <v>2590</v>
      </c>
      <c r="GP15" s="296">
        <v>12010</v>
      </c>
      <c r="GQ15" s="297">
        <v>12010</v>
      </c>
      <c r="GR15" s="292">
        <v>0</v>
      </c>
      <c r="GS15" s="293">
        <v>0</v>
      </c>
      <c r="GT15" s="294">
        <v>0</v>
      </c>
      <c r="GU15" s="295">
        <v>0</v>
      </c>
      <c r="GV15" s="293">
        <v>0</v>
      </c>
      <c r="GW15" s="293">
        <v>0</v>
      </c>
      <c r="GX15" s="293">
        <v>0</v>
      </c>
      <c r="GY15" s="293">
        <v>0</v>
      </c>
      <c r="GZ15" s="293">
        <v>0</v>
      </c>
      <c r="HA15" s="296">
        <v>0</v>
      </c>
      <c r="HB15" s="297">
        <v>0</v>
      </c>
      <c r="HC15" s="292">
        <v>0</v>
      </c>
      <c r="HD15" s="293">
        <v>0</v>
      </c>
      <c r="HE15" s="294">
        <v>0</v>
      </c>
      <c r="HF15" s="298"/>
      <c r="HG15" s="293">
        <v>0</v>
      </c>
      <c r="HH15" s="293">
        <v>0</v>
      </c>
      <c r="HI15" s="293">
        <v>0</v>
      </c>
      <c r="HJ15" s="293">
        <v>0</v>
      </c>
      <c r="HK15" s="293">
        <v>0</v>
      </c>
      <c r="HL15" s="296">
        <v>0</v>
      </c>
      <c r="HM15" s="297">
        <v>0</v>
      </c>
      <c r="HN15" s="292">
        <v>14904</v>
      </c>
      <c r="HO15" s="293">
        <v>7270</v>
      </c>
      <c r="HP15" s="294">
        <v>22174</v>
      </c>
      <c r="HQ15" s="295">
        <v>0</v>
      </c>
      <c r="HR15" s="293">
        <v>1034781</v>
      </c>
      <c r="HS15" s="293">
        <v>1386850</v>
      </c>
      <c r="HT15" s="293">
        <v>5328097</v>
      </c>
      <c r="HU15" s="293">
        <v>8216013</v>
      </c>
      <c r="HV15" s="293">
        <v>3942883</v>
      </c>
      <c r="HW15" s="296">
        <v>19908624</v>
      </c>
      <c r="HX15" s="297">
        <v>19930798</v>
      </c>
    </row>
    <row r="16" spans="1:232" ht="21" customHeight="1" x14ac:dyDescent="0.2">
      <c r="A16" s="498" t="s">
        <v>12</v>
      </c>
      <c r="B16" s="292">
        <v>4305</v>
      </c>
      <c r="C16" s="293">
        <v>2925</v>
      </c>
      <c r="D16" s="294">
        <v>7230</v>
      </c>
      <c r="E16" s="295">
        <v>0</v>
      </c>
      <c r="F16" s="293">
        <v>330092</v>
      </c>
      <c r="G16" s="293">
        <v>533673</v>
      </c>
      <c r="H16" s="293">
        <v>2621604</v>
      </c>
      <c r="I16" s="293">
        <v>3444702</v>
      </c>
      <c r="J16" s="293">
        <v>2005840</v>
      </c>
      <c r="K16" s="296">
        <v>8935911</v>
      </c>
      <c r="L16" s="297">
        <v>8943141</v>
      </c>
      <c r="M16" s="292">
        <v>0</v>
      </c>
      <c r="N16" s="293">
        <v>0</v>
      </c>
      <c r="O16" s="294">
        <v>0</v>
      </c>
      <c r="P16" s="298"/>
      <c r="Q16" s="293">
        <v>0</v>
      </c>
      <c r="R16" s="293">
        <v>100430</v>
      </c>
      <c r="S16" s="293">
        <v>1425610</v>
      </c>
      <c r="T16" s="293">
        <v>2355220</v>
      </c>
      <c r="U16" s="293">
        <v>1540787</v>
      </c>
      <c r="V16" s="296">
        <v>5422047</v>
      </c>
      <c r="W16" s="297">
        <v>5422047</v>
      </c>
      <c r="X16" s="292">
        <v>0</v>
      </c>
      <c r="Y16" s="293">
        <v>0</v>
      </c>
      <c r="Z16" s="294">
        <v>0</v>
      </c>
      <c r="AA16" s="298"/>
      <c r="AB16" s="293">
        <v>289799</v>
      </c>
      <c r="AC16" s="293">
        <v>381630</v>
      </c>
      <c r="AD16" s="293">
        <v>864097</v>
      </c>
      <c r="AE16" s="293">
        <v>854770</v>
      </c>
      <c r="AF16" s="293">
        <v>236137</v>
      </c>
      <c r="AG16" s="296">
        <v>2626433</v>
      </c>
      <c r="AH16" s="297">
        <v>2626433</v>
      </c>
      <c r="AI16" s="292">
        <v>0</v>
      </c>
      <c r="AJ16" s="293">
        <v>0</v>
      </c>
      <c r="AK16" s="294">
        <v>0</v>
      </c>
      <c r="AL16" s="298"/>
      <c r="AM16" s="293">
        <v>0</v>
      </c>
      <c r="AN16" s="293">
        <v>0</v>
      </c>
      <c r="AO16" s="293">
        <v>0</v>
      </c>
      <c r="AP16" s="293">
        <v>0</v>
      </c>
      <c r="AQ16" s="293">
        <v>0</v>
      </c>
      <c r="AR16" s="296">
        <v>0</v>
      </c>
      <c r="AS16" s="297">
        <v>0</v>
      </c>
      <c r="AT16" s="292">
        <v>0</v>
      </c>
      <c r="AU16" s="293">
        <v>0</v>
      </c>
      <c r="AV16" s="294">
        <v>0</v>
      </c>
      <c r="AW16" s="298"/>
      <c r="AX16" s="293">
        <v>0</v>
      </c>
      <c r="AY16" s="293">
        <v>0</v>
      </c>
      <c r="AZ16" s="293">
        <v>0</v>
      </c>
      <c r="BA16" s="293">
        <v>2635</v>
      </c>
      <c r="BB16" s="293">
        <v>41135</v>
      </c>
      <c r="BC16" s="296">
        <v>43770</v>
      </c>
      <c r="BD16" s="297">
        <v>43770</v>
      </c>
      <c r="BE16" s="292">
        <v>0</v>
      </c>
      <c r="BF16" s="293">
        <v>0</v>
      </c>
      <c r="BG16" s="294">
        <v>0</v>
      </c>
      <c r="BH16" s="298"/>
      <c r="BI16" s="293">
        <v>0</v>
      </c>
      <c r="BJ16" s="293">
        <v>0</v>
      </c>
      <c r="BK16" s="293">
        <v>148655</v>
      </c>
      <c r="BL16" s="293">
        <v>97960</v>
      </c>
      <c r="BM16" s="293">
        <v>37975</v>
      </c>
      <c r="BN16" s="296">
        <v>284590</v>
      </c>
      <c r="BO16" s="297">
        <v>284590</v>
      </c>
      <c r="BP16" s="292">
        <v>4305</v>
      </c>
      <c r="BQ16" s="293">
        <v>2925</v>
      </c>
      <c r="BR16" s="294">
        <v>7230</v>
      </c>
      <c r="BS16" s="295">
        <v>0</v>
      </c>
      <c r="BT16" s="293">
        <v>40293</v>
      </c>
      <c r="BU16" s="293">
        <v>45118</v>
      </c>
      <c r="BV16" s="293">
        <v>183242</v>
      </c>
      <c r="BW16" s="293">
        <v>134117</v>
      </c>
      <c r="BX16" s="293">
        <v>149567</v>
      </c>
      <c r="BY16" s="296">
        <v>552337</v>
      </c>
      <c r="BZ16" s="297">
        <v>559567</v>
      </c>
      <c r="CA16" s="292">
        <v>0</v>
      </c>
      <c r="CB16" s="293">
        <v>0</v>
      </c>
      <c r="CC16" s="294">
        <v>0</v>
      </c>
      <c r="CD16" s="295">
        <v>0</v>
      </c>
      <c r="CE16" s="293">
        <v>0</v>
      </c>
      <c r="CF16" s="293">
        <v>6495</v>
      </c>
      <c r="CG16" s="293">
        <v>0</v>
      </c>
      <c r="CH16" s="293">
        <v>0</v>
      </c>
      <c r="CI16" s="293">
        <v>239</v>
      </c>
      <c r="CJ16" s="296">
        <v>6734</v>
      </c>
      <c r="CK16" s="297">
        <v>6734</v>
      </c>
      <c r="CL16" s="292">
        <v>0</v>
      </c>
      <c r="CM16" s="293">
        <v>0</v>
      </c>
      <c r="CN16" s="294">
        <v>0</v>
      </c>
      <c r="CO16" s="295">
        <v>0</v>
      </c>
      <c r="CP16" s="293">
        <v>0</v>
      </c>
      <c r="CQ16" s="293">
        <v>0</v>
      </c>
      <c r="CR16" s="293">
        <v>0</v>
      </c>
      <c r="CS16" s="293">
        <v>0</v>
      </c>
      <c r="CT16" s="293">
        <v>0</v>
      </c>
      <c r="CU16" s="296">
        <v>0</v>
      </c>
      <c r="CV16" s="297">
        <v>0</v>
      </c>
      <c r="CW16" s="292">
        <v>0</v>
      </c>
      <c r="CX16" s="293">
        <v>0</v>
      </c>
      <c r="CY16" s="294">
        <v>0</v>
      </c>
      <c r="CZ16" s="298"/>
      <c r="DA16" s="293">
        <v>0</v>
      </c>
      <c r="DB16" s="293">
        <v>0</v>
      </c>
      <c r="DC16" s="293">
        <v>0</v>
      </c>
      <c r="DD16" s="293">
        <v>0</v>
      </c>
      <c r="DE16" s="293">
        <v>0</v>
      </c>
      <c r="DF16" s="296">
        <v>0</v>
      </c>
      <c r="DG16" s="297">
        <v>0</v>
      </c>
      <c r="DH16" s="292">
        <v>4659</v>
      </c>
      <c r="DI16" s="293">
        <v>5313</v>
      </c>
      <c r="DJ16" s="294">
        <v>9972</v>
      </c>
      <c r="DK16" s="295">
        <v>0</v>
      </c>
      <c r="DL16" s="293">
        <v>121835</v>
      </c>
      <c r="DM16" s="293">
        <v>430652</v>
      </c>
      <c r="DN16" s="293">
        <v>2875450</v>
      </c>
      <c r="DO16" s="293">
        <v>3595310</v>
      </c>
      <c r="DP16" s="293">
        <v>2326774</v>
      </c>
      <c r="DQ16" s="296">
        <v>9350021</v>
      </c>
      <c r="DR16" s="299">
        <v>9359993</v>
      </c>
      <c r="DS16" s="292">
        <v>0</v>
      </c>
      <c r="DT16" s="293">
        <v>0</v>
      </c>
      <c r="DU16" s="294">
        <v>0</v>
      </c>
      <c r="DV16" s="298"/>
      <c r="DW16" s="293">
        <v>0</v>
      </c>
      <c r="DX16" s="293">
        <v>261020</v>
      </c>
      <c r="DY16" s="293">
        <v>2195265</v>
      </c>
      <c r="DZ16" s="293">
        <v>2989801</v>
      </c>
      <c r="EA16" s="293">
        <v>2023069</v>
      </c>
      <c r="EB16" s="296">
        <v>7469155</v>
      </c>
      <c r="EC16" s="297">
        <v>7469155</v>
      </c>
      <c r="ED16" s="292">
        <v>0</v>
      </c>
      <c r="EE16" s="293">
        <v>0</v>
      </c>
      <c r="EF16" s="294">
        <v>0</v>
      </c>
      <c r="EG16" s="298"/>
      <c r="EH16" s="293">
        <v>23984</v>
      </c>
      <c r="EI16" s="293">
        <v>60266</v>
      </c>
      <c r="EJ16" s="293">
        <v>125059</v>
      </c>
      <c r="EK16" s="293">
        <v>201675</v>
      </c>
      <c r="EL16" s="293">
        <v>39546</v>
      </c>
      <c r="EM16" s="296">
        <v>450530</v>
      </c>
      <c r="EN16" s="297">
        <v>450530</v>
      </c>
      <c r="EO16" s="292">
        <v>0</v>
      </c>
      <c r="EP16" s="293">
        <v>0</v>
      </c>
      <c r="EQ16" s="294">
        <v>0</v>
      </c>
      <c r="ER16" s="298"/>
      <c r="ES16" s="293">
        <v>0</v>
      </c>
      <c r="ET16" s="293">
        <v>0</v>
      </c>
      <c r="EU16" s="293">
        <v>0</v>
      </c>
      <c r="EV16" s="293">
        <v>0</v>
      </c>
      <c r="EW16" s="293">
        <v>0</v>
      </c>
      <c r="EX16" s="296">
        <v>0</v>
      </c>
      <c r="EY16" s="297">
        <v>0</v>
      </c>
      <c r="EZ16" s="292">
        <v>0</v>
      </c>
      <c r="FA16" s="293">
        <v>0</v>
      </c>
      <c r="FB16" s="294">
        <v>0</v>
      </c>
      <c r="FC16" s="298"/>
      <c r="FD16" s="293">
        <v>0</v>
      </c>
      <c r="FE16" s="293">
        <v>0</v>
      </c>
      <c r="FF16" s="293">
        <v>0</v>
      </c>
      <c r="FG16" s="293">
        <v>217</v>
      </c>
      <c r="FH16" s="293">
        <v>1736</v>
      </c>
      <c r="FI16" s="296">
        <v>1953</v>
      </c>
      <c r="FJ16" s="297">
        <v>1953</v>
      </c>
      <c r="FK16" s="292">
        <v>0</v>
      </c>
      <c r="FL16" s="293">
        <v>0</v>
      </c>
      <c r="FM16" s="294">
        <v>0</v>
      </c>
      <c r="FN16" s="298"/>
      <c r="FO16" s="293">
        <v>0</v>
      </c>
      <c r="FP16" s="293">
        <v>0</v>
      </c>
      <c r="FQ16" s="293">
        <v>250890</v>
      </c>
      <c r="FR16" s="293">
        <v>159836</v>
      </c>
      <c r="FS16" s="293">
        <v>79918</v>
      </c>
      <c r="FT16" s="296">
        <v>490644</v>
      </c>
      <c r="FU16" s="297">
        <v>490644</v>
      </c>
      <c r="FV16" s="292">
        <v>4659</v>
      </c>
      <c r="FW16" s="293">
        <v>5313</v>
      </c>
      <c r="FX16" s="294">
        <v>9972</v>
      </c>
      <c r="FY16" s="295">
        <v>0</v>
      </c>
      <c r="FZ16" s="293">
        <v>97851</v>
      </c>
      <c r="GA16" s="293">
        <v>104766</v>
      </c>
      <c r="GB16" s="293">
        <v>304236</v>
      </c>
      <c r="GC16" s="293">
        <v>243781</v>
      </c>
      <c r="GD16" s="293">
        <v>182484</v>
      </c>
      <c r="GE16" s="296">
        <v>933118</v>
      </c>
      <c r="GF16" s="297">
        <v>943090</v>
      </c>
      <c r="GG16" s="292">
        <v>0</v>
      </c>
      <c r="GH16" s="293">
        <v>0</v>
      </c>
      <c r="GI16" s="294">
        <v>0</v>
      </c>
      <c r="GJ16" s="295">
        <v>0</v>
      </c>
      <c r="GK16" s="293">
        <v>0</v>
      </c>
      <c r="GL16" s="293">
        <v>4600</v>
      </c>
      <c r="GM16" s="293">
        <v>0</v>
      </c>
      <c r="GN16" s="293">
        <v>0</v>
      </c>
      <c r="GO16" s="293">
        <v>21</v>
      </c>
      <c r="GP16" s="296">
        <v>4621</v>
      </c>
      <c r="GQ16" s="297">
        <v>4621</v>
      </c>
      <c r="GR16" s="292">
        <v>0</v>
      </c>
      <c r="GS16" s="293">
        <v>0</v>
      </c>
      <c r="GT16" s="294">
        <v>0</v>
      </c>
      <c r="GU16" s="295">
        <v>0</v>
      </c>
      <c r="GV16" s="293">
        <v>0</v>
      </c>
      <c r="GW16" s="293">
        <v>0</v>
      </c>
      <c r="GX16" s="293">
        <v>0</v>
      </c>
      <c r="GY16" s="293">
        <v>0</v>
      </c>
      <c r="GZ16" s="293">
        <v>0</v>
      </c>
      <c r="HA16" s="296">
        <v>0</v>
      </c>
      <c r="HB16" s="297">
        <v>0</v>
      </c>
      <c r="HC16" s="292">
        <v>0</v>
      </c>
      <c r="HD16" s="293">
        <v>0</v>
      </c>
      <c r="HE16" s="294">
        <v>0</v>
      </c>
      <c r="HF16" s="298"/>
      <c r="HG16" s="293">
        <v>0</v>
      </c>
      <c r="HH16" s="293">
        <v>0</v>
      </c>
      <c r="HI16" s="293">
        <v>0</v>
      </c>
      <c r="HJ16" s="293">
        <v>0</v>
      </c>
      <c r="HK16" s="293">
        <v>0</v>
      </c>
      <c r="HL16" s="296">
        <v>0</v>
      </c>
      <c r="HM16" s="297">
        <v>0</v>
      </c>
      <c r="HN16" s="292">
        <v>8964</v>
      </c>
      <c r="HO16" s="293">
        <v>8238</v>
      </c>
      <c r="HP16" s="294">
        <v>17202</v>
      </c>
      <c r="HQ16" s="295">
        <v>0</v>
      </c>
      <c r="HR16" s="293">
        <v>451927</v>
      </c>
      <c r="HS16" s="293">
        <v>964325</v>
      </c>
      <c r="HT16" s="293">
        <v>5497054</v>
      </c>
      <c r="HU16" s="293">
        <v>7040012</v>
      </c>
      <c r="HV16" s="293">
        <v>4332614</v>
      </c>
      <c r="HW16" s="296">
        <v>18285932</v>
      </c>
      <c r="HX16" s="297">
        <v>18303134</v>
      </c>
    </row>
    <row r="17" spans="1:232" ht="21" customHeight="1" x14ac:dyDescent="0.2">
      <c r="A17" s="498" t="s">
        <v>13</v>
      </c>
      <c r="B17" s="292">
        <v>0</v>
      </c>
      <c r="C17" s="293">
        <v>6870</v>
      </c>
      <c r="D17" s="294">
        <v>6870</v>
      </c>
      <c r="E17" s="295">
        <v>0</v>
      </c>
      <c r="F17" s="293">
        <v>34255</v>
      </c>
      <c r="G17" s="293">
        <v>98385</v>
      </c>
      <c r="H17" s="293">
        <v>670343</v>
      </c>
      <c r="I17" s="293">
        <v>1021705</v>
      </c>
      <c r="J17" s="293">
        <v>616242</v>
      </c>
      <c r="K17" s="296">
        <v>2440930</v>
      </c>
      <c r="L17" s="297">
        <v>2447800</v>
      </c>
      <c r="M17" s="292">
        <v>0</v>
      </c>
      <c r="N17" s="293">
        <v>0</v>
      </c>
      <c r="O17" s="294">
        <v>0</v>
      </c>
      <c r="P17" s="298"/>
      <c r="Q17" s="293">
        <v>2635</v>
      </c>
      <c r="R17" s="293">
        <v>2635</v>
      </c>
      <c r="S17" s="293">
        <v>395250</v>
      </c>
      <c r="T17" s="293">
        <v>920115</v>
      </c>
      <c r="U17" s="293">
        <v>605232</v>
      </c>
      <c r="V17" s="296">
        <v>1925867</v>
      </c>
      <c r="W17" s="297">
        <v>1925867</v>
      </c>
      <c r="X17" s="292">
        <v>0</v>
      </c>
      <c r="Y17" s="293">
        <v>0</v>
      </c>
      <c r="Z17" s="294">
        <v>0</v>
      </c>
      <c r="AA17" s="298"/>
      <c r="AB17" s="293">
        <v>27280</v>
      </c>
      <c r="AC17" s="293">
        <v>90865</v>
      </c>
      <c r="AD17" s="293">
        <v>174307</v>
      </c>
      <c r="AE17" s="293">
        <v>86490</v>
      </c>
      <c r="AF17" s="293">
        <v>10285</v>
      </c>
      <c r="AG17" s="296">
        <v>389227</v>
      </c>
      <c r="AH17" s="297">
        <v>389227</v>
      </c>
      <c r="AI17" s="292">
        <v>0</v>
      </c>
      <c r="AJ17" s="293">
        <v>0</v>
      </c>
      <c r="AK17" s="294">
        <v>0</v>
      </c>
      <c r="AL17" s="298"/>
      <c r="AM17" s="293">
        <v>0</v>
      </c>
      <c r="AN17" s="293">
        <v>0</v>
      </c>
      <c r="AO17" s="293">
        <v>0</v>
      </c>
      <c r="AP17" s="293">
        <v>0</v>
      </c>
      <c r="AQ17" s="293">
        <v>0</v>
      </c>
      <c r="AR17" s="296">
        <v>0</v>
      </c>
      <c r="AS17" s="297">
        <v>0</v>
      </c>
      <c r="AT17" s="292">
        <v>0</v>
      </c>
      <c r="AU17" s="293">
        <v>0</v>
      </c>
      <c r="AV17" s="294">
        <v>0</v>
      </c>
      <c r="AW17" s="298"/>
      <c r="AX17" s="293">
        <v>0</v>
      </c>
      <c r="AY17" s="293">
        <v>0</v>
      </c>
      <c r="AZ17" s="293">
        <v>0</v>
      </c>
      <c r="BA17" s="293">
        <v>0</v>
      </c>
      <c r="BB17" s="293">
        <v>0</v>
      </c>
      <c r="BC17" s="296">
        <v>0</v>
      </c>
      <c r="BD17" s="297">
        <v>0</v>
      </c>
      <c r="BE17" s="292">
        <v>0</v>
      </c>
      <c r="BF17" s="293">
        <v>0</v>
      </c>
      <c r="BG17" s="294">
        <v>0</v>
      </c>
      <c r="BH17" s="298"/>
      <c r="BI17" s="293">
        <v>0</v>
      </c>
      <c r="BJ17" s="293">
        <v>0</v>
      </c>
      <c r="BK17" s="293">
        <v>0</v>
      </c>
      <c r="BL17" s="293">
        <v>0</v>
      </c>
      <c r="BM17" s="293">
        <v>0</v>
      </c>
      <c r="BN17" s="296">
        <v>0</v>
      </c>
      <c r="BO17" s="297">
        <v>0</v>
      </c>
      <c r="BP17" s="292">
        <v>0</v>
      </c>
      <c r="BQ17" s="293">
        <v>6870</v>
      </c>
      <c r="BR17" s="294">
        <v>6870</v>
      </c>
      <c r="BS17" s="295">
        <v>0</v>
      </c>
      <c r="BT17" s="293">
        <v>4195</v>
      </c>
      <c r="BU17" s="293">
        <v>4885</v>
      </c>
      <c r="BV17" s="293">
        <v>99401</v>
      </c>
      <c r="BW17" s="293">
        <v>15100</v>
      </c>
      <c r="BX17" s="293">
        <v>0</v>
      </c>
      <c r="BY17" s="296">
        <v>123581</v>
      </c>
      <c r="BZ17" s="297">
        <v>130451</v>
      </c>
      <c r="CA17" s="292">
        <v>0</v>
      </c>
      <c r="CB17" s="293">
        <v>0</v>
      </c>
      <c r="CC17" s="294">
        <v>0</v>
      </c>
      <c r="CD17" s="295">
        <v>0</v>
      </c>
      <c r="CE17" s="293">
        <v>145</v>
      </c>
      <c r="CF17" s="293">
        <v>0</v>
      </c>
      <c r="CG17" s="293">
        <v>1385</v>
      </c>
      <c r="CH17" s="293">
        <v>0</v>
      </c>
      <c r="CI17" s="293">
        <v>725</v>
      </c>
      <c r="CJ17" s="296">
        <v>2255</v>
      </c>
      <c r="CK17" s="297">
        <v>2255</v>
      </c>
      <c r="CL17" s="292">
        <v>0</v>
      </c>
      <c r="CM17" s="293">
        <v>0</v>
      </c>
      <c r="CN17" s="294">
        <v>0</v>
      </c>
      <c r="CO17" s="295">
        <v>0</v>
      </c>
      <c r="CP17" s="293">
        <v>0</v>
      </c>
      <c r="CQ17" s="293">
        <v>0</v>
      </c>
      <c r="CR17" s="293">
        <v>0</v>
      </c>
      <c r="CS17" s="293">
        <v>0</v>
      </c>
      <c r="CT17" s="293">
        <v>0</v>
      </c>
      <c r="CU17" s="296">
        <v>0</v>
      </c>
      <c r="CV17" s="297">
        <v>0</v>
      </c>
      <c r="CW17" s="292">
        <v>0</v>
      </c>
      <c r="CX17" s="293">
        <v>0</v>
      </c>
      <c r="CY17" s="294">
        <v>0</v>
      </c>
      <c r="CZ17" s="298"/>
      <c r="DA17" s="293">
        <v>0</v>
      </c>
      <c r="DB17" s="293">
        <v>0</v>
      </c>
      <c r="DC17" s="293">
        <v>0</v>
      </c>
      <c r="DD17" s="293">
        <v>0</v>
      </c>
      <c r="DE17" s="293">
        <v>0</v>
      </c>
      <c r="DF17" s="296">
        <v>0</v>
      </c>
      <c r="DG17" s="297">
        <v>0</v>
      </c>
      <c r="DH17" s="292">
        <v>0</v>
      </c>
      <c r="DI17" s="293">
        <v>5106</v>
      </c>
      <c r="DJ17" s="294">
        <v>5106</v>
      </c>
      <c r="DK17" s="295">
        <v>0</v>
      </c>
      <c r="DL17" s="293">
        <v>47883</v>
      </c>
      <c r="DM17" s="293">
        <v>74060</v>
      </c>
      <c r="DN17" s="293">
        <v>715551</v>
      </c>
      <c r="DO17" s="293">
        <v>1133776</v>
      </c>
      <c r="DP17" s="293">
        <v>756287</v>
      </c>
      <c r="DQ17" s="296">
        <v>2727557</v>
      </c>
      <c r="DR17" s="299">
        <v>2732663</v>
      </c>
      <c r="DS17" s="292">
        <v>0</v>
      </c>
      <c r="DT17" s="293">
        <v>0</v>
      </c>
      <c r="DU17" s="294">
        <v>0</v>
      </c>
      <c r="DV17" s="298"/>
      <c r="DW17" s="293">
        <v>21576</v>
      </c>
      <c r="DX17" s="293">
        <v>21576</v>
      </c>
      <c r="DY17" s="293">
        <v>523686</v>
      </c>
      <c r="DZ17" s="293">
        <v>1081955</v>
      </c>
      <c r="EA17" s="293">
        <v>726383</v>
      </c>
      <c r="EB17" s="296">
        <v>2375176</v>
      </c>
      <c r="EC17" s="297">
        <v>2375176</v>
      </c>
      <c r="ED17" s="292">
        <v>0</v>
      </c>
      <c r="EE17" s="293">
        <v>0</v>
      </c>
      <c r="EF17" s="294">
        <v>0</v>
      </c>
      <c r="EG17" s="298"/>
      <c r="EH17" s="293">
        <v>11315</v>
      </c>
      <c r="EI17" s="293">
        <v>33324</v>
      </c>
      <c r="EJ17" s="293">
        <v>2604</v>
      </c>
      <c r="EK17" s="293">
        <v>1736</v>
      </c>
      <c r="EL17" s="293">
        <v>22206</v>
      </c>
      <c r="EM17" s="296">
        <v>71185</v>
      </c>
      <c r="EN17" s="297">
        <v>71185</v>
      </c>
      <c r="EO17" s="292">
        <v>0</v>
      </c>
      <c r="EP17" s="293">
        <v>0</v>
      </c>
      <c r="EQ17" s="294">
        <v>0</v>
      </c>
      <c r="ER17" s="298"/>
      <c r="ES17" s="293">
        <v>0</v>
      </c>
      <c r="ET17" s="293">
        <v>0</v>
      </c>
      <c r="EU17" s="293">
        <v>0</v>
      </c>
      <c r="EV17" s="293">
        <v>0</v>
      </c>
      <c r="EW17" s="293">
        <v>0</v>
      </c>
      <c r="EX17" s="296">
        <v>0</v>
      </c>
      <c r="EY17" s="297">
        <v>0</v>
      </c>
      <c r="EZ17" s="292">
        <v>0</v>
      </c>
      <c r="FA17" s="293">
        <v>0</v>
      </c>
      <c r="FB17" s="294">
        <v>0</v>
      </c>
      <c r="FC17" s="298"/>
      <c r="FD17" s="293">
        <v>0</v>
      </c>
      <c r="FE17" s="293">
        <v>0</v>
      </c>
      <c r="FF17" s="293">
        <v>0</v>
      </c>
      <c r="FG17" s="293">
        <v>0</v>
      </c>
      <c r="FH17" s="293">
        <v>0</v>
      </c>
      <c r="FI17" s="296">
        <v>0</v>
      </c>
      <c r="FJ17" s="297">
        <v>0</v>
      </c>
      <c r="FK17" s="292">
        <v>0</v>
      </c>
      <c r="FL17" s="293">
        <v>0</v>
      </c>
      <c r="FM17" s="294">
        <v>0</v>
      </c>
      <c r="FN17" s="298"/>
      <c r="FO17" s="293">
        <v>0</v>
      </c>
      <c r="FP17" s="293">
        <v>0</v>
      </c>
      <c r="FQ17" s="293">
        <v>0</v>
      </c>
      <c r="FR17" s="293">
        <v>0</v>
      </c>
      <c r="FS17" s="293">
        <v>0</v>
      </c>
      <c r="FT17" s="296">
        <v>0</v>
      </c>
      <c r="FU17" s="297">
        <v>0</v>
      </c>
      <c r="FV17" s="292">
        <v>0</v>
      </c>
      <c r="FW17" s="293">
        <v>5106</v>
      </c>
      <c r="FX17" s="294">
        <v>5106</v>
      </c>
      <c r="FY17" s="295">
        <v>0</v>
      </c>
      <c r="FZ17" s="293">
        <v>13918</v>
      </c>
      <c r="GA17" s="293">
        <v>19160</v>
      </c>
      <c r="GB17" s="293">
        <v>189219</v>
      </c>
      <c r="GC17" s="293">
        <v>50085</v>
      </c>
      <c r="GD17" s="293">
        <v>7656</v>
      </c>
      <c r="GE17" s="296">
        <v>280038</v>
      </c>
      <c r="GF17" s="297">
        <v>285144</v>
      </c>
      <c r="GG17" s="292">
        <v>0</v>
      </c>
      <c r="GH17" s="293">
        <v>0</v>
      </c>
      <c r="GI17" s="294">
        <v>0</v>
      </c>
      <c r="GJ17" s="295">
        <v>0</v>
      </c>
      <c r="GK17" s="293">
        <v>1074</v>
      </c>
      <c r="GL17" s="293">
        <v>0</v>
      </c>
      <c r="GM17" s="293">
        <v>42</v>
      </c>
      <c r="GN17" s="293">
        <v>0</v>
      </c>
      <c r="GO17" s="293">
        <v>42</v>
      </c>
      <c r="GP17" s="296">
        <v>1158</v>
      </c>
      <c r="GQ17" s="297">
        <v>1158</v>
      </c>
      <c r="GR17" s="292">
        <v>0</v>
      </c>
      <c r="GS17" s="293">
        <v>0</v>
      </c>
      <c r="GT17" s="294">
        <v>0</v>
      </c>
      <c r="GU17" s="295">
        <v>0</v>
      </c>
      <c r="GV17" s="293">
        <v>0</v>
      </c>
      <c r="GW17" s="293">
        <v>0</v>
      </c>
      <c r="GX17" s="293">
        <v>0</v>
      </c>
      <c r="GY17" s="293">
        <v>0</v>
      </c>
      <c r="GZ17" s="293">
        <v>0</v>
      </c>
      <c r="HA17" s="296">
        <v>0</v>
      </c>
      <c r="HB17" s="297">
        <v>0</v>
      </c>
      <c r="HC17" s="292">
        <v>0</v>
      </c>
      <c r="HD17" s="293">
        <v>0</v>
      </c>
      <c r="HE17" s="294">
        <v>0</v>
      </c>
      <c r="HF17" s="298"/>
      <c r="HG17" s="293">
        <v>0</v>
      </c>
      <c r="HH17" s="293">
        <v>0</v>
      </c>
      <c r="HI17" s="293">
        <v>0</v>
      </c>
      <c r="HJ17" s="293">
        <v>0</v>
      </c>
      <c r="HK17" s="293">
        <v>0</v>
      </c>
      <c r="HL17" s="296">
        <v>0</v>
      </c>
      <c r="HM17" s="297">
        <v>0</v>
      </c>
      <c r="HN17" s="292">
        <v>0</v>
      </c>
      <c r="HO17" s="293">
        <v>11976</v>
      </c>
      <c r="HP17" s="294">
        <v>11976</v>
      </c>
      <c r="HQ17" s="295">
        <v>0</v>
      </c>
      <c r="HR17" s="293">
        <v>82138</v>
      </c>
      <c r="HS17" s="293">
        <v>172445</v>
      </c>
      <c r="HT17" s="293">
        <v>1385894</v>
      </c>
      <c r="HU17" s="293">
        <v>2155481</v>
      </c>
      <c r="HV17" s="293">
        <v>1372529</v>
      </c>
      <c r="HW17" s="296">
        <v>5168487</v>
      </c>
      <c r="HX17" s="297">
        <v>5180463</v>
      </c>
    </row>
    <row r="18" spans="1:232" ht="21" customHeight="1" x14ac:dyDescent="0.2">
      <c r="A18" s="498" t="s">
        <v>15</v>
      </c>
      <c r="B18" s="292">
        <v>0</v>
      </c>
      <c r="C18" s="293">
        <v>0</v>
      </c>
      <c r="D18" s="294">
        <v>0</v>
      </c>
      <c r="E18" s="295">
        <v>0</v>
      </c>
      <c r="F18" s="293">
        <v>218820</v>
      </c>
      <c r="G18" s="293">
        <v>471950</v>
      </c>
      <c r="H18" s="293">
        <v>1609325</v>
      </c>
      <c r="I18" s="293">
        <v>2173786</v>
      </c>
      <c r="J18" s="293">
        <v>1398893</v>
      </c>
      <c r="K18" s="296">
        <v>5872774</v>
      </c>
      <c r="L18" s="297">
        <v>5872774</v>
      </c>
      <c r="M18" s="292">
        <v>0</v>
      </c>
      <c r="N18" s="293">
        <v>0</v>
      </c>
      <c r="O18" s="294">
        <v>0</v>
      </c>
      <c r="P18" s="298"/>
      <c r="Q18" s="293">
        <v>2635</v>
      </c>
      <c r="R18" s="293">
        <v>35495</v>
      </c>
      <c r="S18" s="293">
        <v>872180</v>
      </c>
      <c r="T18" s="293">
        <v>1254220</v>
      </c>
      <c r="U18" s="293">
        <v>1115125</v>
      </c>
      <c r="V18" s="296">
        <v>3279655</v>
      </c>
      <c r="W18" s="297">
        <v>3279655</v>
      </c>
      <c r="X18" s="292">
        <v>0</v>
      </c>
      <c r="Y18" s="293">
        <v>0</v>
      </c>
      <c r="Z18" s="294">
        <v>0</v>
      </c>
      <c r="AA18" s="298"/>
      <c r="AB18" s="293">
        <v>214830</v>
      </c>
      <c r="AC18" s="293">
        <v>351385</v>
      </c>
      <c r="AD18" s="293">
        <v>434679</v>
      </c>
      <c r="AE18" s="293">
        <v>647295</v>
      </c>
      <c r="AF18" s="293">
        <v>95107</v>
      </c>
      <c r="AG18" s="296">
        <v>1743296</v>
      </c>
      <c r="AH18" s="297">
        <v>1743296</v>
      </c>
      <c r="AI18" s="292">
        <v>0</v>
      </c>
      <c r="AJ18" s="293">
        <v>0</v>
      </c>
      <c r="AK18" s="294">
        <v>0</v>
      </c>
      <c r="AL18" s="298"/>
      <c r="AM18" s="293">
        <v>0</v>
      </c>
      <c r="AN18" s="293">
        <v>0</v>
      </c>
      <c r="AO18" s="293">
        <v>0</v>
      </c>
      <c r="AP18" s="293">
        <v>0</v>
      </c>
      <c r="AQ18" s="293">
        <v>0</v>
      </c>
      <c r="AR18" s="296">
        <v>0</v>
      </c>
      <c r="AS18" s="297">
        <v>0</v>
      </c>
      <c r="AT18" s="292">
        <v>0</v>
      </c>
      <c r="AU18" s="293">
        <v>0</v>
      </c>
      <c r="AV18" s="294">
        <v>0</v>
      </c>
      <c r="AW18" s="298"/>
      <c r="AX18" s="293">
        <v>0</v>
      </c>
      <c r="AY18" s="293">
        <v>0</v>
      </c>
      <c r="AZ18" s="293">
        <v>0</v>
      </c>
      <c r="BA18" s="293">
        <v>0</v>
      </c>
      <c r="BB18" s="293">
        <v>0</v>
      </c>
      <c r="BC18" s="296">
        <v>0</v>
      </c>
      <c r="BD18" s="297">
        <v>0</v>
      </c>
      <c r="BE18" s="292">
        <v>0</v>
      </c>
      <c r="BF18" s="293">
        <v>0</v>
      </c>
      <c r="BG18" s="294">
        <v>0</v>
      </c>
      <c r="BH18" s="298"/>
      <c r="BI18" s="293">
        <v>0</v>
      </c>
      <c r="BJ18" s="293">
        <v>0</v>
      </c>
      <c r="BK18" s="293">
        <v>104575</v>
      </c>
      <c r="BL18" s="293">
        <v>48515</v>
      </c>
      <c r="BM18" s="293">
        <v>133455</v>
      </c>
      <c r="BN18" s="296">
        <v>286545</v>
      </c>
      <c r="BO18" s="297">
        <v>286545</v>
      </c>
      <c r="BP18" s="292">
        <v>0</v>
      </c>
      <c r="BQ18" s="293">
        <v>0</v>
      </c>
      <c r="BR18" s="294">
        <v>0</v>
      </c>
      <c r="BS18" s="295">
        <v>0</v>
      </c>
      <c r="BT18" s="293">
        <v>1065</v>
      </c>
      <c r="BU18" s="293">
        <v>85070</v>
      </c>
      <c r="BV18" s="293">
        <v>195434</v>
      </c>
      <c r="BW18" s="293">
        <v>222741</v>
      </c>
      <c r="BX18" s="293">
        <v>55146</v>
      </c>
      <c r="BY18" s="296">
        <v>559456</v>
      </c>
      <c r="BZ18" s="297">
        <v>559456</v>
      </c>
      <c r="CA18" s="292">
        <v>0</v>
      </c>
      <c r="CB18" s="293">
        <v>0</v>
      </c>
      <c r="CC18" s="294">
        <v>0</v>
      </c>
      <c r="CD18" s="295">
        <v>0</v>
      </c>
      <c r="CE18" s="293">
        <v>290</v>
      </c>
      <c r="CF18" s="293">
        <v>0</v>
      </c>
      <c r="CG18" s="293">
        <v>2457</v>
      </c>
      <c r="CH18" s="293">
        <v>1015</v>
      </c>
      <c r="CI18" s="293">
        <v>60</v>
      </c>
      <c r="CJ18" s="296">
        <v>3822</v>
      </c>
      <c r="CK18" s="297">
        <v>3822</v>
      </c>
      <c r="CL18" s="292">
        <v>0</v>
      </c>
      <c r="CM18" s="293">
        <v>0</v>
      </c>
      <c r="CN18" s="294">
        <v>0</v>
      </c>
      <c r="CO18" s="295">
        <v>0</v>
      </c>
      <c r="CP18" s="293">
        <v>0</v>
      </c>
      <c r="CQ18" s="293">
        <v>0</v>
      </c>
      <c r="CR18" s="293">
        <v>0</v>
      </c>
      <c r="CS18" s="293">
        <v>0</v>
      </c>
      <c r="CT18" s="293">
        <v>0</v>
      </c>
      <c r="CU18" s="296">
        <v>0</v>
      </c>
      <c r="CV18" s="297">
        <v>0</v>
      </c>
      <c r="CW18" s="292">
        <v>0</v>
      </c>
      <c r="CX18" s="293">
        <v>0</v>
      </c>
      <c r="CY18" s="294">
        <v>0</v>
      </c>
      <c r="CZ18" s="298"/>
      <c r="DA18" s="293">
        <v>0</v>
      </c>
      <c r="DB18" s="293">
        <v>0</v>
      </c>
      <c r="DC18" s="293">
        <v>0</v>
      </c>
      <c r="DD18" s="293">
        <v>0</v>
      </c>
      <c r="DE18" s="293">
        <v>0</v>
      </c>
      <c r="DF18" s="296">
        <v>0</v>
      </c>
      <c r="DG18" s="297">
        <v>0</v>
      </c>
      <c r="DH18" s="292">
        <v>0</v>
      </c>
      <c r="DI18" s="293">
        <v>0</v>
      </c>
      <c r="DJ18" s="294">
        <v>0</v>
      </c>
      <c r="DK18" s="295">
        <v>0</v>
      </c>
      <c r="DL18" s="293">
        <v>33937</v>
      </c>
      <c r="DM18" s="293">
        <v>215700</v>
      </c>
      <c r="DN18" s="293">
        <v>1568975</v>
      </c>
      <c r="DO18" s="293">
        <v>1976026</v>
      </c>
      <c r="DP18" s="293">
        <v>1396603</v>
      </c>
      <c r="DQ18" s="296">
        <v>5191241</v>
      </c>
      <c r="DR18" s="299">
        <v>5191241</v>
      </c>
      <c r="DS18" s="292">
        <v>0</v>
      </c>
      <c r="DT18" s="293">
        <v>0</v>
      </c>
      <c r="DU18" s="294">
        <v>0</v>
      </c>
      <c r="DV18" s="298"/>
      <c r="DW18" s="293">
        <v>10881</v>
      </c>
      <c r="DX18" s="293">
        <v>26505</v>
      </c>
      <c r="DY18" s="293">
        <v>1043921</v>
      </c>
      <c r="DZ18" s="293">
        <v>1458600</v>
      </c>
      <c r="EA18" s="293">
        <v>1159379</v>
      </c>
      <c r="EB18" s="296">
        <v>3699286</v>
      </c>
      <c r="EC18" s="297">
        <v>3699286</v>
      </c>
      <c r="ED18" s="292">
        <v>0</v>
      </c>
      <c r="EE18" s="293">
        <v>0</v>
      </c>
      <c r="EF18" s="294">
        <v>0</v>
      </c>
      <c r="EG18" s="298"/>
      <c r="EH18" s="293">
        <v>14074</v>
      </c>
      <c r="EI18" s="293">
        <v>61039</v>
      </c>
      <c r="EJ18" s="293">
        <v>48943</v>
      </c>
      <c r="EK18" s="293">
        <v>42763</v>
      </c>
      <c r="EL18" s="293">
        <v>22948</v>
      </c>
      <c r="EM18" s="296">
        <v>189767</v>
      </c>
      <c r="EN18" s="297">
        <v>189767</v>
      </c>
      <c r="EO18" s="292">
        <v>0</v>
      </c>
      <c r="EP18" s="293">
        <v>0</v>
      </c>
      <c r="EQ18" s="294">
        <v>0</v>
      </c>
      <c r="ER18" s="298"/>
      <c r="ES18" s="293">
        <v>0</v>
      </c>
      <c r="ET18" s="293">
        <v>0</v>
      </c>
      <c r="EU18" s="293">
        <v>0</v>
      </c>
      <c r="EV18" s="293">
        <v>0</v>
      </c>
      <c r="EW18" s="293">
        <v>0</v>
      </c>
      <c r="EX18" s="296">
        <v>0</v>
      </c>
      <c r="EY18" s="297">
        <v>0</v>
      </c>
      <c r="EZ18" s="292">
        <v>0</v>
      </c>
      <c r="FA18" s="293">
        <v>0</v>
      </c>
      <c r="FB18" s="294">
        <v>0</v>
      </c>
      <c r="FC18" s="298"/>
      <c r="FD18" s="293">
        <v>0</v>
      </c>
      <c r="FE18" s="293">
        <v>0</v>
      </c>
      <c r="FF18" s="293">
        <v>0</v>
      </c>
      <c r="FG18" s="293">
        <v>0</v>
      </c>
      <c r="FH18" s="293">
        <v>0</v>
      </c>
      <c r="FI18" s="296">
        <v>0</v>
      </c>
      <c r="FJ18" s="297">
        <v>0</v>
      </c>
      <c r="FK18" s="292">
        <v>0</v>
      </c>
      <c r="FL18" s="293">
        <v>0</v>
      </c>
      <c r="FM18" s="294">
        <v>0</v>
      </c>
      <c r="FN18" s="298"/>
      <c r="FO18" s="293">
        <v>0</v>
      </c>
      <c r="FP18" s="293">
        <v>0</v>
      </c>
      <c r="FQ18" s="293">
        <v>165282</v>
      </c>
      <c r="FR18" s="293">
        <v>166222</v>
      </c>
      <c r="FS18" s="293">
        <v>168640</v>
      </c>
      <c r="FT18" s="296">
        <v>500144</v>
      </c>
      <c r="FU18" s="297">
        <v>500144</v>
      </c>
      <c r="FV18" s="292">
        <v>0</v>
      </c>
      <c r="FW18" s="293">
        <v>0</v>
      </c>
      <c r="FX18" s="294">
        <v>0</v>
      </c>
      <c r="FY18" s="295">
        <v>0</v>
      </c>
      <c r="FZ18" s="293">
        <v>7908</v>
      </c>
      <c r="GA18" s="293">
        <v>128156</v>
      </c>
      <c r="GB18" s="293">
        <v>307295</v>
      </c>
      <c r="GC18" s="293">
        <v>305219</v>
      </c>
      <c r="GD18" s="293">
        <v>45615</v>
      </c>
      <c r="GE18" s="296">
        <v>794193</v>
      </c>
      <c r="GF18" s="297">
        <v>794193</v>
      </c>
      <c r="GG18" s="292">
        <v>0</v>
      </c>
      <c r="GH18" s="293">
        <v>0</v>
      </c>
      <c r="GI18" s="294">
        <v>0</v>
      </c>
      <c r="GJ18" s="295">
        <v>0</v>
      </c>
      <c r="GK18" s="293">
        <v>1074</v>
      </c>
      <c r="GL18" s="293">
        <v>0</v>
      </c>
      <c r="GM18" s="293">
        <v>3534</v>
      </c>
      <c r="GN18" s="293">
        <v>3222</v>
      </c>
      <c r="GO18" s="293">
        <v>21</v>
      </c>
      <c r="GP18" s="296">
        <v>7851</v>
      </c>
      <c r="GQ18" s="297">
        <v>7851</v>
      </c>
      <c r="GR18" s="292">
        <v>0</v>
      </c>
      <c r="GS18" s="293">
        <v>0</v>
      </c>
      <c r="GT18" s="294">
        <v>0</v>
      </c>
      <c r="GU18" s="295">
        <v>0</v>
      </c>
      <c r="GV18" s="293">
        <v>0</v>
      </c>
      <c r="GW18" s="293">
        <v>0</v>
      </c>
      <c r="GX18" s="293">
        <v>0</v>
      </c>
      <c r="GY18" s="293">
        <v>0</v>
      </c>
      <c r="GZ18" s="293">
        <v>0</v>
      </c>
      <c r="HA18" s="296">
        <v>0</v>
      </c>
      <c r="HB18" s="297">
        <v>0</v>
      </c>
      <c r="HC18" s="292">
        <v>0</v>
      </c>
      <c r="HD18" s="293">
        <v>0</v>
      </c>
      <c r="HE18" s="294">
        <v>0</v>
      </c>
      <c r="HF18" s="298"/>
      <c r="HG18" s="293">
        <v>0</v>
      </c>
      <c r="HH18" s="293">
        <v>0</v>
      </c>
      <c r="HI18" s="293">
        <v>0</v>
      </c>
      <c r="HJ18" s="293">
        <v>0</v>
      </c>
      <c r="HK18" s="293">
        <v>0</v>
      </c>
      <c r="HL18" s="296">
        <v>0</v>
      </c>
      <c r="HM18" s="297">
        <v>0</v>
      </c>
      <c r="HN18" s="292">
        <v>0</v>
      </c>
      <c r="HO18" s="293">
        <v>0</v>
      </c>
      <c r="HP18" s="294">
        <v>0</v>
      </c>
      <c r="HQ18" s="295">
        <v>0</v>
      </c>
      <c r="HR18" s="293">
        <v>252757</v>
      </c>
      <c r="HS18" s="293">
        <v>687650</v>
      </c>
      <c r="HT18" s="293">
        <v>3178300</v>
      </c>
      <c r="HU18" s="293">
        <v>4149812</v>
      </c>
      <c r="HV18" s="293">
        <v>2795496</v>
      </c>
      <c r="HW18" s="296">
        <v>11064015</v>
      </c>
      <c r="HX18" s="297">
        <v>11064015</v>
      </c>
    </row>
    <row r="19" spans="1:232" ht="21" customHeight="1" x14ac:dyDescent="0.2">
      <c r="A19" s="498" t="s">
        <v>16</v>
      </c>
      <c r="B19" s="292">
        <v>0</v>
      </c>
      <c r="C19" s="293">
        <v>0</v>
      </c>
      <c r="D19" s="294">
        <v>0</v>
      </c>
      <c r="E19" s="295">
        <v>0</v>
      </c>
      <c r="F19" s="293">
        <v>311335</v>
      </c>
      <c r="G19" s="293">
        <v>917932</v>
      </c>
      <c r="H19" s="293">
        <v>2949593</v>
      </c>
      <c r="I19" s="293">
        <v>3501631</v>
      </c>
      <c r="J19" s="293">
        <v>2256749</v>
      </c>
      <c r="K19" s="296">
        <v>9937240</v>
      </c>
      <c r="L19" s="297">
        <v>9937240</v>
      </c>
      <c r="M19" s="292">
        <v>0</v>
      </c>
      <c r="N19" s="293">
        <v>0</v>
      </c>
      <c r="O19" s="294">
        <v>0</v>
      </c>
      <c r="P19" s="298"/>
      <c r="Q19" s="293">
        <v>99830</v>
      </c>
      <c r="R19" s="293">
        <v>86955</v>
      </c>
      <c r="S19" s="293">
        <v>1918175</v>
      </c>
      <c r="T19" s="293">
        <v>2528284</v>
      </c>
      <c r="U19" s="293">
        <v>1624138</v>
      </c>
      <c r="V19" s="296">
        <v>6257382</v>
      </c>
      <c r="W19" s="297">
        <v>6257382</v>
      </c>
      <c r="X19" s="292">
        <v>0</v>
      </c>
      <c r="Y19" s="293">
        <v>0</v>
      </c>
      <c r="Z19" s="294">
        <v>0</v>
      </c>
      <c r="AA19" s="298"/>
      <c r="AB19" s="293">
        <v>147255</v>
      </c>
      <c r="AC19" s="293">
        <v>754035</v>
      </c>
      <c r="AD19" s="293">
        <v>839120</v>
      </c>
      <c r="AE19" s="293">
        <v>692958</v>
      </c>
      <c r="AF19" s="293">
        <v>297146</v>
      </c>
      <c r="AG19" s="296">
        <v>2730514</v>
      </c>
      <c r="AH19" s="297">
        <v>2730514</v>
      </c>
      <c r="AI19" s="292">
        <v>0</v>
      </c>
      <c r="AJ19" s="293">
        <v>0</v>
      </c>
      <c r="AK19" s="294">
        <v>0</v>
      </c>
      <c r="AL19" s="298"/>
      <c r="AM19" s="293">
        <v>0</v>
      </c>
      <c r="AN19" s="293">
        <v>0</v>
      </c>
      <c r="AO19" s="293">
        <v>0</v>
      </c>
      <c r="AP19" s="293">
        <v>0</v>
      </c>
      <c r="AQ19" s="293">
        <v>0</v>
      </c>
      <c r="AR19" s="296">
        <v>0</v>
      </c>
      <c r="AS19" s="297">
        <v>0</v>
      </c>
      <c r="AT19" s="292">
        <v>0</v>
      </c>
      <c r="AU19" s="293">
        <v>0</v>
      </c>
      <c r="AV19" s="294">
        <v>0</v>
      </c>
      <c r="AW19" s="298"/>
      <c r="AX19" s="293">
        <v>0</v>
      </c>
      <c r="AY19" s="293">
        <v>0</v>
      </c>
      <c r="AZ19" s="293">
        <v>32705</v>
      </c>
      <c r="BA19" s="293">
        <v>141670</v>
      </c>
      <c r="BB19" s="293">
        <v>148555</v>
      </c>
      <c r="BC19" s="296">
        <v>322930</v>
      </c>
      <c r="BD19" s="297">
        <v>322930</v>
      </c>
      <c r="BE19" s="292">
        <v>0</v>
      </c>
      <c r="BF19" s="293">
        <v>0</v>
      </c>
      <c r="BG19" s="294">
        <v>0</v>
      </c>
      <c r="BH19" s="298"/>
      <c r="BI19" s="293">
        <v>0</v>
      </c>
      <c r="BJ19" s="293">
        <v>29915</v>
      </c>
      <c r="BK19" s="293">
        <v>35185</v>
      </c>
      <c r="BL19" s="293">
        <v>73315</v>
      </c>
      <c r="BM19" s="293">
        <v>150855</v>
      </c>
      <c r="BN19" s="296">
        <v>289270</v>
      </c>
      <c r="BO19" s="297">
        <v>289270</v>
      </c>
      <c r="BP19" s="292">
        <v>0</v>
      </c>
      <c r="BQ19" s="293">
        <v>0</v>
      </c>
      <c r="BR19" s="294">
        <v>0</v>
      </c>
      <c r="BS19" s="295">
        <v>0</v>
      </c>
      <c r="BT19" s="293">
        <v>64250</v>
      </c>
      <c r="BU19" s="293">
        <v>47027</v>
      </c>
      <c r="BV19" s="293">
        <v>124408</v>
      </c>
      <c r="BW19" s="293">
        <v>63249</v>
      </c>
      <c r="BX19" s="293">
        <v>36055</v>
      </c>
      <c r="BY19" s="296">
        <v>334989</v>
      </c>
      <c r="BZ19" s="297">
        <v>334989</v>
      </c>
      <c r="CA19" s="292">
        <v>0</v>
      </c>
      <c r="CB19" s="293">
        <v>0</v>
      </c>
      <c r="CC19" s="294">
        <v>0</v>
      </c>
      <c r="CD19" s="295">
        <v>0</v>
      </c>
      <c r="CE19" s="293">
        <v>0</v>
      </c>
      <c r="CF19" s="293">
        <v>0</v>
      </c>
      <c r="CG19" s="293">
        <v>0</v>
      </c>
      <c r="CH19" s="293">
        <v>2155</v>
      </c>
      <c r="CI19" s="293">
        <v>0</v>
      </c>
      <c r="CJ19" s="296">
        <v>2155</v>
      </c>
      <c r="CK19" s="297">
        <v>2155</v>
      </c>
      <c r="CL19" s="292">
        <v>0</v>
      </c>
      <c r="CM19" s="293">
        <v>0</v>
      </c>
      <c r="CN19" s="294">
        <v>0</v>
      </c>
      <c r="CO19" s="295">
        <v>0</v>
      </c>
      <c r="CP19" s="293">
        <v>0</v>
      </c>
      <c r="CQ19" s="293">
        <v>0</v>
      </c>
      <c r="CR19" s="293">
        <v>0</v>
      </c>
      <c r="CS19" s="293">
        <v>0</v>
      </c>
      <c r="CT19" s="293">
        <v>0</v>
      </c>
      <c r="CU19" s="296">
        <v>0</v>
      </c>
      <c r="CV19" s="297">
        <v>0</v>
      </c>
      <c r="CW19" s="292">
        <v>0</v>
      </c>
      <c r="CX19" s="293">
        <v>0</v>
      </c>
      <c r="CY19" s="294">
        <v>0</v>
      </c>
      <c r="CZ19" s="298"/>
      <c r="DA19" s="293">
        <v>0</v>
      </c>
      <c r="DB19" s="293">
        <v>0</v>
      </c>
      <c r="DC19" s="293">
        <v>0</v>
      </c>
      <c r="DD19" s="293">
        <v>0</v>
      </c>
      <c r="DE19" s="293">
        <v>0</v>
      </c>
      <c r="DF19" s="296">
        <v>0</v>
      </c>
      <c r="DG19" s="297">
        <v>0</v>
      </c>
      <c r="DH19" s="292">
        <v>0</v>
      </c>
      <c r="DI19" s="293">
        <v>0</v>
      </c>
      <c r="DJ19" s="294">
        <v>0</v>
      </c>
      <c r="DK19" s="295">
        <v>0</v>
      </c>
      <c r="DL19" s="293">
        <v>377358</v>
      </c>
      <c r="DM19" s="293">
        <v>712453</v>
      </c>
      <c r="DN19" s="293">
        <v>3098483</v>
      </c>
      <c r="DO19" s="293">
        <v>3972282</v>
      </c>
      <c r="DP19" s="293">
        <v>2415258</v>
      </c>
      <c r="DQ19" s="296">
        <v>10575834</v>
      </c>
      <c r="DR19" s="299">
        <v>10575834</v>
      </c>
      <c r="DS19" s="292">
        <v>0</v>
      </c>
      <c r="DT19" s="293">
        <v>0</v>
      </c>
      <c r="DU19" s="294">
        <v>0</v>
      </c>
      <c r="DV19" s="298"/>
      <c r="DW19" s="293">
        <v>102667</v>
      </c>
      <c r="DX19" s="293">
        <v>254293</v>
      </c>
      <c r="DY19" s="293">
        <v>2519463</v>
      </c>
      <c r="DZ19" s="293">
        <v>3493104</v>
      </c>
      <c r="EA19" s="293">
        <v>2046321</v>
      </c>
      <c r="EB19" s="296">
        <v>8415848</v>
      </c>
      <c r="EC19" s="297">
        <v>8415848</v>
      </c>
      <c r="ED19" s="292">
        <v>0</v>
      </c>
      <c r="EE19" s="293">
        <v>0</v>
      </c>
      <c r="EF19" s="294">
        <v>0</v>
      </c>
      <c r="EG19" s="298"/>
      <c r="EH19" s="293">
        <v>177435</v>
      </c>
      <c r="EI19" s="293">
        <v>278348</v>
      </c>
      <c r="EJ19" s="293">
        <v>260355</v>
      </c>
      <c r="EK19" s="293">
        <v>206384</v>
      </c>
      <c r="EL19" s="293">
        <v>90290</v>
      </c>
      <c r="EM19" s="296">
        <v>1012812</v>
      </c>
      <c r="EN19" s="297">
        <v>1012812</v>
      </c>
      <c r="EO19" s="292">
        <v>0</v>
      </c>
      <c r="EP19" s="293">
        <v>0</v>
      </c>
      <c r="EQ19" s="294">
        <v>0</v>
      </c>
      <c r="ER19" s="298"/>
      <c r="ES19" s="293">
        <v>0</v>
      </c>
      <c r="ET19" s="293">
        <v>0</v>
      </c>
      <c r="EU19" s="293">
        <v>0</v>
      </c>
      <c r="EV19" s="293">
        <v>0</v>
      </c>
      <c r="EW19" s="293">
        <v>0</v>
      </c>
      <c r="EX19" s="296">
        <v>0</v>
      </c>
      <c r="EY19" s="297">
        <v>0</v>
      </c>
      <c r="EZ19" s="292">
        <v>0</v>
      </c>
      <c r="FA19" s="293">
        <v>0</v>
      </c>
      <c r="FB19" s="294">
        <v>0</v>
      </c>
      <c r="FC19" s="298"/>
      <c r="FD19" s="293">
        <v>0</v>
      </c>
      <c r="FE19" s="293">
        <v>0</v>
      </c>
      <c r="FF19" s="293">
        <v>217</v>
      </c>
      <c r="FG19" s="293">
        <v>24242</v>
      </c>
      <c r="FH19" s="293">
        <v>24809</v>
      </c>
      <c r="FI19" s="296">
        <v>49268</v>
      </c>
      <c r="FJ19" s="297">
        <v>49268</v>
      </c>
      <c r="FK19" s="292">
        <v>0</v>
      </c>
      <c r="FL19" s="293">
        <v>0</v>
      </c>
      <c r="FM19" s="294">
        <v>0</v>
      </c>
      <c r="FN19" s="298"/>
      <c r="FO19" s="293">
        <v>0</v>
      </c>
      <c r="FP19" s="293">
        <v>64728</v>
      </c>
      <c r="FQ19" s="293">
        <v>107880</v>
      </c>
      <c r="FR19" s="293">
        <v>138260</v>
      </c>
      <c r="FS19" s="293">
        <v>189848</v>
      </c>
      <c r="FT19" s="296">
        <v>500716</v>
      </c>
      <c r="FU19" s="297">
        <v>500716</v>
      </c>
      <c r="FV19" s="292">
        <v>0</v>
      </c>
      <c r="FW19" s="293">
        <v>0</v>
      </c>
      <c r="FX19" s="294">
        <v>0</v>
      </c>
      <c r="FY19" s="295">
        <v>0</v>
      </c>
      <c r="FZ19" s="293">
        <v>97256</v>
      </c>
      <c r="GA19" s="293">
        <v>115084</v>
      </c>
      <c r="GB19" s="293">
        <v>209852</v>
      </c>
      <c r="GC19" s="293">
        <v>110271</v>
      </c>
      <c r="GD19" s="293">
        <v>63990</v>
      </c>
      <c r="GE19" s="296">
        <v>596453</v>
      </c>
      <c r="GF19" s="297">
        <v>596453</v>
      </c>
      <c r="GG19" s="292">
        <v>0</v>
      </c>
      <c r="GH19" s="293">
        <v>0</v>
      </c>
      <c r="GI19" s="294">
        <v>0</v>
      </c>
      <c r="GJ19" s="295">
        <v>0</v>
      </c>
      <c r="GK19" s="293">
        <v>0</v>
      </c>
      <c r="GL19" s="293">
        <v>0</v>
      </c>
      <c r="GM19" s="293">
        <v>716</v>
      </c>
      <c r="GN19" s="293">
        <v>21</v>
      </c>
      <c r="GO19" s="293">
        <v>0</v>
      </c>
      <c r="GP19" s="296">
        <v>737</v>
      </c>
      <c r="GQ19" s="297">
        <v>737</v>
      </c>
      <c r="GR19" s="292">
        <v>0</v>
      </c>
      <c r="GS19" s="293">
        <v>0</v>
      </c>
      <c r="GT19" s="294">
        <v>0</v>
      </c>
      <c r="GU19" s="295">
        <v>0</v>
      </c>
      <c r="GV19" s="293">
        <v>0</v>
      </c>
      <c r="GW19" s="293">
        <v>0</v>
      </c>
      <c r="GX19" s="293">
        <v>0</v>
      </c>
      <c r="GY19" s="293">
        <v>0</v>
      </c>
      <c r="GZ19" s="293">
        <v>0</v>
      </c>
      <c r="HA19" s="296">
        <v>0</v>
      </c>
      <c r="HB19" s="297">
        <v>0</v>
      </c>
      <c r="HC19" s="292">
        <v>0</v>
      </c>
      <c r="HD19" s="293">
        <v>0</v>
      </c>
      <c r="HE19" s="294">
        <v>0</v>
      </c>
      <c r="HF19" s="298"/>
      <c r="HG19" s="293">
        <v>0</v>
      </c>
      <c r="HH19" s="293">
        <v>0</v>
      </c>
      <c r="HI19" s="293">
        <v>0</v>
      </c>
      <c r="HJ19" s="293">
        <v>0</v>
      </c>
      <c r="HK19" s="293">
        <v>0</v>
      </c>
      <c r="HL19" s="296">
        <v>0</v>
      </c>
      <c r="HM19" s="297">
        <v>0</v>
      </c>
      <c r="HN19" s="292">
        <v>0</v>
      </c>
      <c r="HO19" s="293">
        <v>0</v>
      </c>
      <c r="HP19" s="294">
        <v>0</v>
      </c>
      <c r="HQ19" s="295">
        <v>0</v>
      </c>
      <c r="HR19" s="293">
        <v>688693</v>
      </c>
      <c r="HS19" s="293">
        <v>1630385</v>
      </c>
      <c r="HT19" s="293">
        <v>6048076</v>
      </c>
      <c r="HU19" s="293">
        <v>7473913</v>
      </c>
      <c r="HV19" s="293">
        <v>4672007</v>
      </c>
      <c r="HW19" s="296">
        <v>20513074</v>
      </c>
      <c r="HX19" s="297">
        <v>20513074</v>
      </c>
    </row>
    <row r="20" spans="1:232" ht="21" customHeight="1" x14ac:dyDescent="0.2">
      <c r="A20" s="498" t="s">
        <v>17</v>
      </c>
      <c r="B20" s="292">
        <v>0</v>
      </c>
      <c r="C20" s="293">
        <v>0</v>
      </c>
      <c r="D20" s="294">
        <v>0</v>
      </c>
      <c r="E20" s="295">
        <v>0</v>
      </c>
      <c r="F20" s="293">
        <v>261475</v>
      </c>
      <c r="G20" s="293">
        <v>1070127</v>
      </c>
      <c r="H20" s="293">
        <v>2950475</v>
      </c>
      <c r="I20" s="293">
        <v>3196700</v>
      </c>
      <c r="J20" s="293">
        <v>2632415</v>
      </c>
      <c r="K20" s="296">
        <v>10111192</v>
      </c>
      <c r="L20" s="297">
        <v>10111192</v>
      </c>
      <c r="M20" s="292">
        <v>0</v>
      </c>
      <c r="N20" s="293">
        <v>0</v>
      </c>
      <c r="O20" s="294">
        <v>0</v>
      </c>
      <c r="P20" s="298"/>
      <c r="Q20" s="293">
        <v>24645</v>
      </c>
      <c r="R20" s="293">
        <v>193285</v>
      </c>
      <c r="S20" s="293">
        <v>1578410</v>
      </c>
      <c r="T20" s="293">
        <v>2269135</v>
      </c>
      <c r="U20" s="293">
        <v>2039660</v>
      </c>
      <c r="V20" s="296">
        <v>6105135</v>
      </c>
      <c r="W20" s="297">
        <v>6105135</v>
      </c>
      <c r="X20" s="292">
        <v>0</v>
      </c>
      <c r="Y20" s="293">
        <v>0</v>
      </c>
      <c r="Z20" s="294">
        <v>0</v>
      </c>
      <c r="AA20" s="298"/>
      <c r="AB20" s="293">
        <v>180645</v>
      </c>
      <c r="AC20" s="293">
        <v>765785</v>
      </c>
      <c r="AD20" s="293">
        <v>843150</v>
      </c>
      <c r="AE20" s="293">
        <v>497855</v>
      </c>
      <c r="AF20" s="293">
        <v>167535</v>
      </c>
      <c r="AG20" s="296">
        <v>2454970</v>
      </c>
      <c r="AH20" s="297">
        <v>2454970</v>
      </c>
      <c r="AI20" s="292">
        <v>0</v>
      </c>
      <c r="AJ20" s="293">
        <v>0</v>
      </c>
      <c r="AK20" s="294">
        <v>0</v>
      </c>
      <c r="AL20" s="298"/>
      <c r="AM20" s="293">
        <v>0</v>
      </c>
      <c r="AN20" s="293">
        <v>0</v>
      </c>
      <c r="AO20" s="293">
        <v>0</v>
      </c>
      <c r="AP20" s="293">
        <v>0</v>
      </c>
      <c r="AQ20" s="293">
        <v>35340</v>
      </c>
      <c r="AR20" s="296">
        <v>35340</v>
      </c>
      <c r="AS20" s="297">
        <v>35340</v>
      </c>
      <c r="AT20" s="292">
        <v>0</v>
      </c>
      <c r="AU20" s="293">
        <v>0</v>
      </c>
      <c r="AV20" s="294">
        <v>0</v>
      </c>
      <c r="AW20" s="298"/>
      <c r="AX20" s="293">
        <v>0</v>
      </c>
      <c r="AY20" s="293">
        <v>0</v>
      </c>
      <c r="AZ20" s="293">
        <v>0</v>
      </c>
      <c r="BA20" s="293">
        <v>2635</v>
      </c>
      <c r="BB20" s="293">
        <v>35340</v>
      </c>
      <c r="BC20" s="296">
        <v>37975</v>
      </c>
      <c r="BD20" s="297">
        <v>37975</v>
      </c>
      <c r="BE20" s="292">
        <v>0</v>
      </c>
      <c r="BF20" s="293">
        <v>0</v>
      </c>
      <c r="BG20" s="294">
        <v>0</v>
      </c>
      <c r="BH20" s="298"/>
      <c r="BI20" s="293">
        <v>0</v>
      </c>
      <c r="BJ20" s="293">
        <v>2635</v>
      </c>
      <c r="BK20" s="293">
        <v>266755</v>
      </c>
      <c r="BL20" s="293">
        <v>151915</v>
      </c>
      <c r="BM20" s="293">
        <v>269080</v>
      </c>
      <c r="BN20" s="296">
        <v>690385</v>
      </c>
      <c r="BO20" s="297">
        <v>690385</v>
      </c>
      <c r="BP20" s="292">
        <v>0</v>
      </c>
      <c r="BQ20" s="293">
        <v>0</v>
      </c>
      <c r="BR20" s="294">
        <v>0</v>
      </c>
      <c r="BS20" s="295">
        <v>0</v>
      </c>
      <c r="BT20" s="293">
        <v>55895</v>
      </c>
      <c r="BU20" s="293">
        <v>107407</v>
      </c>
      <c r="BV20" s="293">
        <v>260565</v>
      </c>
      <c r="BW20" s="293">
        <v>272770</v>
      </c>
      <c r="BX20" s="293">
        <v>54105</v>
      </c>
      <c r="BY20" s="296">
        <v>750742</v>
      </c>
      <c r="BZ20" s="297">
        <v>750742</v>
      </c>
      <c r="CA20" s="292">
        <v>0</v>
      </c>
      <c r="CB20" s="293">
        <v>0</v>
      </c>
      <c r="CC20" s="294">
        <v>0</v>
      </c>
      <c r="CD20" s="295">
        <v>0</v>
      </c>
      <c r="CE20" s="293">
        <v>290</v>
      </c>
      <c r="CF20" s="293">
        <v>1015</v>
      </c>
      <c r="CG20" s="293">
        <v>1595</v>
      </c>
      <c r="CH20" s="293">
        <v>2390</v>
      </c>
      <c r="CI20" s="293">
        <v>31355</v>
      </c>
      <c r="CJ20" s="296">
        <v>36645</v>
      </c>
      <c r="CK20" s="297">
        <v>36645</v>
      </c>
      <c r="CL20" s="292">
        <v>0</v>
      </c>
      <c r="CM20" s="293">
        <v>0</v>
      </c>
      <c r="CN20" s="294">
        <v>0</v>
      </c>
      <c r="CO20" s="295">
        <v>0</v>
      </c>
      <c r="CP20" s="293">
        <v>0</v>
      </c>
      <c r="CQ20" s="293">
        <v>0</v>
      </c>
      <c r="CR20" s="293">
        <v>0</v>
      </c>
      <c r="CS20" s="293">
        <v>0</v>
      </c>
      <c r="CT20" s="293">
        <v>0</v>
      </c>
      <c r="CU20" s="296">
        <v>0</v>
      </c>
      <c r="CV20" s="297">
        <v>0</v>
      </c>
      <c r="CW20" s="292">
        <v>0</v>
      </c>
      <c r="CX20" s="293">
        <v>0</v>
      </c>
      <c r="CY20" s="294">
        <v>0</v>
      </c>
      <c r="CZ20" s="298"/>
      <c r="DA20" s="293">
        <v>0</v>
      </c>
      <c r="DB20" s="293">
        <v>0</v>
      </c>
      <c r="DC20" s="293">
        <v>0</v>
      </c>
      <c r="DD20" s="293">
        <v>0</v>
      </c>
      <c r="DE20" s="293">
        <v>0</v>
      </c>
      <c r="DF20" s="296">
        <v>0</v>
      </c>
      <c r="DG20" s="297">
        <v>0</v>
      </c>
      <c r="DH20" s="292">
        <v>0</v>
      </c>
      <c r="DI20" s="293">
        <v>0</v>
      </c>
      <c r="DJ20" s="294">
        <v>0</v>
      </c>
      <c r="DK20" s="295">
        <v>0</v>
      </c>
      <c r="DL20" s="293">
        <v>101453</v>
      </c>
      <c r="DM20" s="293">
        <v>442348</v>
      </c>
      <c r="DN20" s="293">
        <v>2980717</v>
      </c>
      <c r="DO20" s="293">
        <v>3735023</v>
      </c>
      <c r="DP20" s="293">
        <v>2933851</v>
      </c>
      <c r="DQ20" s="296">
        <v>10193392</v>
      </c>
      <c r="DR20" s="299">
        <v>10193392</v>
      </c>
      <c r="DS20" s="292">
        <v>0</v>
      </c>
      <c r="DT20" s="293">
        <v>0</v>
      </c>
      <c r="DU20" s="294">
        <v>0</v>
      </c>
      <c r="DV20" s="298"/>
      <c r="DW20" s="293">
        <v>15035</v>
      </c>
      <c r="DX20" s="293">
        <v>256277</v>
      </c>
      <c r="DY20" s="293">
        <v>2177431</v>
      </c>
      <c r="DZ20" s="293">
        <v>3113160</v>
      </c>
      <c r="EA20" s="293">
        <v>2427541</v>
      </c>
      <c r="EB20" s="296">
        <v>7989444</v>
      </c>
      <c r="EC20" s="297">
        <v>7989444</v>
      </c>
      <c r="ED20" s="292">
        <v>0</v>
      </c>
      <c r="EE20" s="293">
        <v>0</v>
      </c>
      <c r="EF20" s="294">
        <v>0</v>
      </c>
      <c r="EG20" s="298"/>
      <c r="EH20" s="293">
        <v>2639</v>
      </c>
      <c r="EI20" s="293">
        <v>40381</v>
      </c>
      <c r="EJ20" s="293">
        <v>89729</v>
      </c>
      <c r="EK20" s="293">
        <v>42676</v>
      </c>
      <c r="EL20" s="293">
        <v>17411</v>
      </c>
      <c r="EM20" s="296">
        <v>192836</v>
      </c>
      <c r="EN20" s="297">
        <v>192836</v>
      </c>
      <c r="EO20" s="292">
        <v>0</v>
      </c>
      <c r="EP20" s="293">
        <v>0</v>
      </c>
      <c r="EQ20" s="294">
        <v>0</v>
      </c>
      <c r="ER20" s="298"/>
      <c r="ES20" s="293">
        <v>0</v>
      </c>
      <c r="ET20" s="293">
        <v>0</v>
      </c>
      <c r="EU20" s="293">
        <v>0</v>
      </c>
      <c r="EV20" s="293">
        <v>0</v>
      </c>
      <c r="EW20" s="293">
        <v>217</v>
      </c>
      <c r="EX20" s="296">
        <v>217</v>
      </c>
      <c r="EY20" s="297">
        <v>217</v>
      </c>
      <c r="EZ20" s="292">
        <v>0</v>
      </c>
      <c r="FA20" s="293">
        <v>0</v>
      </c>
      <c r="FB20" s="294">
        <v>0</v>
      </c>
      <c r="FC20" s="298"/>
      <c r="FD20" s="293">
        <v>0</v>
      </c>
      <c r="FE20" s="293">
        <v>0</v>
      </c>
      <c r="FF20" s="293">
        <v>0</v>
      </c>
      <c r="FG20" s="293">
        <v>217</v>
      </c>
      <c r="FH20" s="293">
        <v>434</v>
      </c>
      <c r="FI20" s="296">
        <v>651</v>
      </c>
      <c r="FJ20" s="297">
        <v>651</v>
      </c>
      <c r="FK20" s="292">
        <v>0</v>
      </c>
      <c r="FL20" s="293">
        <v>0</v>
      </c>
      <c r="FM20" s="294">
        <v>0</v>
      </c>
      <c r="FN20" s="298"/>
      <c r="FO20" s="293">
        <v>0</v>
      </c>
      <c r="FP20" s="293">
        <v>10881</v>
      </c>
      <c r="FQ20" s="293">
        <v>359769</v>
      </c>
      <c r="FR20" s="293">
        <v>264039</v>
      </c>
      <c r="FS20" s="293">
        <v>400334</v>
      </c>
      <c r="FT20" s="296">
        <v>1035023</v>
      </c>
      <c r="FU20" s="297">
        <v>1035023</v>
      </c>
      <c r="FV20" s="292">
        <v>0</v>
      </c>
      <c r="FW20" s="293">
        <v>0</v>
      </c>
      <c r="FX20" s="294">
        <v>0</v>
      </c>
      <c r="FY20" s="295">
        <v>0</v>
      </c>
      <c r="FZ20" s="293">
        <v>83765</v>
      </c>
      <c r="GA20" s="293">
        <v>134746</v>
      </c>
      <c r="GB20" s="293">
        <v>353711</v>
      </c>
      <c r="GC20" s="293">
        <v>314910</v>
      </c>
      <c r="GD20" s="293">
        <v>77367</v>
      </c>
      <c r="GE20" s="296">
        <v>964499</v>
      </c>
      <c r="GF20" s="297">
        <v>964499</v>
      </c>
      <c r="GG20" s="292">
        <v>0</v>
      </c>
      <c r="GH20" s="293">
        <v>0</v>
      </c>
      <c r="GI20" s="294">
        <v>0</v>
      </c>
      <c r="GJ20" s="295">
        <v>0</v>
      </c>
      <c r="GK20" s="293">
        <v>14</v>
      </c>
      <c r="GL20" s="293">
        <v>63</v>
      </c>
      <c r="GM20" s="293">
        <v>77</v>
      </c>
      <c r="GN20" s="293">
        <v>21</v>
      </c>
      <c r="GO20" s="293">
        <v>10547</v>
      </c>
      <c r="GP20" s="296">
        <v>10722</v>
      </c>
      <c r="GQ20" s="297">
        <v>10722</v>
      </c>
      <c r="GR20" s="292">
        <v>0</v>
      </c>
      <c r="GS20" s="293">
        <v>0</v>
      </c>
      <c r="GT20" s="294">
        <v>0</v>
      </c>
      <c r="GU20" s="295">
        <v>0</v>
      </c>
      <c r="GV20" s="293">
        <v>0</v>
      </c>
      <c r="GW20" s="293">
        <v>0</v>
      </c>
      <c r="GX20" s="293">
        <v>0</v>
      </c>
      <c r="GY20" s="293">
        <v>0</v>
      </c>
      <c r="GZ20" s="293">
        <v>0</v>
      </c>
      <c r="HA20" s="296">
        <v>0</v>
      </c>
      <c r="HB20" s="297">
        <v>0</v>
      </c>
      <c r="HC20" s="292">
        <v>0</v>
      </c>
      <c r="HD20" s="293">
        <v>0</v>
      </c>
      <c r="HE20" s="294">
        <v>0</v>
      </c>
      <c r="HF20" s="298"/>
      <c r="HG20" s="293">
        <v>0</v>
      </c>
      <c r="HH20" s="293">
        <v>0</v>
      </c>
      <c r="HI20" s="293">
        <v>0</v>
      </c>
      <c r="HJ20" s="293">
        <v>0</v>
      </c>
      <c r="HK20" s="293">
        <v>0</v>
      </c>
      <c r="HL20" s="296">
        <v>0</v>
      </c>
      <c r="HM20" s="297">
        <v>0</v>
      </c>
      <c r="HN20" s="292">
        <v>0</v>
      </c>
      <c r="HO20" s="293">
        <v>0</v>
      </c>
      <c r="HP20" s="294">
        <v>0</v>
      </c>
      <c r="HQ20" s="295">
        <v>0</v>
      </c>
      <c r="HR20" s="293">
        <v>362928</v>
      </c>
      <c r="HS20" s="293">
        <v>1512475</v>
      </c>
      <c r="HT20" s="293">
        <v>5931192</v>
      </c>
      <c r="HU20" s="293">
        <v>6931723</v>
      </c>
      <c r="HV20" s="293">
        <v>5566266</v>
      </c>
      <c r="HW20" s="296">
        <v>20304584</v>
      </c>
      <c r="HX20" s="297">
        <v>20304584</v>
      </c>
    </row>
    <row r="21" spans="1:232" ht="21" customHeight="1" x14ac:dyDescent="0.2">
      <c r="A21" s="498" t="s">
        <v>18</v>
      </c>
      <c r="B21" s="292">
        <v>0</v>
      </c>
      <c r="C21" s="293">
        <v>0</v>
      </c>
      <c r="D21" s="294">
        <v>0</v>
      </c>
      <c r="E21" s="295">
        <v>0</v>
      </c>
      <c r="F21" s="293">
        <v>206305</v>
      </c>
      <c r="G21" s="293">
        <v>554022</v>
      </c>
      <c r="H21" s="293">
        <v>2300260</v>
      </c>
      <c r="I21" s="293">
        <v>3920627</v>
      </c>
      <c r="J21" s="293">
        <v>2724844</v>
      </c>
      <c r="K21" s="296">
        <v>9706058</v>
      </c>
      <c r="L21" s="297">
        <v>9706058</v>
      </c>
      <c r="M21" s="292">
        <v>0</v>
      </c>
      <c r="N21" s="293">
        <v>0</v>
      </c>
      <c r="O21" s="294">
        <v>0</v>
      </c>
      <c r="P21" s="298"/>
      <c r="Q21" s="293">
        <v>25145</v>
      </c>
      <c r="R21" s="293">
        <v>91295</v>
      </c>
      <c r="S21" s="293">
        <v>1201325</v>
      </c>
      <c r="T21" s="293">
        <v>2936457</v>
      </c>
      <c r="U21" s="293">
        <v>2183472</v>
      </c>
      <c r="V21" s="296">
        <v>6437694</v>
      </c>
      <c r="W21" s="297">
        <v>6437694</v>
      </c>
      <c r="X21" s="292">
        <v>0</v>
      </c>
      <c r="Y21" s="293">
        <v>0</v>
      </c>
      <c r="Z21" s="294">
        <v>0</v>
      </c>
      <c r="AA21" s="298"/>
      <c r="AB21" s="293">
        <v>139805</v>
      </c>
      <c r="AC21" s="293">
        <v>401357</v>
      </c>
      <c r="AD21" s="293">
        <v>572875</v>
      </c>
      <c r="AE21" s="293">
        <v>625725</v>
      </c>
      <c r="AF21" s="293">
        <v>275510</v>
      </c>
      <c r="AG21" s="296">
        <v>2015272</v>
      </c>
      <c r="AH21" s="297">
        <v>2015272</v>
      </c>
      <c r="AI21" s="292">
        <v>0</v>
      </c>
      <c r="AJ21" s="293">
        <v>0</v>
      </c>
      <c r="AK21" s="294">
        <v>0</v>
      </c>
      <c r="AL21" s="298"/>
      <c r="AM21" s="293">
        <v>0</v>
      </c>
      <c r="AN21" s="293">
        <v>0</v>
      </c>
      <c r="AO21" s="293">
        <v>0</v>
      </c>
      <c r="AP21" s="293">
        <v>2635</v>
      </c>
      <c r="AQ21" s="293">
        <v>32060</v>
      </c>
      <c r="AR21" s="296">
        <v>34695</v>
      </c>
      <c r="AS21" s="297">
        <v>34695</v>
      </c>
      <c r="AT21" s="292">
        <v>0</v>
      </c>
      <c r="AU21" s="293">
        <v>0</v>
      </c>
      <c r="AV21" s="294">
        <v>0</v>
      </c>
      <c r="AW21" s="298"/>
      <c r="AX21" s="293">
        <v>0</v>
      </c>
      <c r="AY21" s="293">
        <v>0</v>
      </c>
      <c r="AZ21" s="293">
        <v>18620</v>
      </c>
      <c r="BA21" s="293">
        <v>24645</v>
      </c>
      <c r="BB21" s="293">
        <v>110205</v>
      </c>
      <c r="BC21" s="296">
        <v>153470</v>
      </c>
      <c r="BD21" s="297">
        <v>153470</v>
      </c>
      <c r="BE21" s="292">
        <v>0</v>
      </c>
      <c r="BF21" s="293">
        <v>0</v>
      </c>
      <c r="BG21" s="294">
        <v>0</v>
      </c>
      <c r="BH21" s="298"/>
      <c r="BI21" s="293">
        <v>0</v>
      </c>
      <c r="BJ21" s="293">
        <v>2635</v>
      </c>
      <c r="BK21" s="293">
        <v>37975</v>
      </c>
      <c r="BL21" s="293">
        <v>85130</v>
      </c>
      <c r="BM21" s="293">
        <v>37975</v>
      </c>
      <c r="BN21" s="296">
        <v>163715</v>
      </c>
      <c r="BO21" s="297">
        <v>163715</v>
      </c>
      <c r="BP21" s="292">
        <v>0</v>
      </c>
      <c r="BQ21" s="293">
        <v>0</v>
      </c>
      <c r="BR21" s="294">
        <v>0</v>
      </c>
      <c r="BS21" s="295">
        <v>0</v>
      </c>
      <c r="BT21" s="293">
        <v>39665</v>
      </c>
      <c r="BU21" s="293">
        <v>43850</v>
      </c>
      <c r="BV21" s="293">
        <v>469465</v>
      </c>
      <c r="BW21" s="293">
        <v>237900</v>
      </c>
      <c r="BX21" s="293">
        <v>85622</v>
      </c>
      <c r="BY21" s="296">
        <v>876502</v>
      </c>
      <c r="BZ21" s="297">
        <v>876502</v>
      </c>
      <c r="CA21" s="292">
        <v>0</v>
      </c>
      <c r="CB21" s="293">
        <v>0</v>
      </c>
      <c r="CC21" s="294">
        <v>0</v>
      </c>
      <c r="CD21" s="295">
        <v>0</v>
      </c>
      <c r="CE21" s="293">
        <v>1690</v>
      </c>
      <c r="CF21" s="293">
        <v>14885</v>
      </c>
      <c r="CG21" s="293">
        <v>0</v>
      </c>
      <c r="CH21" s="293">
        <v>8135</v>
      </c>
      <c r="CI21" s="293">
        <v>0</v>
      </c>
      <c r="CJ21" s="296">
        <v>24710</v>
      </c>
      <c r="CK21" s="297">
        <v>24710</v>
      </c>
      <c r="CL21" s="292">
        <v>0</v>
      </c>
      <c r="CM21" s="293">
        <v>0</v>
      </c>
      <c r="CN21" s="294">
        <v>0</v>
      </c>
      <c r="CO21" s="295">
        <v>0</v>
      </c>
      <c r="CP21" s="293">
        <v>0</v>
      </c>
      <c r="CQ21" s="293">
        <v>0</v>
      </c>
      <c r="CR21" s="293">
        <v>0</v>
      </c>
      <c r="CS21" s="293">
        <v>0</v>
      </c>
      <c r="CT21" s="293">
        <v>0</v>
      </c>
      <c r="CU21" s="296">
        <v>0</v>
      </c>
      <c r="CV21" s="297">
        <v>0</v>
      </c>
      <c r="CW21" s="292">
        <v>0</v>
      </c>
      <c r="CX21" s="293">
        <v>0</v>
      </c>
      <c r="CY21" s="294">
        <v>0</v>
      </c>
      <c r="CZ21" s="298"/>
      <c r="DA21" s="293">
        <v>0</v>
      </c>
      <c r="DB21" s="293">
        <v>0</v>
      </c>
      <c r="DC21" s="293">
        <v>0</v>
      </c>
      <c r="DD21" s="293">
        <v>0</v>
      </c>
      <c r="DE21" s="293">
        <v>0</v>
      </c>
      <c r="DF21" s="296">
        <v>0</v>
      </c>
      <c r="DG21" s="297">
        <v>0</v>
      </c>
      <c r="DH21" s="292">
        <v>0</v>
      </c>
      <c r="DI21" s="293">
        <v>1392</v>
      </c>
      <c r="DJ21" s="294">
        <v>1392</v>
      </c>
      <c r="DK21" s="295">
        <v>0</v>
      </c>
      <c r="DL21" s="293">
        <v>163831</v>
      </c>
      <c r="DM21" s="293">
        <v>362981</v>
      </c>
      <c r="DN21" s="293">
        <v>2714792</v>
      </c>
      <c r="DO21" s="293">
        <v>4381861</v>
      </c>
      <c r="DP21" s="293">
        <v>2997106</v>
      </c>
      <c r="DQ21" s="296">
        <v>10620571</v>
      </c>
      <c r="DR21" s="299">
        <v>10621963</v>
      </c>
      <c r="DS21" s="292">
        <v>0</v>
      </c>
      <c r="DT21" s="293">
        <v>0</v>
      </c>
      <c r="DU21" s="294">
        <v>0</v>
      </c>
      <c r="DV21" s="298"/>
      <c r="DW21" s="293">
        <v>38076</v>
      </c>
      <c r="DX21" s="293">
        <v>163990</v>
      </c>
      <c r="DY21" s="293">
        <v>1909623</v>
      </c>
      <c r="DZ21" s="293">
        <v>3695500</v>
      </c>
      <c r="EA21" s="293">
        <v>2673994</v>
      </c>
      <c r="EB21" s="296">
        <v>8481183</v>
      </c>
      <c r="EC21" s="297">
        <v>8481183</v>
      </c>
      <c r="ED21" s="292">
        <v>0</v>
      </c>
      <c r="EE21" s="293">
        <v>0</v>
      </c>
      <c r="EF21" s="294">
        <v>0</v>
      </c>
      <c r="EG21" s="298"/>
      <c r="EH21" s="293">
        <v>54253</v>
      </c>
      <c r="EI21" s="293">
        <v>49135</v>
      </c>
      <c r="EJ21" s="293">
        <v>119530</v>
      </c>
      <c r="EK21" s="293">
        <v>121652</v>
      </c>
      <c r="EL21" s="293">
        <v>75182</v>
      </c>
      <c r="EM21" s="296">
        <v>419752</v>
      </c>
      <c r="EN21" s="297">
        <v>419752</v>
      </c>
      <c r="EO21" s="292">
        <v>0</v>
      </c>
      <c r="EP21" s="293">
        <v>0</v>
      </c>
      <c r="EQ21" s="294">
        <v>0</v>
      </c>
      <c r="ER21" s="298"/>
      <c r="ES21" s="293">
        <v>0</v>
      </c>
      <c r="ET21" s="293">
        <v>0</v>
      </c>
      <c r="EU21" s="293">
        <v>0</v>
      </c>
      <c r="EV21" s="293">
        <v>217</v>
      </c>
      <c r="EW21" s="293">
        <v>11470</v>
      </c>
      <c r="EX21" s="296">
        <v>11687</v>
      </c>
      <c r="EY21" s="297">
        <v>11687</v>
      </c>
      <c r="EZ21" s="292">
        <v>0</v>
      </c>
      <c r="FA21" s="293">
        <v>0</v>
      </c>
      <c r="FB21" s="294">
        <v>0</v>
      </c>
      <c r="FC21" s="298"/>
      <c r="FD21" s="293">
        <v>0</v>
      </c>
      <c r="FE21" s="293">
        <v>0</v>
      </c>
      <c r="FF21" s="293">
        <v>217</v>
      </c>
      <c r="FG21" s="293">
        <v>329</v>
      </c>
      <c r="FH21" s="293">
        <v>12989</v>
      </c>
      <c r="FI21" s="296">
        <v>13535</v>
      </c>
      <c r="FJ21" s="297">
        <v>13535</v>
      </c>
      <c r="FK21" s="292">
        <v>0</v>
      </c>
      <c r="FL21" s="293">
        <v>0</v>
      </c>
      <c r="FM21" s="294">
        <v>0</v>
      </c>
      <c r="FN21" s="298"/>
      <c r="FO21" s="293">
        <v>0</v>
      </c>
      <c r="FP21" s="293">
        <v>21576</v>
      </c>
      <c r="FQ21" s="293">
        <v>79918</v>
      </c>
      <c r="FR21" s="293">
        <v>239180</v>
      </c>
      <c r="FS21" s="293">
        <v>79918</v>
      </c>
      <c r="FT21" s="296">
        <v>420592</v>
      </c>
      <c r="FU21" s="297">
        <v>420592</v>
      </c>
      <c r="FV21" s="292">
        <v>0</v>
      </c>
      <c r="FW21" s="293">
        <v>1392</v>
      </c>
      <c r="FX21" s="294">
        <v>1392</v>
      </c>
      <c r="FY21" s="295">
        <v>0</v>
      </c>
      <c r="FZ21" s="293">
        <v>69146</v>
      </c>
      <c r="GA21" s="293">
        <v>123379</v>
      </c>
      <c r="GB21" s="293">
        <v>605504</v>
      </c>
      <c r="GC21" s="293">
        <v>322295</v>
      </c>
      <c r="GD21" s="293">
        <v>143553</v>
      </c>
      <c r="GE21" s="296">
        <v>1263877</v>
      </c>
      <c r="GF21" s="297">
        <v>1265269</v>
      </c>
      <c r="GG21" s="292">
        <v>0</v>
      </c>
      <c r="GH21" s="293">
        <v>0</v>
      </c>
      <c r="GI21" s="294">
        <v>0</v>
      </c>
      <c r="GJ21" s="295">
        <v>0</v>
      </c>
      <c r="GK21" s="293">
        <v>2356</v>
      </c>
      <c r="GL21" s="293">
        <v>4901</v>
      </c>
      <c r="GM21" s="293">
        <v>0</v>
      </c>
      <c r="GN21" s="293">
        <v>2688</v>
      </c>
      <c r="GO21" s="293">
        <v>0</v>
      </c>
      <c r="GP21" s="296">
        <v>9945</v>
      </c>
      <c r="GQ21" s="297">
        <v>9945</v>
      </c>
      <c r="GR21" s="292">
        <v>0</v>
      </c>
      <c r="GS21" s="293">
        <v>0</v>
      </c>
      <c r="GT21" s="294">
        <v>0</v>
      </c>
      <c r="GU21" s="295">
        <v>0</v>
      </c>
      <c r="GV21" s="293">
        <v>0</v>
      </c>
      <c r="GW21" s="293">
        <v>0</v>
      </c>
      <c r="GX21" s="293">
        <v>0</v>
      </c>
      <c r="GY21" s="293">
        <v>0</v>
      </c>
      <c r="GZ21" s="293">
        <v>0</v>
      </c>
      <c r="HA21" s="296">
        <v>0</v>
      </c>
      <c r="HB21" s="297">
        <v>0</v>
      </c>
      <c r="HC21" s="292">
        <v>0</v>
      </c>
      <c r="HD21" s="293">
        <v>0</v>
      </c>
      <c r="HE21" s="294">
        <v>0</v>
      </c>
      <c r="HF21" s="298"/>
      <c r="HG21" s="293">
        <v>0</v>
      </c>
      <c r="HH21" s="293">
        <v>0</v>
      </c>
      <c r="HI21" s="293">
        <v>0</v>
      </c>
      <c r="HJ21" s="293">
        <v>0</v>
      </c>
      <c r="HK21" s="293">
        <v>0</v>
      </c>
      <c r="HL21" s="296">
        <v>0</v>
      </c>
      <c r="HM21" s="297">
        <v>0</v>
      </c>
      <c r="HN21" s="292">
        <v>0</v>
      </c>
      <c r="HO21" s="293">
        <v>1392</v>
      </c>
      <c r="HP21" s="294">
        <v>1392</v>
      </c>
      <c r="HQ21" s="295">
        <v>0</v>
      </c>
      <c r="HR21" s="293">
        <v>370136</v>
      </c>
      <c r="HS21" s="293">
        <v>917003</v>
      </c>
      <c r="HT21" s="293">
        <v>5015052</v>
      </c>
      <c r="HU21" s="293">
        <v>8302488</v>
      </c>
      <c r="HV21" s="293">
        <v>5721950</v>
      </c>
      <c r="HW21" s="296">
        <v>20326629</v>
      </c>
      <c r="HX21" s="297">
        <v>20328021</v>
      </c>
    </row>
    <row r="22" spans="1:232" ht="21" customHeight="1" x14ac:dyDescent="0.2">
      <c r="A22" s="498" t="s">
        <v>19</v>
      </c>
      <c r="B22" s="292">
        <v>0</v>
      </c>
      <c r="C22" s="293">
        <v>0</v>
      </c>
      <c r="D22" s="294">
        <v>0</v>
      </c>
      <c r="E22" s="295">
        <v>0</v>
      </c>
      <c r="F22" s="293">
        <v>96505</v>
      </c>
      <c r="G22" s="293">
        <v>402520</v>
      </c>
      <c r="H22" s="293">
        <v>1526580</v>
      </c>
      <c r="I22" s="293">
        <v>1395225</v>
      </c>
      <c r="J22" s="293">
        <v>1150590</v>
      </c>
      <c r="K22" s="296">
        <v>4571420</v>
      </c>
      <c r="L22" s="297">
        <v>4571420</v>
      </c>
      <c r="M22" s="292">
        <v>0</v>
      </c>
      <c r="N22" s="293">
        <v>0</v>
      </c>
      <c r="O22" s="294">
        <v>0</v>
      </c>
      <c r="P22" s="298"/>
      <c r="Q22" s="293">
        <v>0</v>
      </c>
      <c r="R22" s="293">
        <v>78740</v>
      </c>
      <c r="S22" s="293">
        <v>986405</v>
      </c>
      <c r="T22" s="293">
        <v>1001925</v>
      </c>
      <c r="U22" s="293">
        <v>868295</v>
      </c>
      <c r="V22" s="296">
        <v>2935365</v>
      </c>
      <c r="W22" s="297">
        <v>2935365</v>
      </c>
      <c r="X22" s="292">
        <v>0</v>
      </c>
      <c r="Y22" s="293">
        <v>0</v>
      </c>
      <c r="Z22" s="294">
        <v>0</v>
      </c>
      <c r="AA22" s="298"/>
      <c r="AB22" s="293">
        <v>81120</v>
      </c>
      <c r="AC22" s="293">
        <v>253995</v>
      </c>
      <c r="AD22" s="293">
        <v>498210</v>
      </c>
      <c r="AE22" s="293">
        <v>297730</v>
      </c>
      <c r="AF22" s="293">
        <v>232085</v>
      </c>
      <c r="AG22" s="296">
        <v>1363140</v>
      </c>
      <c r="AH22" s="297">
        <v>1363140</v>
      </c>
      <c r="AI22" s="292">
        <v>0</v>
      </c>
      <c r="AJ22" s="293">
        <v>0</v>
      </c>
      <c r="AK22" s="294">
        <v>0</v>
      </c>
      <c r="AL22" s="298"/>
      <c r="AM22" s="293">
        <v>0</v>
      </c>
      <c r="AN22" s="293">
        <v>0</v>
      </c>
      <c r="AO22" s="293">
        <v>0</v>
      </c>
      <c r="AP22" s="293">
        <v>0</v>
      </c>
      <c r="AQ22" s="293">
        <v>0</v>
      </c>
      <c r="AR22" s="296">
        <v>0</v>
      </c>
      <c r="AS22" s="297">
        <v>0</v>
      </c>
      <c r="AT22" s="292">
        <v>0</v>
      </c>
      <c r="AU22" s="293">
        <v>0</v>
      </c>
      <c r="AV22" s="294">
        <v>0</v>
      </c>
      <c r="AW22" s="298"/>
      <c r="AX22" s="293">
        <v>0</v>
      </c>
      <c r="AY22" s="293">
        <v>0</v>
      </c>
      <c r="AZ22" s="293">
        <v>0</v>
      </c>
      <c r="BA22" s="293">
        <v>0</v>
      </c>
      <c r="BB22" s="293">
        <v>0</v>
      </c>
      <c r="BC22" s="296">
        <v>0</v>
      </c>
      <c r="BD22" s="297">
        <v>0</v>
      </c>
      <c r="BE22" s="292">
        <v>0</v>
      </c>
      <c r="BF22" s="293">
        <v>0</v>
      </c>
      <c r="BG22" s="294">
        <v>0</v>
      </c>
      <c r="BH22" s="298"/>
      <c r="BI22" s="293">
        <v>0</v>
      </c>
      <c r="BJ22" s="293">
        <v>0</v>
      </c>
      <c r="BK22" s="293">
        <v>0</v>
      </c>
      <c r="BL22" s="293">
        <v>0</v>
      </c>
      <c r="BM22" s="293">
        <v>0</v>
      </c>
      <c r="BN22" s="296">
        <v>0</v>
      </c>
      <c r="BO22" s="297">
        <v>0</v>
      </c>
      <c r="BP22" s="292">
        <v>0</v>
      </c>
      <c r="BQ22" s="293">
        <v>0</v>
      </c>
      <c r="BR22" s="294">
        <v>0</v>
      </c>
      <c r="BS22" s="295">
        <v>0</v>
      </c>
      <c r="BT22" s="293">
        <v>14315</v>
      </c>
      <c r="BU22" s="293">
        <v>66450</v>
      </c>
      <c r="BV22" s="293">
        <v>38155</v>
      </c>
      <c r="BW22" s="293">
        <v>57325</v>
      </c>
      <c r="BX22" s="293">
        <v>50210</v>
      </c>
      <c r="BY22" s="296">
        <v>226455</v>
      </c>
      <c r="BZ22" s="297">
        <v>226455</v>
      </c>
      <c r="CA22" s="292">
        <v>0</v>
      </c>
      <c r="CB22" s="293">
        <v>0</v>
      </c>
      <c r="CC22" s="294">
        <v>0</v>
      </c>
      <c r="CD22" s="295">
        <v>0</v>
      </c>
      <c r="CE22" s="293">
        <v>1070</v>
      </c>
      <c r="CF22" s="293">
        <v>3335</v>
      </c>
      <c r="CG22" s="293">
        <v>3810</v>
      </c>
      <c r="CH22" s="293">
        <v>38245</v>
      </c>
      <c r="CI22" s="293">
        <v>0</v>
      </c>
      <c r="CJ22" s="296">
        <v>46460</v>
      </c>
      <c r="CK22" s="297">
        <v>46460</v>
      </c>
      <c r="CL22" s="292">
        <v>0</v>
      </c>
      <c r="CM22" s="293">
        <v>0</v>
      </c>
      <c r="CN22" s="294">
        <v>0</v>
      </c>
      <c r="CO22" s="295">
        <v>0</v>
      </c>
      <c r="CP22" s="293">
        <v>0</v>
      </c>
      <c r="CQ22" s="293">
        <v>0</v>
      </c>
      <c r="CR22" s="293">
        <v>0</v>
      </c>
      <c r="CS22" s="293">
        <v>0</v>
      </c>
      <c r="CT22" s="293">
        <v>0</v>
      </c>
      <c r="CU22" s="296">
        <v>0</v>
      </c>
      <c r="CV22" s="297">
        <v>0</v>
      </c>
      <c r="CW22" s="292">
        <v>0</v>
      </c>
      <c r="CX22" s="293">
        <v>0</v>
      </c>
      <c r="CY22" s="294">
        <v>0</v>
      </c>
      <c r="CZ22" s="298"/>
      <c r="DA22" s="293">
        <v>0</v>
      </c>
      <c r="DB22" s="293">
        <v>0</v>
      </c>
      <c r="DC22" s="293">
        <v>0</v>
      </c>
      <c r="DD22" s="293">
        <v>0</v>
      </c>
      <c r="DE22" s="293">
        <v>0</v>
      </c>
      <c r="DF22" s="296">
        <v>0</v>
      </c>
      <c r="DG22" s="297">
        <v>0</v>
      </c>
      <c r="DH22" s="292">
        <v>0</v>
      </c>
      <c r="DI22" s="293">
        <v>0</v>
      </c>
      <c r="DJ22" s="294">
        <v>0</v>
      </c>
      <c r="DK22" s="295">
        <v>0</v>
      </c>
      <c r="DL22" s="293">
        <v>28321</v>
      </c>
      <c r="DM22" s="293">
        <v>244467</v>
      </c>
      <c r="DN22" s="293">
        <v>1487336</v>
      </c>
      <c r="DO22" s="293">
        <v>1601939</v>
      </c>
      <c r="DP22" s="293">
        <v>1053196</v>
      </c>
      <c r="DQ22" s="296">
        <v>4415259</v>
      </c>
      <c r="DR22" s="299">
        <v>4415259</v>
      </c>
      <c r="DS22" s="292">
        <v>0</v>
      </c>
      <c r="DT22" s="293">
        <v>0</v>
      </c>
      <c r="DU22" s="294">
        <v>0</v>
      </c>
      <c r="DV22" s="298"/>
      <c r="DW22" s="293">
        <v>0</v>
      </c>
      <c r="DX22" s="293">
        <v>120838</v>
      </c>
      <c r="DY22" s="293">
        <v>1379604</v>
      </c>
      <c r="DZ22" s="293">
        <v>1501632</v>
      </c>
      <c r="EA22" s="293">
        <v>973132</v>
      </c>
      <c r="EB22" s="296">
        <v>3975206</v>
      </c>
      <c r="EC22" s="297">
        <v>3975206</v>
      </c>
      <c r="ED22" s="292">
        <v>0</v>
      </c>
      <c r="EE22" s="293">
        <v>0</v>
      </c>
      <c r="EF22" s="294">
        <v>0</v>
      </c>
      <c r="EG22" s="298"/>
      <c r="EH22" s="293">
        <v>12975</v>
      </c>
      <c r="EI22" s="293">
        <v>37946</v>
      </c>
      <c r="EJ22" s="293">
        <v>50833</v>
      </c>
      <c r="EK22" s="293">
        <v>25822</v>
      </c>
      <c r="EL22" s="293">
        <v>19329</v>
      </c>
      <c r="EM22" s="296">
        <v>146905</v>
      </c>
      <c r="EN22" s="297">
        <v>146905</v>
      </c>
      <c r="EO22" s="292">
        <v>0</v>
      </c>
      <c r="EP22" s="293">
        <v>0</v>
      </c>
      <c r="EQ22" s="294">
        <v>0</v>
      </c>
      <c r="ER22" s="298"/>
      <c r="ES22" s="293">
        <v>0</v>
      </c>
      <c r="ET22" s="293">
        <v>0</v>
      </c>
      <c r="EU22" s="293">
        <v>0</v>
      </c>
      <c r="EV22" s="293">
        <v>0</v>
      </c>
      <c r="EW22" s="293">
        <v>0</v>
      </c>
      <c r="EX22" s="296">
        <v>0</v>
      </c>
      <c r="EY22" s="297">
        <v>0</v>
      </c>
      <c r="EZ22" s="292">
        <v>0</v>
      </c>
      <c r="FA22" s="293">
        <v>0</v>
      </c>
      <c r="FB22" s="294">
        <v>0</v>
      </c>
      <c r="FC22" s="298"/>
      <c r="FD22" s="293">
        <v>0</v>
      </c>
      <c r="FE22" s="293">
        <v>0</v>
      </c>
      <c r="FF22" s="293">
        <v>0</v>
      </c>
      <c r="FG22" s="293">
        <v>0</v>
      </c>
      <c r="FH22" s="293">
        <v>0</v>
      </c>
      <c r="FI22" s="296">
        <v>0</v>
      </c>
      <c r="FJ22" s="297">
        <v>0</v>
      </c>
      <c r="FK22" s="292">
        <v>0</v>
      </c>
      <c r="FL22" s="293">
        <v>0</v>
      </c>
      <c r="FM22" s="294">
        <v>0</v>
      </c>
      <c r="FN22" s="298"/>
      <c r="FO22" s="293">
        <v>0</v>
      </c>
      <c r="FP22" s="293">
        <v>0</v>
      </c>
      <c r="FQ22" s="293">
        <v>0</v>
      </c>
      <c r="FR22" s="293">
        <v>0</v>
      </c>
      <c r="FS22" s="293">
        <v>0</v>
      </c>
      <c r="FT22" s="296">
        <v>0</v>
      </c>
      <c r="FU22" s="297">
        <v>0</v>
      </c>
      <c r="FV22" s="292">
        <v>0</v>
      </c>
      <c r="FW22" s="293">
        <v>0</v>
      </c>
      <c r="FX22" s="294">
        <v>0</v>
      </c>
      <c r="FY22" s="295">
        <v>0</v>
      </c>
      <c r="FZ22" s="293">
        <v>15325</v>
      </c>
      <c r="GA22" s="293">
        <v>74943</v>
      </c>
      <c r="GB22" s="293">
        <v>53677</v>
      </c>
      <c r="GC22" s="293">
        <v>63093</v>
      </c>
      <c r="GD22" s="293">
        <v>60735</v>
      </c>
      <c r="GE22" s="296">
        <v>267773</v>
      </c>
      <c r="GF22" s="297">
        <v>267773</v>
      </c>
      <c r="GG22" s="292">
        <v>0</v>
      </c>
      <c r="GH22" s="293">
        <v>0</v>
      </c>
      <c r="GI22" s="294">
        <v>0</v>
      </c>
      <c r="GJ22" s="295">
        <v>0</v>
      </c>
      <c r="GK22" s="293">
        <v>21</v>
      </c>
      <c r="GL22" s="293">
        <v>10740</v>
      </c>
      <c r="GM22" s="293">
        <v>3222</v>
      </c>
      <c r="GN22" s="293">
        <v>11392</v>
      </c>
      <c r="GO22" s="293">
        <v>0</v>
      </c>
      <c r="GP22" s="296">
        <v>25375</v>
      </c>
      <c r="GQ22" s="297">
        <v>25375</v>
      </c>
      <c r="GR22" s="292">
        <v>0</v>
      </c>
      <c r="GS22" s="293">
        <v>0</v>
      </c>
      <c r="GT22" s="294">
        <v>0</v>
      </c>
      <c r="GU22" s="295">
        <v>0</v>
      </c>
      <c r="GV22" s="293">
        <v>0</v>
      </c>
      <c r="GW22" s="293">
        <v>0</v>
      </c>
      <c r="GX22" s="293">
        <v>0</v>
      </c>
      <c r="GY22" s="293">
        <v>0</v>
      </c>
      <c r="GZ22" s="293">
        <v>0</v>
      </c>
      <c r="HA22" s="296">
        <v>0</v>
      </c>
      <c r="HB22" s="297">
        <v>0</v>
      </c>
      <c r="HC22" s="292">
        <v>0</v>
      </c>
      <c r="HD22" s="293">
        <v>0</v>
      </c>
      <c r="HE22" s="294">
        <v>0</v>
      </c>
      <c r="HF22" s="298"/>
      <c r="HG22" s="293">
        <v>0</v>
      </c>
      <c r="HH22" s="293">
        <v>0</v>
      </c>
      <c r="HI22" s="293">
        <v>0</v>
      </c>
      <c r="HJ22" s="293">
        <v>0</v>
      </c>
      <c r="HK22" s="293">
        <v>0</v>
      </c>
      <c r="HL22" s="296">
        <v>0</v>
      </c>
      <c r="HM22" s="297">
        <v>0</v>
      </c>
      <c r="HN22" s="292">
        <v>0</v>
      </c>
      <c r="HO22" s="293">
        <v>0</v>
      </c>
      <c r="HP22" s="294">
        <v>0</v>
      </c>
      <c r="HQ22" s="295">
        <v>0</v>
      </c>
      <c r="HR22" s="293">
        <v>124826</v>
      </c>
      <c r="HS22" s="293">
        <v>646987</v>
      </c>
      <c r="HT22" s="293">
        <v>3013916</v>
      </c>
      <c r="HU22" s="293">
        <v>2997164</v>
      </c>
      <c r="HV22" s="293">
        <v>2203786</v>
      </c>
      <c r="HW22" s="296">
        <v>8986679</v>
      </c>
      <c r="HX22" s="297">
        <v>8986679</v>
      </c>
    </row>
    <row r="23" spans="1:232" ht="21" customHeight="1" x14ac:dyDescent="0.2">
      <c r="A23" s="498" t="s">
        <v>20</v>
      </c>
      <c r="B23" s="292">
        <v>0</v>
      </c>
      <c r="C23" s="293">
        <v>3410</v>
      </c>
      <c r="D23" s="294">
        <v>3410</v>
      </c>
      <c r="E23" s="295">
        <v>0</v>
      </c>
      <c r="F23" s="293">
        <v>213600</v>
      </c>
      <c r="G23" s="293">
        <v>482990</v>
      </c>
      <c r="H23" s="293">
        <v>1460269</v>
      </c>
      <c r="I23" s="293">
        <v>1523255</v>
      </c>
      <c r="J23" s="293">
        <v>509125</v>
      </c>
      <c r="K23" s="296">
        <v>4189239</v>
      </c>
      <c r="L23" s="297">
        <v>4192649</v>
      </c>
      <c r="M23" s="292">
        <v>0</v>
      </c>
      <c r="N23" s="293">
        <v>0</v>
      </c>
      <c r="O23" s="294">
        <v>0</v>
      </c>
      <c r="P23" s="298"/>
      <c r="Q23" s="293">
        <v>78895</v>
      </c>
      <c r="R23" s="293">
        <v>266910</v>
      </c>
      <c r="S23" s="293">
        <v>1052679</v>
      </c>
      <c r="T23" s="293">
        <v>1249800</v>
      </c>
      <c r="U23" s="293">
        <v>419755</v>
      </c>
      <c r="V23" s="296">
        <v>3068039</v>
      </c>
      <c r="W23" s="297">
        <v>3068039</v>
      </c>
      <c r="X23" s="292">
        <v>0</v>
      </c>
      <c r="Y23" s="293">
        <v>0</v>
      </c>
      <c r="Z23" s="294">
        <v>0</v>
      </c>
      <c r="AA23" s="298"/>
      <c r="AB23" s="293">
        <v>76105</v>
      </c>
      <c r="AC23" s="293">
        <v>168330</v>
      </c>
      <c r="AD23" s="293">
        <v>231260</v>
      </c>
      <c r="AE23" s="293">
        <v>187085</v>
      </c>
      <c r="AF23" s="293">
        <v>87085</v>
      </c>
      <c r="AG23" s="296">
        <v>749865</v>
      </c>
      <c r="AH23" s="297">
        <v>749865</v>
      </c>
      <c r="AI23" s="292">
        <v>0</v>
      </c>
      <c r="AJ23" s="293">
        <v>0</v>
      </c>
      <c r="AK23" s="294">
        <v>0</v>
      </c>
      <c r="AL23" s="298"/>
      <c r="AM23" s="293">
        <v>0</v>
      </c>
      <c r="AN23" s="293">
        <v>0</v>
      </c>
      <c r="AO23" s="293">
        <v>0</v>
      </c>
      <c r="AP23" s="293">
        <v>0</v>
      </c>
      <c r="AQ23" s="293">
        <v>0</v>
      </c>
      <c r="AR23" s="296">
        <v>0</v>
      </c>
      <c r="AS23" s="297">
        <v>0</v>
      </c>
      <c r="AT23" s="292">
        <v>0</v>
      </c>
      <c r="AU23" s="293">
        <v>0</v>
      </c>
      <c r="AV23" s="294">
        <v>0</v>
      </c>
      <c r="AW23" s="298"/>
      <c r="AX23" s="293">
        <v>0</v>
      </c>
      <c r="AY23" s="293">
        <v>0</v>
      </c>
      <c r="AZ23" s="293">
        <v>0</v>
      </c>
      <c r="BA23" s="293">
        <v>0</v>
      </c>
      <c r="BB23" s="293">
        <v>0</v>
      </c>
      <c r="BC23" s="296">
        <v>0</v>
      </c>
      <c r="BD23" s="297">
        <v>0</v>
      </c>
      <c r="BE23" s="292">
        <v>0</v>
      </c>
      <c r="BF23" s="293">
        <v>0</v>
      </c>
      <c r="BG23" s="294">
        <v>0</v>
      </c>
      <c r="BH23" s="298"/>
      <c r="BI23" s="293">
        <v>0</v>
      </c>
      <c r="BJ23" s="293">
        <v>0</v>
      </c>
      <c r="BK23" s="293">
        <v>0</v>
      </c>
      <c r="BL23" s="293">
        <v>0</v>
      </c>
      <c r="BM23" s="293">
        <v>0</v>
      </c>
      <c r="BN23" s="296">
        <v>0</v>
      </c>
      <c r="BO23" s="297">
        <v>0</v>
      </c>
      <c r="BP23" s="292">
        <v>0</v>
      </c>
      <c r="BQ23" s="293">
        <v>3410</v>
      </c>
      <c r="BR23" s="294">
        <v>3410</v>
      </c>
      <c r="BS23" s="295">
        <v>0</v>
      </c>
      <c r="BT23" s="293">
        <v>58600</v>
      </c>
      <c r="BU23" s="293">
        <v>47315</v>
      </c>
      <c r="BV23" s="293">
        <v>174010</v>
      </c>
      <c r="BW23" s="293">
        <v>86370</v>
      </c>
      <c r="BX23" s="293">
        <v>2285</v>
      </c>
      <c r="BY23" s="296">
        <v>368580</v>
      </c>
      <c r="BZ23" s="297">
        <v>371990</v>
      </c>
      <c r="CA23" s="292">
        <v>0</v>
      </c>
      <c r="CB23" s="293">
        <v>0</v>
      </c>
      <c r="CC23" s="294">
        <v>0</v>
      </c>
      <c r="CD23" s="295">
        <v>0</v>
      </c>
      <c r="CE23" s="293">
        <v>0</v>
      </c>
      <c r="CF23" s="293">
        <v>435</v>
      </c>
      <c r="CG23" s="293">
        <v>2320</v>
      </c>
      <c r="CH23" s="293">
        <v>0</v>
      </c>
      <c r="CI23" s="293">
        <v>0</v>
      </c>
      <c r="CJ23" s="296">
        <v>2755</v>
      </c>
      <c r="CK23" s="297">
        <v>2755</v>
      </c>
      <c r="CL23" s="292">
        <v>0</v>
      </c>
      <c r="CM23" s="293">
        <v>0</v>
      </c>
      <c r="CN23" s="294">
        <v>0</v>
      </c>
      <c r="CO23" s="295">
        <v>0</v>
      </c>
      <c r="CP23" s="293">
        <v>0</v>
      </c>
      <c r="CQ23" s="293">
        <v>0</v>
      </c>
      <c r="CR23" s="293">
        <v>0</v>
      </c>
      <c r="CS23" s="293">
        <v>0</v>
      </c>
      <c r="CT23" s="293">
        <v>0</v>
      </c>
      <c r="CU23" s="296">
        <v>0</v>
      </c>
      <c r="CV23" s="297">
        <v>0</v>
      </c>
      <c r="CW23" s="292">
        <v>0</v>
      </c>
      <c r="CX23" s="293">
        <v>0</v>
      </c>
      <c r="CY23" s="294">
        <v>0</v>
      </c>
      <c r="CZ23" s="298"/>
      <c r="DA23" s="293">
        <v>0</v>
      </c>
      <c r="DB23" s="293">
        <v>0</v>
      </c>
      <c r="DC23" s="293">
        <v>0</v>
      </c>
      <c r="DD23" s="293">
        <v>0</v>
      </c>
      <c r="DE23" s="293">
        <v>0</v>
      </c>
      <c r="DF23" s="296">
        <v>0</v>
      </c>
      <c r="DG23" s="297">
        <v>0</v>
      </c>
      <c r="DH23" s="292">
        <v>0</v>
      </c>
      <c r="DI23" s="293">
        <v>7656</v>
      </c>
      <c r="DJ23" s="294">
        <v>7656</v>
      </c>
      <c r="DK23" s="295">
        <v>0</v>
      </c>
      <c r="DL23" s="293">
        <v>231835</v>
      </c>
      <c r="DM23" s="293">
        <v>529983</v>
      </c>
      <c r="DN23" s="293">
        <v>2085323</v>
      </c>
      <c r="DO23" s="293">
        <v>2270402</v>
      </c>
      <c r="DP23" s="293">
        <v>799326</v>
      </c>
      <c r="DQ23" s="296">
        <v>5916869</v>
      </c>
      <c r="DR23" s="299">
        <v>5924525</v>
      </c>
      <c r="DS23" s="292">
        <v>0</v>
      </c>
      <c r="DT23" s="293">
        <v>0</v>
      </c>
      <c r="DU23" s="294">
        <v>0</v>
      </c>
      <c r="DV23" s="298"/>
      <c r="DW23" s="293">
        <v>114483</v>
      </c>
      <c r="DX23" s="293">
        <v>380618</v>
      </c>
      <c r="DY23" s="293">
        <v>1726017</v>
      </c>
      <c r="DZ23" s="293">
        <v>2038322</v>
      </c>
      <c r="EA23" s="293">
        <v>779655</v>
      </c>
      <c r="EB23" s="296">
        <v>5039095</v>
      </c>
      <c r="EC23" s="297">
        <v>5039095</v>
      </c>
      <c r="ED23" s="292">
        <v>0</v>
      </c>
      <c r="EE23" s="293">
        <v>0</v>
      </c>
      <c r="EF23" s="294">
        <v>0</v>
      </c>
      <c r="EG23" s="298"/>
      <c r="EH23" s="293">
        <v>23436</v>
      </c>
      <c r="EI23" s="293">
        <v>25017</v>
      </c>
      <c r="EJ23" s="293">
        <v>25823</v>
      </c>
      <c r="EK23" s="293">
        <v>25451</v>
      </c>
      <c r="EL23" s="293">
        <v>1575</v>
      </c>
      <c r="EM23" s="296">
        <v>101302</v>
      </c>
      <c r="EN23" s="297">
        <v>101302</v>
      </c>
      <c r="EO23" s="292">
        <v>0</v>
      </c>
      <c r="EP23" s="293">
        <v>0</v>
      </c>
      <c r="EQ23" s="294">
        <v>0</v>
      </c>
      <c r="ER23" s="298"/>
      <c r="ES23" s="293">
        <v>0</v>
      </c>
      <c r="ET23" s="293">
        <v>0</v>
      </c>
      <c r="EU23" s="293">
        <v>0</v>
      </c>
      <c r="EV23" s="293">
        <v>0</v>
      </c>
      <c r="EW23" s="293">
        <v>0</v>
      </c>
      <c r="EX23" s="296">
        <v>0</v>
      </c>
      <c r="EY23" s="297">
        <v>0</v>
      </c>
      <c r="EZ23" s="292">
        <v>0</v>
      </c>
      <c r="FA23" s="293">
        <v>0</v>
      </c>
      <c r="FB23" s="294">
        <v>0</v>
      </c>
      <c r="FC23" s="298"/>
      <c r="FD23" s="293">
        <v>0</v>
      </c>
      <c r="FE23" s="293">
        <v>0</v>
      </c>
      <c r="FF23" s="293">
        <v>0</v>
      </c>
      <c r="FG23" s="293">
        <v>0</v>
      </c>
      <c r="FH23" s="293">
        <v>0</v>
      </c>
      <c r="FI23" s="296">
        <v>0</v>
      </c>
      <c r="FJ23" s="297">
        <v>0</v>
      </c>
      <c r="FK23" s="292">
        <v>0</v>
      </c>
      <c r="FL23" s="293">
        <v>0</v>
      </c>
      <c r="FM23" s="294">
        <v>0</v>
      </c>
      <c r="FN23" s="298"/>
      <c r="FO23" s="293">
        <v>0</v>
      </c>
      <c r="FP23" s="293">
        <v>0</v>
      </c>
      <c r="FQ23" s="293">
        <v>0</v>
      </c>
      <c r="FR23" s="293">
        <v>0</v>
      </c>
      <c r="FS23" s="293">
        <v>0</v>
      </c>
      <c r="FT23" s="296">
        <v>0</v>
      </c>
      <c r="FU23" s="297">
        <v>0</v>
      </c>
      <c r="FV23" s="292">
        <v>0</v>
      </c>
      <c r="FW23" s="293">
        <v>7656</v>
      </c>
      <c r="FX23" s="294">
        <v>7656</v>
      </c>
      <c r="FY23" s="295">
        <v>0</v>
      </c>
      <c r="FZ23" s="293">
        <v>93916</v>
      </c>
      <c r="GA23" s="293">
        <v>122916</v>
      </c>
      <c r="GB23" s="293">
        <v>327376</v>
      </c>
      <c r="GC23" s="293">
        <v>206629</v>
      </c>
      <c r="GD23" s="293">
        <v>18096</v>
      </c>
      <c r="GE23" s="296">
        <v>768933</v>
      </c>
      <c r="GF23" s="297">
        <v>776589</v>
      </c>
      <c r="GG23" s="292">
        <v>0</v>
      </c>
      <c r="GH23" s="293">
        <v>0</v>
      </c>
      <c r="GI23" s="294">
        <v>0</v>
      </c>
      <c r="GJ23" s="295">
        <v>0</v>
      </c>
      <c r="GK23" s="293">
        <v>0</v>
      </c>
      <c r="GL23" s="293">
        <v>1432</v>
      </c>
      <c r="GM23" s="293">
        <v>6107</v>
      </c>
      <c r="GN23" s="293">
        <v>0</v>
      </c>
      <c r="GO23" s="293">
        <v>0</v>
      </c>
      <c r="GP23" s="296">
        <v>7539</v>
      </c>
      <c r="GQ23" s="297">
        <v>7539</v>
      </c>
      <c r="GR23" s="292">
        <v>0</v>
      </c>
      <c r="GS23" s="293">
        <v>0</v>
      </c>
      <c r="GT23" s="294">
        <v>0</v>
      </c>
      <c r="GU23" s="295">
        <v>0</v>
      </c>
      <c r="GV23" s="293">
        <v>0</v>
      </c>
      <c r="GW23" s="293">
        <v>0</v>
      </c>
      <c r="GX23" s="293">
        <v>0</v>
      </c>
      <c r="GY23" s="293">
        <v>0</v>
      </c>
      <c r="GZ23" s="293">
        <v>0</v>
      </c>
      <c r="HA23" s="296">
        <v>0</v>
      </c>
      <c r="HB23" s="297">
        <v>0</v>
      </c>
      <c r="HC23" s="292">
        <v>0</v>
      </c>
      <c r="HD23" s="293">
        <v>0</v>
      </c>
      <c r="HE23" s="294">
        <v>0</v>
      </c>
      <c r="HF23" s="298"/>
      <c r="HG23" s="293">
        <v>0</v>
      </c>
      <c r="HH23" s="293">
        <v>0</v>
      </c>
      <c r="HI23" s="293">
        <v>0</v>
      </c>
      <c r="HJ23" s="293">
        <v>0</v>
      </c>
      <c r="HK23" s="293">
        <v>0</v>
      </c>
      <c r="HL23" s="296">
        <v>0</v>
      </c>
      <c r="HM23" s="297">
        <v>0</v>
      </c>
      <c r="HN23" s="292">
        <v>0</v>
      </c>
      <c r="HO23" s="293">
        <v>11066</v>
      </c>
      <c r="HP23" s="294">
        <v>11066</v>
      </c>
      <c r="HQ23" s="295">
        <v>0</v>
      </c>
      <c r="HR23" s="293">
        <v>445435</v>
      </c>
      <c r="HS23" s="293">
        <v>1012973</v>
      </c>
      <c r="HT23" s="293">
        <v>3545592</v>
      </c>
      <c r="HU23" s="293">
        <v>3793657</v>
      </c>
      <c r="HV23" s="293">
        <v>1308451</v>
      </c>
      <c r="HW23" s="296">
        <v>10106108</v>
      </c>
      <c r="HX23" s="297">
        <v>10117174</v>
      </c>
    </row>
    <row r="24" spans="1:232" ht="21" customHeight="1" x14ac:dyDescent="0.2">
      <c r="A24" s="498" t="s">
        <v>21</v>
      </c>
      <c r="B24" s="292">
        <v>0</v>
      </c>
      <c r="C24" s="293">
        <v>0</v>
      </c>
      <c r="D24" s="294">
        <v>0</v>
      </c>
      <c r="E24" s="295">
        <v>0</v>
      </c>
      <c r="F24" s="293">
        <v>141335</v>
      </c>
      <c r="G24" s="293">
        <v>348968</v>
      </c>
      <c r="H24" s="293">
        <v>2219204</v>
      </c>
      <c r="I24" s="293">
        <v>1749100</v>
      </c>
      <c r="J24" s="293">
        <v>1392623</v>
      </c>
      <c r="K24" s="296">
        <v>5851230</v>
      </c>
      <c r="L24" s="297">
        <v>5851230</v>
      </c>
      <c r="M24" s="292">
        <v>0</v>
      </c>
      <c r="N24" s="293">
        <v>0</v>
      </c>
      <c r="O24" s="294">
        <v>0</v>
      </c>
      <c r="P24" s="298"/>
      <c r="Q24" s="293">
        <v>38130</v>
      </c>
      <c r="R24" s="293">
        <v>146913</v>
      </c>
      <c r="S24" s="293">
        <v>1755888</v>
      </c>
      <c r="T24" s="293">
        <v>1463553</v>
      </c>
      <c r="U24" s="293">
        <v>1082286</v>
      </c>
      <c r="V24" s="296">
        <v>4486770</v>
      </c>
      <c r="W24" s="297">
        <v>4486770</v>
      </c>
      <c r="X24" s="292">
        <v>0</v>
      </c>
      <c r="Y24" s="293">
        <v>0</v>
      </c>
      <c r="Z24" s="294">
        <v>0</v>
      </c>
      <c r="AA24" s="298"/>
      <c r="AB24" s="293">
        <v>86250</v>
      </c>
      <c r="AC24" s="293">
        <v>130425</v>
      </c>
      <c r="AD24" s="293">
        <v>253425</v>
      </c>
      <c r="AE24" s="293">
        <v>127790</v>
      </c>
      <c r="AF24" s="293">
        <v>198795</v>
      </c>
      <c r="AG24" s="296">
        <v>796685</v>
      </c>
      <c r="AH24" s="297">
        <v>796685</v>
      </c>
      <c r="AI24" s="292">
        <v>0</v>
      </c>
      <c r="AJ24" s="293">
        <v>0</v>
      </c>
      <c r="AK24" s="294">
        <v>0</v>
      </c>
      <c r="AL24" s="298"/>
      <c r="AM24" s="293">
        <v>0</v>
      </c>
      <c r="AN24" s="293">
        <v>0</v>
      </c>
      <c r="AO24" s="293">
        <v>2635</v>
      </c>
      <c r="AP24" s="293">
        <v>32705</v>
      </c>
      <c r="AQ24" s="293">
        <v>2635</v>
      </c>
      <c r="AR24" s="296">
        <v>37975</v>
      </c>
      <c r="AS24" s="297">
        <v>37975</v>
      </c>
      <c r="AT24" s="292">
        <v>0</v>
      </c>
      <c r="AU24" s="293">
        <v>0</v>
      </c>
      <c r="AV24" s="294">
        <v>0</v>
      </c>
      <c r="AW24" s="298"/>
      <c r="AX24" s="293">
        <v>0</v>
      </c>
      <c r="AY24" s="293">
        <v>0</v>
      </c>
      <c r="AZ24" s="293">
        <v>35495</v>
      </c>
      <c r="BA24" s="293">
        <v>35960</v>
      </c>
      <c r="BB24" s="293">
        <v>75000</v>
      </c>
      <c r="BC24" s="296">
        <v>146455</v>
      </c>
      <c r="BD24" s="297">
        <v>146455</v>
      </c>
      <c r="BE24" s="292">
        <v>0</v>
      </c>
      <c r="BF24" s="293">
        <v>0</v>
      </c>
      <c r="BG24" s="294">
        <v>0</v>
      </c>
      <c r="BH24" s="298"/>
      <c r="BI24" s="293">
        <v>0</v>
      </c>
      <c r="BJ24" s="293">
        <v>0</v>
      </c>
      <c r="BK24" s="293">
        <v>0</v>
      </c>
      <c r="BL24" s="293">
        <v>0</v>
      </c>
      <c r="BM24" s="293">
        <v>0</v>
      </c>
      <c r="BN24" s="296">
        <v>0</v>
      </c>
      <c r="BO24" s="297">
        <v>0</v>
      </c>
      <c r="BP24" s="292">
        <v>0</v>
      </c>
      <c r="BQ24" s="293">
        <v>0</v>
      </c>
      <c r="BR24" s="294">
        <v>0</v>
      </c>
      <c r="BS24" s="295">
        <v>0</v>
      </c>
      <c r="BT24" s="293">
        <v>16955</v>
      </c>
      <c r="BU24" s="293">
        <v>71630</v>
      </c>
      <c r="BV24" s="293">
        <v>171761</v>
      </c>
      <c r="BW24" s="293">
        <v>86500</v>
      </c>
      <c r="BX24" s="293">
        <v>33907</v>
      </c>
      <c r="BY24" s="296">
        <v>380753</v>
      </c>
      <c r="BZ24" s="297">
        <v>380753</v>
      </c>
      <c r="CA24" s="292">
        <v>0</v>
      </c>
      <c r="CB24" s="293">
        <v>0</v>
      </c>
      <c r="CC24" s="294">
        <v>0</v>
      </c>
      <c r="CD24" s="295">
        <v>0</v>
      </c>
      <c r="CE24" s="293">
        <v>0</v>
      </c>
      <c r="CF24" s="293">
        <v>0</v>
      </c>
      <c r="CG24" s="293">
        <v>0</v>
      </c>
      <c r="CH24" s="293">
        <v>2592</v>
      </c>
      <c r="CI24" s="293">
        <v>0</v>
      </c>
      <c r="CJ24" s="296">
        <v>2592</v>
      </c>
      <c r="CK24" s="297">
        <v>2592</v>
      </c>
      <c r="CL24" s="292">
        <v>0</v>
      </c>
      <c r="CM24" s="293">
        <v>0</v>
      </c>
      <c r="CN24" s="294">
        <v>0</v>
      </c>
      <c r="CO24" s="295">
        <v>0</v>
      </c>
      <c r="CP24" s="293">
        <v>0</v>
      </c>
      <c r="CQ24" s="293">
        <v>0</v>
      </c>
      <c r="CR24" s="293">
        <v>0</v>
      </c>
      <c r="CS24" s="293">
        <v>0</v>
      </c>
      <c r="CT24" s="293">
        <v>0</v>
      </c>
      <c r="CU24" s="296">
        <v>0</v>
      </c>
      <c r="CV24" s="297">
        <v>0</v>
      </c>
      <c r="CW24" s="292">
        <v>0</v>
      </c>
      <c r="CX24" s="293">
        <v>0</v>
      </c>
      <c r="CY24" s="294">
        <v>0</v>
      </c>
      <c r="CZ24" s="298"/>
      <c r="DA24" s="293">
        <v>0</v>
      </c>
      <c r="DB24" s="293">
        <v>0</v>
      </c>
      <c r="DC24" s="293">
        <v>0</v>
      </c>
      <c r="DD24" s="293">
        <v>0</v>
      </c>
      <c r="DE24" s="293">
        <v>0</v>
      </c>
      <c r="DF24" s="296">
        <v>0</v>
      </c>
      <c r="DG24" s="297">
        <v>0</v>
      </c>
      <c r="DH24" s="292">
        <v>0</v>
      </c>
      <c r="DI24" s="293">
        <v>0</v>
      </c>
      <c r="DJ24" s="294">
        <v>0</v>
      </c>
      <c r="DK24" s="295">
        <v>0</v>
      </c>
      <c r="DL24" s="293">
        <v>84037</v>
      </c>
      <c r="DM24" s="293">
        <v>324775</v>
      </c>
      <c r="DN24" s="293">
        <v>2395820</v>
      </c>
      <c r="DO24" s="293">
        <v>2300503</v>
      </c>
      <c r="DP24" s="293">
        <v>1506007</v>
      </c>
      <c r="DQ24" s="296">
        <v>6611142</v>
      </c>
      <c r="DR24" s="299">
        <v>6611142</v>
      </c>
      <c r="DS24" s="292">
        <v>0</v>
      </c>
      <c r="DT24" s="293">
        <v>0</v>
      </c>
      <c r="DU24" s="294">
        <v>0</v>
      </c>
      <c r="DV24" s="298"/>
      <c r="DW24" s="293">
        <v>41540</v>
      </c>
      <c r="DX24" s="293">
        <v>158069</v>
      </c>
      <c r="DY24" s="293">
        <v>2052722</v>
      </c>
      <c r="DZ24" s="293">
        <v>2109938</v>
      </c>
      <c r="EA24" s="293">
        <v>1416925</v>
      </c>
      <c r="EB24" s="296">
        <v>5779194</v>
      </c>
      <c r="EC24" s="297">
        <v>5779194</v>
      </c>
      <c r="ED24" s="292">
        <v>0</v>
      </c>
      <c r="EE24" s="293">
        <v>0</v>
      </c>
      <c r="EF24" s="294">
        <v>0</v>
      </c>
      <c r="EG24" s="298"/>
      <c r="EH24" s="293">
        <v>2814</v>
      </c>
      <c r="EI24" s="293">
        <v>34403</v>
      </c>
      <c r="EJ24" s="293">
        <v>25978</v>
      </c>
      <c r="EK24" s="293">
        <v>1953</v>
      </c>
      <c r="EL24" s="293">
        <v>25096</v>
      </c>
      <c r="EM24" s="296">
        <v>90244</v>
      </c>
      <c r="EN24" s="297">
        <v>90244</v>
      </c>
      <c r="EO24" s="292">
        <v>0</v>
      </c>
      <c r="EP24" s="293">
        <v>0</v>
      </c>
      <c r="EQ24" s="294">
        <v>0</v>
      </c>
      <c r="ER24" s="298"/>
      <c r="ES24" s="293">
        <v>0</v>
      </c>
      <c r="ET24" s="293">
        <v>0</v>
      </c>
      <c r="EU24" s="293">
        <v>217</v>
      </c>
      <c r="EV24" s="293">
        <v>0</v>
      </c>
      <c r="EW24" s="293">
        <v>0</v>
      </c>
      <c r="EX24" s="296">
        <v>217</v>
      </c>
      <c r="EY24" s="297">
        <v>217</v>
      </c>
      <c r="EZ24" s="292">
        <v>0</v>
      </c>
      <c r="FA24" s="293">
        <v>0</v>
      </c>
      <c r="FB24" s="294">
        <v>0</v>
      </c>
      <c r="FC24" s="298"/>
      <c r="FD24" s="293">
        <v>0</v>
      </c>
      <c r="FE24" s="293">
        <v>0</v>
      </c>
      <c r="FF24" s="293">
        <v>11687</v>
      </c>
      <c r="FG24" s="293">
        <v>434</v>
      </c>
      <c r="FH24" s="293">
        <v>868</v>
      </c>
      <c r="FI24" s="296">
        <v>12989</v>
      </c>
      <c r="FJ24" s="297">
        <v>12989</v>
      </c>
      <c r="FK24" s="292">
        <v>0</v>
      </c>
      <c r="FL24" s="293">
        <v>0</v>
      </c>
      <c r="FM24" s="294">
        <v>0</v>
      </c>
      <c r="FN24" s="298"/>
      <c r="FO24" s="293">
        <v>0</v>
      </c>
      <c r="FP24" s="293">
        <v>0</v>
      </c>
      <c r="FQ24" s="293">
        <v>0</v>
      </c>
      <c r="FR24" s="293">
        <v>0</v>
      </c>
      <c r="FS24" s="293">
        <v>0</v>
      </c>
      <c r="FT24" s="296">
        <v>0</v>
      </c>
      <c r="FU24" s="297">
        <v>0</v>
      </c>
      <c r="FV24" s="292">
        <v>0</v>
      </c>
      <c r="FW24" s="293">
        <v>0</v>
      </c>
      <c r="FX24" s="294">
        <v>0</v>
      </c>
      <c r="FY24" s="295">
        <v>0</v>
      </c>
      <c r="FZ24" s="293">
        <v>39683</v>
      </c>
      <c r="GA24" s="293">
        <v>132303</v>
      </c>
      <c r="GB24" s="293">
        <v>305216</v>
      </c>
      <c r="GC24" s="293">
        <v>184644</v>
      </c>
      <c r="GD24" s="293">
        <v>63118</v>
      </c>
      <c r="GE24" s="296">
        <v>724964</v>
      </c>
      <c r="GF24" s="297">
        <v>724964</v>
      </c>
      <c r="GG24" s="292">
        <v>0</v>
      </c>
      <c r="GH24" s="293">
        <v>0</v>
      </c>
      <c r="GI24" s="294">
        <v>0</v>
      </c>
      <c r="GJ24" s="295">
        <v>0</v>
      </c>
      <c r="GK24" s="293">
        <v>0</v>
      </c>
      <c r="GL24" s="293">
        <v>0</v>
      </c>
      <c r="GM24" s="293">
        <v>0</v>
      </c>
      <c r="GN24" s="293">
        <v>3534</v>
      </c>
      <c r="GO24" s="293">
        <v>0</v>
      </c>
      <c r="GP24" s="296">
        <v>3534</v>
      </c>
      <c r="GQ24" s="297">
        <v>3534</v>
      </c>
      <c r="GR24" s="292">
        <v>0</v>
      </c>
      <c r="GS24" s="293">
        <v>0</v>
      </c>
      <c r="GT24" s="294">
        <v>0</v>
      </c>
      <c r="GU24" s="295">
        <v>0</v>
      </c>
      <c r="GV24" s="293">
        <v>0</v>
      </c>
      <c r="GW24" s="293">
        <v>0</v>
      </c>
      <c r="GX24" s="293">
        <v>0</v>
      </c>
      <c r="GY24" s="293">
        <v>0</v>
      </c>
      <c r="GZ24" s="293">
        <v>0</v>
      </c>
      <c r="HA24" s="296">
        <v>0</v>
      </c>
      <c r="HB24" s="297">
        <v>0</v>
      </c>
      <c r="HC24" s="292">
        <v>0</v>
      </c>
      <c r="HD24" s="293">
        <v>0</v>
      </c>
      <c r="HE24" s="294">
        <v>0</v>
      </c>
      <c r="HF24" s="298"/>
      <c r="HG24" s="293">
        <v>0</v>
      </c>
      <c r="HH24" s="293">
        <v>0</v>
      </c>
      <c r="HI24" s="293">
        <v>0</v>
      </c>
      <c r="HJ24" s="293">
        <v>0</v>
      </c>
      <c r="HK24" s="293">
        <v>0</v>
      </c>
      <c r="HL24" s="296">
        <v>0</v>
      </c>
      <c r="HM24" s="297">
        <v>0</v>
      </c>
      <c r="HN24" s="292">
        <v>0</v>
      </c>
      <c r="HO24" s="293">
        <v>0</v>
      </c>
      <c r="HP24" s="294">
        <v>0</v>
      </c>
      <c r="HQ24" s="295">
        <v>0</v>
      </c>
      <c r="HR24" s="293">
        <v>225372</v>
      </c>
      <c r="HS24" s="293">
        <v>673743</v>
      </c>
      <c r="HT24" s="293">
        <v>4615024</v>
      </c>
      <c r="HU24" s="293">
        <v>4049603</v>
      </c>
      <c r="HV24" s="293">
        <v>2898630</v>
      </c>
      <c r="HW24" s="296">
        <v>12462372</v>
      </c>
      <c r="HX24" s="297">
        <v>12462372</v>
      </c>
    </row>
    <row r="25" spans="1:232" ht="21" customHeight="1" x14ac:dyDescent="0.2">
      <c r="A25" s="498" t="s">
        <v>22</v>
      </c>
      <c r="B25" s="292">
        <v>0</v>
      </c>
      <c r="C25" s="293">
        <v>0</v>
      </c>
      <c r="D25" s="294">
        <v>0</v>
      </c>
      <c r="E25" s="295">
        <v>0</v>
      </c>
      <c r="F25" s="293">
        <v>132665</v>
      </c>
      <c r="G25" s="293">
        <v>261767</v>
      </c>
      <c r="H25" s="293">
        <v>638732</v>
      </c>
      <c r="I25" s="293">
        <v>1065780</v>
      </c>
      <c r="J25" s="293">
        <v>595715</v>
      </c>
      <c r="K25" s="296">
        <v>2694659</v>
      </c>
      <c r="L25" s="297">
        <v>2694659</v>
      </c>
      <c r="M25" s="292">
        <v>0</v>
      </c>
      <c r="N25" s="293">
        <v>0</v>
      </c>
      <c r="O25" s="294">
        <v>0</v>
      </c>
      <c r="P25" s="298"/>
      <c r="Q25" s="293">
        <v>35495</v>
      </c>
      <c r="R25" s="293">
        <v>25117</v>
      </c>
      <c r="S25" s="293">
        <v>452212</v>
      </c>
      <c r="T25" s="293">
        <v>523965</v>
      </c>
      <c r="U25" s="293">
        <v>413580</v>
      </c>
      <c r="V25" s="296">
        <v>1450369</v>
      </c>
      <c r="W25" s="297">
        <v>1450369</v>
      </c>
      <c r="X25" s="292">
        <v>0</v>
      </c>
      <c r="Y25" s="293">
        <v>0</v>
      </c>
      <c r="Z25" s="294">
        <v>0</v>
      </c>
      <c r="AA25" s="298"/>
      <c r="AB25" s="293">
        <v>90370</v>
      </c>
      <c r="AC25" s="293">
        <v>227930</v>
      </c>
      <c r="AD25" s="293">
        <v>139930</v>
      </c>
      <c r="AE25" s="293">
        <v>342100</v>
      </c>
      <c r="AF25" s="293">
        <v>119690</v>
      </c>
      <c r="AG25" s="296">
        <v>920020</v>
      </c>
      <c r="AH25" s="297">
        <v>920020</v>
      </c>
      <c r="AI25" s="292">
        <v>0</v>
      </c>
      <c r="AJ25" s="293">
        <v>0</v>
      </c>
      <c r="AK25" s="294">
        <v>0</v>
      </c>
      <c r="AL25" s="298"/>
      <c r="AM25" s="293">
        <v>0</v>
      </c>
      <c r="AN25" s="293">
        <v>0</v>
      </c>
      <c r="AO25" s="293">
        <v>0</v>
      </c>
      <c r="AP25" s="293">
        <v>0</v>
      </c>
      <c r="AQ25" s="293">
        <v>0</v>
      </c>
      <c r="AR25" s="296">
        <v>0</v>
      </c>
      <c r="AS25" s="297">
        <v>0</v>
      </c>
      <c r="AT25" s="292">
        <v>0</v>
      </c>
      <c r="AU25" s="293">
        <v>0</v>
      </c>
      <c r="AV25" s="294">
        <v>0</v>
      </c>
      <c r="AW25" s="298"/>
      <c r="AX25" s="293">
        <v>0</v>
      </c>
      <c r="AY25" s="293">
        <v>0</v>
      </c>
      <c r="AZ25" s="293">
        <v>0</v>
      </c>
      <c r="BA25" s="293">
        <v>40610</v>
      </c>
      <c r="BB25" s="293">
        <v>49290</v>
      </c>
      <c r="BC25" s="296">
        <v>89900</v>
      </c>
      <c r="BD25" s="297">
        <v>89900</v>
      </c>
      <c r="BE25" s="292">
        <v>0</v>
      </c>
      <c r="BF25" s="293">
        <v>0</v>
      </c>
      <c r="BG25" s="294">
        <v>0</v>
      </c>
      <c r="BH25" s="298"/>
      <c r="BI25" s="293">
        <v>0</v>
      </c>
      <c r="BJ25" s="293">
        <v>0</v>
      </c>
      <c r="BK25" s="293">
        <v>0</v>
      </c>
      <c r="BL25" s="293">
        <v>157945</v>
      </c>
      <c r="BM25" s="293">
        <v>5270</v>
      </c>
      <c r="BN25" s="296">
        <v>163215</v>
      </c>
      <c r="BO25" s="297">
        <v>163215</v>
      </c>
      <c r="BP25" s="292">
        <v>0</v>
      </c>
      <c r="BQ25" s="293">
        <v>0</v>
      </c>
      <c r="BR25" s="294">
        <v>0</v>
      </c>
      <c r="BS25" s="295">
        <v>0</v>
      </c>
      <c r="BT25" s="293">
        <v>1585</v>
      </c>
      <c r="BU25" s="293">
        <v>8720</v>
      </c>
      <c r="BV25" s="293">
        <v>45865</v>
      </c>
      <c r="BW25" s="293">
        <v>1160</v>
      </c>
      <c r="BX25" s="293">
        <v>6290</v>
      </c>
      <c r="BY25" s="296">
        <v>63620</v>
      </c>
      <c r="BZ25" s="297">
        <v>63620</v>
      </c>
      <c r="CA25" s="292">
        <v>0</v>
      </c>
      <c r="CB25" s="293">
        <v>0</v>
      </c>
      <c r="CC25" s="294">
        <v>0</v>
      </c>
      <c r="CD25" s="295">
        <v>0</v>
      </c>
      <c r="CE25" s="293">
        <v>5215</v>
      </c>
      <c r="CF25" s="293">
        <v>0</v>
      </c>
      <c r="CG25" s="293">
        <v>725</v>
      </c>
      <c r="CH25" s="293">
        <v>0</v>
      </c>
      <c r="CI25" s="293">
        <v>1595</v>
      </c>
      <c r="CJ25" s="296">
        <v>7535</v>
      </c>
      <c r="CK25" s="297">
        <v>7535</v>
      </c>
      <c r="CL25" s="292">
        <v>0</v>
      </c>
      <c r="CM25" s="293">
        <v>0</v>
      </c>
      <c r="CN25" s="294">
        <v>0</v>
      </c>
      <c r="CO25" s="295">
        <v>0</v>
      </c>
      <c r="CP25" s="293">
        <v>0</v>
      </c>
      <c r="CQ25" s="293">
        <v>0</v>
      </c>
      <c r="CR25" s="293">
        <v>0</v>
      </c>
      <c r="CS25" s="293">
        <v>0</v>
      </c>
      <c r="CT25" s="293">
        <v>0</v>
      </c>
      <c r="CU25" s="296">
        <v>0</v>
      </c>
      <c r="CV25" s="297">
        <v>0</v>
      </c>
      <c r="CW25" s="292">
        <v>0</v>
      </c>
      <c r="CX25" s="293">
        <v>0</v>
      </c>
      <c r="CY25" s="294">
        <v>0</v>
      </c>
      <c r="CZ25" s="298"/>
      <c r="DA25" s="293">
        <v>0</v>
      </c>
      <c r="DB25" s="293">
        <v>0</v>
      </c>
      <c r="DC25" s="293">
        <v>0</v>
      </c>
      <c r="DD25" s="293">
        <v>0</v>
      </c>
      <c r="DE25" s="293">
        <v>0</v>
      </c>
      <c r="DF25" s="296">
        <v>0</v>
      </c>
      <c r="DG25" s="297">
        <v>0</v>
      </c>
      <c r="DH25" s="292">
        <v>0</v>
      </c>
      <c r="DI25" s="293">
        <v>0</v>
      </c>
      <c r="DJ25" s="294">
        <v>0</v>
      </c>
      <c r="DK25" s="295">
        <v>0</v>
      </c>
      <c r="DL25" s="293">
        <v>40643</v>
      </c>
      <c r="DM25" s="293">
        <v>71769</v>
      </c>
      <c r="DN25" s="293">
        <v>585003</v>
      </c>
      <c r="DO25" s="293">
        <v>1018525</v>
      </c>
      <c r="DP25" s="293">
        <v>463673</v>
      </c>
      <c r="DQ25" s="296">
        <v>2179613</v>
      </c>
      <c r="DR25" s="299">
        <v>2179613</v>
      </c>
      <c r="DS25" s="292">
        <v>0</v>
      </c>
      <c r="DT25" s="293">
        <v>0</v>
      </c>
      <c r="DU25" s="294">
        <v>0</v>
      </c>
      <c r="DV25" s="298"/>
      <c r="DW25" s="293">
        <v>26505</v>
      </c>
      <c r="DX25" s="293">
        <v>11640</v>
      </c>
      <c r="DY25" s="293">
        <v>493915</v>
      </c>
      <c r="DZ25" s="293">
        <v>687185</v>
      </c>
      <c r="EA25" s="293">
        <v>380334</v>
      </c>
      <c r="EB25" s="296">
        <v>1599579</v>
      </c>
      <c r="EC25" s="297">
        <v>1599579</v>
      </c>
      <c r="ED25" s="292">
        <v>0</v>
      </c>
      <c r="EE25" s="293">
        <v>0</v>
      </c>
      <c r="EF25" s="294">
        <v>0</v>
      </c>
      <c r="EG25" s="298"/>
      <c r="EH25" s="293">
        <v>12650</v>
      </c>
      <c r="EI25" s="293">
        <v>49413</v>
      </c>
      <c r="EJ25" s="293">
        <v>23641</v>
      </c>
      <c r="EK25" s="293">
        <v>86050</v>
      </c>
      <c r="EL25" s="293">
        <v>12674</v>
      </c>
      <c r="EM25" s="296">
        <v>184428</v>
      </c>
      <c r="EN25" s="297">
        <v>184428</v>
      </c>
      <c r="EO25" s="292">
        <v>0</v>
      </c>
      <c r="EP25" s="293">
        <v>0</v>
      </c>
      <c r="EQ25" s="294">
        <v>0</v>
      </c>
      <c r="ER25" s="298"/>
      <c r="ES25" s="293">
        <v>0</v>
      </c>
      <c r="ET25" s="293">
        <v>0</v>
      </c>
      <c r="EU25" s="293">
        <v>0</v>
      </c>
      <c r="EV25" s="293">
        <v>0</v>
      </c>
      <c r="EW25" s="293">
        <v>0</v>
      </c>
      <c r="EX25" s="296">
        <v>0</v>
      </c>
      <c r="EY25" s="297">
        <v>0</v>
      </c>
      <c r="EZ25" s="292">
        <v>0</v>
      </c>
      <c r="FA25" s="293">
        <v>0</v>
      </c>
      <c r="FB25" s="294">
        <v>0</v>
      </c>
      <c r="FC25" s="298"/>
      <c r="FD25" s="293">
        <v>0</v>
      </c>
      <c r="FE25" s="293">
        <v>0</v>
      </c>
      <c r="FF25" s="293">
        <v>0</v>
      </c>
      <c r="FG25" s="293">
        <v>868</v>
      </c>
      <c r="FH25" s="293">
        <v>11315</v>
      </c>
      <c r="FI25" s="296">
        <v>12183</v>
      </c>
      <c r="FJ25" s="297">
        <v>12183</v>
      </c>
      <c r="FK25" s="292">
        <v>0</v>
      </c>
      <c r="FL25" s="293">
        <v>0</v>
      </c>
      <c r="FM25" s="294">
        <v>0</v>
      </c>
      <c r="FN25" s="298"/>
      <c r="FO25" s="293">
        <v>0</v>
      </c>
      <c r="FP25" s="293">
        <v>0</v>
      </c>
      <c r="FQ25" s="293">
        <v>0</v>
      </c>
      <c r="FR25" s="293">
        <v>238080</v>
      </c>
      <c r="FS25" s="293">
        <v>42780</v>
      </c>
      <c r="FT25" s="296">
        <v>280860</v>
      </c>
      <c r="FU25" s="297">
        <v>280860</v>
      </c>
      <c r="FV25" s="292">
        <v>0</v>
      </c>
      <c r="FW25" s="293">
        <v>0</v>
      </c>
      <c r="FX25" s="294">
        <v>0</v>
      </c>
      <c r="FY25" s="295">
        <v>0</v>
      </c>
      <c r="FZ25" s="293">
        <v>1404</v>
      </c>
      <c r="GA25" s="293">
        <v>10716</v>
      </c>
      <c r="GB25" s="293">
        <v>67412</v>
      </c>
      <c r="GC25" s="293">
        <v>6342</v>
      </c>
      <c r="GD25" s="293">
        <v>15426</v>
      </c>
      <c r="GE25" s="296">
        <v>101300</v>
      </c>
      <c r="GF25" s="297">
        <v>101300</v>
      </c>
      <c r="GG25" s="292">
        <v>0</v>
      </c>
      <c r="GH25" s="293">
        <v>0</v>
      </c>
      <c r="GI25" s="294">
        <v>0</v>
      </c>
      <c r="GJ25" s="295">
        <v>0</v>
      </c>
      <c r="GK25" s="293">
        <v>84</v>
      </c>
      <c r="GL25" s="293">
        <v>0</v>
      </c>
      <c r="GM25" s="293">
        <v>35</v>
      </c>
      <c r="GN25" s="293">
        <v>0</v>
      </c>
      <c r="GO25" s="293">
        <v>1144</v>
      </c>
      <c r="GP25" s="296">
        <v>1263</v>
      </c>
      <c r="GQ25" s="297">
        <v>1263</v>
      </c>
      <c r="GR25" s="292">
        <v>0</v>
      </c>
      <c r="GS25" s="293">
        <v>0</v>
      </c>
      <c r="GT25" s="294">
        <v>0</v>
      </c>
      <c r="GU25" s="295">
        <v>0</v>
      </c>
      <c r="GV25" s="293">
        <v>0</v>
      </c>
      <c r="GW25" s="293">
        <v>0</v>
      </c>
      <c r="GX25" s="293">
        <v>0</v>
      </c>
      <c r="GY25" s="293">
        <v>0</v>
      </c>
      <c r="GZ25" s="293">
        <v>0</v>
      </c>
      <c r="HA25" s="296">
        <v>0</v>
      </c>
      <c r="HB25" s="297">
        <v>0</v>
      </c>
      <c r="HC25" s="292">
        <v>0</v>
      </c>
      <c r="HD25" s="293">
        <v>0</v>
      </c>
      <c r="HE25" s="294">
        <v>0</v>
      </c>
      <c r="HF25" s="298"/>
      <c r="HG25" s="293">
        <v>0</v>
      </c>
      <c r="HH25" s="293">
        <v>0</v>
      </c>
      <c r="HI25" s="293">
        <v>0</v>
      </c>
      <c r="HJ25" s="293">
        <v>0</v>
      </c>
      <c r="HK25" s="293">
        <v>0</v>
      </c>
      <c r="HL25" s="296">
        <v>0</v>
      </c>
      <c r="HM25" s="297">
        <v>0</v>
      </c>
      <c r="HN25" s="292">
        <v>0</v>
      </c>
      <c r="HO25" s="293">
        <v>0</v>
      </c>
      <c r="HP25" s="294">
        <v>0</v>
      </c>
      <c r="HQ25" s="295">
        <v>0</v>
      </c>
      <c r="HR25" s="293">
        <v>173308</v>
      </c>
      <c r="HS25" s="293">
        <v>333536</v>
      </c>
      <c r="HT25" s="293">
        <v>1223735</v>
      </c>
      <c r="HU25" s="293">
        <v>2084305</v>
      </c>
      <c r="HV25" s="293">
        <v>1059388</v>
      </c>
      <c r="HW25" s="296">
        <v>4874272</v>
      </c>
      <c r="HX25" s="297">
        <v>4874272</v>
      </c>
    </row>
    <row r="26" spans="1:232" ht="21" customHeight="1" x14ac:dyDescent="0.2">
      <c r="A26" s="498" t="s">
        <v>23</v>
      </c>
      <c r="B26" s="292">
        <v>16900</v>
      </c>
      <c r="C26" s="293">
        <v>0</v>
      </c>
      <c r="D26" s="294">
        <v>16900</v>
      </c>
      <c r="E26" s="295">
        <v>0</v>
      </c>
      <c r="F26" s="293">
        <v>182950</v>
      </c>
      <c r="G26" s="293">
        <v>370480</v>
      </c>
      <c r="H26" s="293">
        <v>1219670</v>
      </c>
      <c r="I26" s="293">
        <v>1159738</v>
      </c>
      <c r="J26" s="293">
        <v>905838</v>
      </c>
      <c r="K26" s="296">
        <v>3838676</v>
      </c>
      <c r="L26" s="297">
        <v>3855576</v>
      </c>
      <c r="M26" s="292">
        <v>0</v>
      </c>
      <c r="N26" s="293">
        <v>0</v>
      </c>
      <c r="O26" s="294">
        <v>0</v>
      </c>
      <c r="P26" s="298"/>
      <c r="Q26" s="293">
        <v>57350</v>
      </c>
      <c r="R26" s="293">
        <v>166160</v>
      </c>
      <c r="S26" s="293">
        <v>900715</v>
      </c>
      <c r="T26" s="293">
        <v>849530</v>
      </c>
      <c r="U26" s="293">
        <v>646020</v>
      </c>
      <c r="V26" s="296">
        <v>2619775</v>
      </c>
      <c r="W26" s="297">
        <v>2619775</v>
      </c>
      <c r="X26" s="292">
        <v>0</v>
      </c>
      <c r="Y26" s="293">
        <v>0</v>
      </c>
      <c r="Z26" s="294">
        <v>0</v>
      </c>
      <c r="AA26" s="298"/>
      <c r="AB26" s="293">
        <v>121485</v>
      </c>
      <c r="AC26" s="293">
        <v>161880</v>
      </c>
      <c r="AD26" s="293">
        <v>199045</v>
      </c>
      <c r="AE26" s="293">
        <v>228920</v>
      </c>
      <c r="AF26" s="293">
        <v>171938</v>
      </c>
      <c r="AG26" s="296">
        <v>883268</v>
      </c>
      <c r="AH26" s="297">
        <v>883268</v>
      </c>
      <c r="AI26" s="292">
        <v>0</v>
      </c>
      <c r="AJ26" s="293">
        <v>0</v>
      </c>
      <c r="AK26" s="294">
        <v>0</v>
      </c>
      <c r="AL26" s="298"/>
      <c r="AM26" s="293">
        <v>0</v>
      </c>
      <c r="AN26" s="293">
        <v>0</v>
      </c>
      <c r="AO26" s="293">
        <v>0</v>
      </c>
      <c r="AP26" s="293">
        <v>0</v>
      </c>
      <c r="AQ26" s="293">
        <v>24645</v>
      </c>
      <c r="AR26" s="296">
        <v>24645</v>
      </c>
      <c r="AS26" s="297">
        <v>24645</v>
      </c>
      <c r="AT26" s="292">
        <v>0</v>
      </c>
      <c r="AU26" s="293">
        <v>0</v>
      </c>
      <c r="AV26" s="294">
        <v>0</v>
      </c>
      <c r="AW26" s="298"/>
      <c r="AX26" s="293">
        <v>0</v>
      </c>
      <c r="AY26" s="293">
        <v>0</v>
      </c>
      <c r="AZ26" s="293">
        <v>0</v>
      </c>
      <c r="BA26" s="293">
        <v>24645</v>
      </c>
      <c r="BB26" s="293">
        <v>49450</v>
      </c>
      <c r="BC26" s="296">
        <v>74095</v>
      </c>
      <c r="BD26" s="297">
        <v>74095</v>
      </c>
      <c r="BE26" s="292">
        <v>0</v>
      </c>
      <c r="BF26" s="293">
        <v>0</v>
      </c>
      <c r="BG26" s="294">
        <v>0</v>
      </c>
      <c r="BH26" s="298"/>
      <c r="BI26" s="293">
        <v>0</v>
      </c>
      <c r="BJ26" s="293">
        <v>0</v>
      </c>
      <c r="BK26" s="293">
        <v>0</v>
      </c>
      <c r="BL26" s="293">
        <v>0</v>
      </c>
      <c r="BM26" s="293">
        <v>0</v>
      </c>
      <c r="BN26" s="296">
        <v>0</v>
      </c>
      <c r="BO26" s="297">
        <v>0</v>
      </c>
      <c r="BP26" s="292">
        <v>16900</v>
      </c>
      <c r="BQ26" s="293">
        <v>0</v>
      </c>
      <c r="BR26" s="294">
        <v>16900</v>
      </c>
      <c r="BS26" s="295">
        <v>0</v>
      </c>
      <c r="BT26" s="293">
        <v>4115</v>
      </c>
      <c r="BU26" s="293">
        <v>42440</v>
      </c>
      <c r="BV26" s="293">
        <v>119910</v>
      </c>
      <c r="BW26" s="293">
        <v>56643</v>
      </c>
      <c r="BX26" s="293">
        <v>13785</v>
      </c>
      <c r="BY26" s="296">
        <v>236893</v>
      </c>
      <c r="BZ26" s="297">
        <v>253793</v>
      </c>
      <c r="CA26" s="292">
        <v>0</v>
      </c>
      <c r="CB26" s="293">
        <v>0</v>
      </c>
      <c r="CC26" s="294">
        <v>0</v>
      </c>
      <c r="CD26" s="295">
        <v>0</v>
      </c>
      <c r="CE26" s="293">
        <v>0</v>
      </c>
      <c r="CF26" s="293">
        <v>0</v>
      </c>
      <c r="CG26" s="293">
        <v>0</v>
      </c>
      <c r="CH26" s="293">
        <v>0</v>
      </c>
      <c r="CI26" s="293">
        <v>0</v>
      </c>
      <c r="CJ26" s="296">
        <v>0</v>
      </c>
      <c r="CK26" s="297">
        <v>0</v>
      </c>
      <c r="CL26" s="292">
        <v>0</v>
      </c>
      <c r="CM26" s="293">
        <v>0</v>
      </c>
      <c r="CN26" s="294">
        <v>0</v>
      </c>
      <c r="CO26" s="295">
        <v>0</v>
      </c>
      <c r="CP26" s="293">
        <v>0</v>
      </c>
      <c r="CQ26" s="293">
        <v>0</v>
      </c>
      <c r="CR26" s="293">
        <v>0</v>
      </c>
      <c r="CS26" s="293">
        <v>0</v>
      </c>
      <c r="CT26" s="293">
        <v>0</v>
      </c>
      <c r="CU26" s="296">
        <v>0</v>
      </c>
      <c r="CV26" s="297">
        <v>0</v>
      </c>
      <c r="CW26" s="292">
        <v>0</v>
      </c>
      <c r="CX26" s="293">
        <v>0</v>
      </c>
      <c r="CY26" s="294">
        <v>0</v>
      </c>
      <c r="CZ26" s="298"/>
      <c r="DA26" s="293">
        <v>0</v>
      </c>
      <c r="DB26" s="293">
        <v>0</v>
      </c>
      <c r="DC26" s="293">
        <v>0</v>
      </c>
      <c r="DD26" s="293">
        <v>0</v>
      </c>
      <c r="DE26" s="293">
        <v>0</v>
      </c>
      <c r="DF26" s="296">
        <v>0</v>
      </c>
      <c r="DG26" s="297">
        <v>0</v>
      </c>
      <c r="DH26" s="292">
        <v>15020</v>
      </c>
      <c r="DI26" s="293">
        <v>0</v>
      </c>
      <c r="DJ26" s="294">
        <v>15020</v>
      </c>
      <c r="DK26" s="295">
        <v>0</v>
      </c>
      <c r="DL26" s="293">
        <v>54668</v>
      </c>
      <c r="DM26" s="293">
        <v>262812</v>
      </c>
      <c r="DN26" s="293">
        <v>1013007</v>
      </c>
      <c r="DO26" s="293">
        <v>1214930</v>
      </c>
      <c r="DP26" s="293">
        <v>693728</v>
      </c>
      <c r="DQ26" s="296">
        <v>3239145</v>
      </c>
      <c r="DR26" s="299">
        <v>3254165</v>
      </c>
      <c r="DS26" s="292">
        <v>0</v>
      </c>
      <c r="DT26" s="293">
        <v>0</v>
      </c>
      <c r="DU26" s="294">
        <v>0</v>
      </c>
      <c r="DV26" s="298"/>
      <c r="DW26" s="293">
        <v>33046</v>
      </c>
      <c r="DX26" s="293">
        <v>138260</v>
      </c>
      <c r="DY26" s="293">
        <v>894019</v>
      </c>
      <c r="DZ26" s="293">
        <v>1044007</v>
      </c>
      <c r="EA26" s="293">
        <v>648017</v>
      </c>
      <c r="EB26" s="296">
        <v>2757349</v>
      </c>
      <c r="EC26" s="297">
        <v>2757349</v>
      </c>
      <c r="ED26" s="292">
        <v>0</v>
      </c>
      <c r="EE26" s="293">
        <v>0</v>
      </c>
      <c r="EF26" s="294">
        <v>0</v>
      </c>
      <c r="EG26" s="298"/>
      <c r="EH26" s="293">
        <v>12702</v>
      </c>
      <c r="EI26" s="293">
        <v>13330</v>
      </c>
      <c r="EJ26" s="293">
        <v>2261</v>
      </c>
      <c r="EK26" s="293">
        <v>41372</v>
      </c>
      <c r="EL26" s="293">
        <v>42493</v>
      </c>
      <c r="EM26" s="296">
        <v>112158</v>
      </c>
      <c r="EN26" s="297">
        <v>112158</v>
      </c>
      <c r="EO26" s="292">
        <v>0</v>
      </c>
      <c r="EP26" s="293">
        <v>0</v>
      </c>
      <c r="EQ26" s="294">
        <v>0</v>
      </c>
      <c r="ER26" s="298"/>
      <c r="ES26" s="293">
        <v>0</v>
      </c>
      <c r="ET26" s="293">
        <v>0</v>
      </c>
      <c r="EU26" s="293">
        <v>0</v>
      </c>
      <c r="EV26" s="293">
        <v>0</v>
      </c>
      <c r="EW26" s="293">
        <v>0</v>
      </c>
      <c r="EX26" s="296">
        <v>0</v>
      </c>
      <c r="EY26" s="297">
        <v>0</v>
      </c>
      <c r="EZ26" s="292">
        <v>0</v>
      </c>
      <c r="FA26" s="293">
        <v>0</v>
      </c>
      <c r="FB26" s="294">
        <v>0</v>
      </c>
      <c r="FC26" s="298"/>
      <c r="FD26" s="293">
        <v>0</v>
      </c>
      <c r="FE26" s="293">
        <v>0</v>
      </c>
      <c r="FF26" s="293">
        <v>0</v>
      </c>
      <c r="FG26" s="293">
        <v>217</v>
      </c>
      <c r="FH26" s="293">
        <v>434</v>
      </c>
      <c r="FI26" s="296">
        <v>651</v>
      </c>
      <c r="FJ26" s="297">
        <v>651</v>
      </c>
      <c r="FK26" s="292">
        <v>0</v>
      </c>
      <c r="FL26" s="293">
        <v>0</v>
      </c>
      <c r="FM26" s="294">
        <v>0</v>
      </c>
      <c r="FN26" s="298"/>
      <c r="FO26" s="293">
        <v>0</v>
      </c>
      <c r="FP26" s="293">
        <v>0</v>
      </c>
      <c r="FQ26" s="293">
        <v>0</v>
      </c>
      <c r="FR26" s="293">
        <v>0</v>
      </c>
      <c r="FS26" s="293">
        <v>0</v>
      </c>
      <c r="FT26" s="296">
        <v>0</v>
      </c>
      <c r="FU26" s="297">
        <v>0</v>
      </c>
      <c r="FV26" s="292">
        <v>15020</v>
      </c>
      <c r="FW26" s="293">
        <v>0</v>
      </c>
      <c r="FX26" s="294">
        <v>15020</v>
      </c>
      <c r="FY26" s="295">
        <v>0</v>
      </c>
      <c r="FZ26" s="293">
        <v>8920</v>
      </c>
      <c r="GA26" s="293">
        <v>111222</v>
      </c>
      <c r="GB26" s="293">
        <v>116727</v>
      </c>
      <c r="GC26" s="293">
        <v>129334</v>
      </c>
      <c r="GD26" s="293">
        <v>2784</v>
      </c>
      <c r="GE26" s="296">
        <v>368987</v>
      </c>
      <c r="GF26" s="297">
        <v>384007</v>
      </c>
      <c r="GG26" s="292">
        <v>0</v>
      </c>
      <c r="GH26" s="293">
        <v>0</v>
      </c>
      <c r="GI26" s="294">
        <v>0</v>
      </c>
      <c r="GJ26" s="295">
        <v>0</v>
      </c>
      <c r="GK26" s="293">
        <v>0</v>
      </c>
      <c r="GL26" s="293">
        <v>0</v>
      </c>
      <c r="GM26" s="293">
        <v>0</v>
      </c>
      <c r="GN26" s="293">
        <v>0</v>
      </c>
      <c r="GO26" s="293">
        <v>0</v>
      </c>
      <c r="GP26" s="296">
        <v>0</v>
      </c>
      <c r="GQ26" s="297">
        <v>0</v>
      </c>
      <c r="GR26" s="292">
        <v>0</v>
      </c>
      <c r="GS26" s="293">
        <v>0</v>
      </c>
      <c r="GT26" s="294">
        <v>0</v>
      </c>
      <c r="GU26" s="295">
        <v>0</v>
      </c>
      <c r="GV26" s="293">
        <v>0</v>
      </c>
      <c r="GW26" s="293">
        <v>0</v>
      </c>
      <c r="GX26" s="293">
        <v>0</v>
      </c>
      <c r="GY26" s="293">
        <v>0</v>
      </c>
      <c r="GZ26" s="293">
        <v>0</v>
      </c>
      <c r="HA26" s="296">
        <v>0</v>
      </c>
      <c r="HB26" s="297">
        <v>0</v>
      </c>
      <c r="HC26" s="292">
        <v>0</v>
      </c>
      <c r="HD26" s="293">
        <v>0</v>
      </c>
      <c r="HE26" s="294">
        <v>0</v>
      </c>
      <c r="HF26" s="298"/>
      <c r="HG26" s="293">
        <v>0</v>
      </c>
      <c r="HH26" s="293">
        <v>0</v>
      </c>
      <c r="HI26" s="293">
        <v>0</v>
      </c>
      <c r="HJ26" s="293">
        <v>0</v>
      </c>
      <c r="HK26" s="293">
        <v>0</v>
      </c>
      <c r="HL26" s="296">
        <v>0</v>
      </c>
      <c r="HM26" s="297">
        <v>0</v>
      </c>
      <c r="HN26" s="292">
        <v>31920</v>
      </c>
      <c r="HO26" s="293">
        <v>0</v>
      </c>
      <c r="HP26" s="294">
        <v>31920</v>
      </c>
      <c r="HQ26" s="295">
        <v>0</v>
      </c>
      <c r="HR26" s="293">
        <v>237618</v>
      </c>
      <c r="HS26" s="293">
        <v>633292</v>
      </c>
      <c r="HT26" s="293">
        <v>2232677</v>
      </c>
      <c r="HU26" s="293">
        <v>2374668</v>
      </c>
      <c r="HV26" s="293">
        <v>1599566</v>
      </c>
      <c r="HW26" s="296">
        <v>7077821</v>
      </c>
      <c r="HX26" s="297">
        <v>7109741</v>
      </c>
    </row>
    <row r="27" spans="1:232" ht="21" customHeight="1" x14ac:dyDescent="0.2">
      <c r="A27" s="498" t="s">
        <v>24</v>
      </c>
      <c r="B27" s="292">
        <v>0</v>
      </c>
      <c r="C27" s="293">
        <v>0</v>
      </c>
      <c r="D27" s="294">
        <v>0</v>
      </c>
      <c r="E27" s="295">
        <v>0</v>
      </c>
      <c r="F27" s="293">
        <v>64145</v>
      </c>
      <c r="G27" s="293">
        <v>33015</v>
      </c>
      <c r="H27" s="293">
        <v>314536</v>
      </c>
      <c r="I27" s="293">
        <v>761565</v>
      </c>
      <c r="J27" s="293">
        <v>401095</v>
      </c>
      <c r="K27" s="296">
        <v>1574356</v>
      </c>
      <c r="L27" s="297">
        <v>1574356</v>
      </c>
      <c r="M27" s="292">
        <v>0</v>
      </c>
      <c r="N27" s="293">
        <v>0</v>
      </c>
      <c r="O27" s="294">
        <v>0</v>
      </c>
      <c r="P27" s="298"/>
      <c r="Q27" s="293">
        <v>0</v>
      </c>
      <c r="R27" s="293">
        <v>0</v>
      </c>
      <c r="S27" s="293">
        <v>261645</v>
      </c>
      <c r="T27" s="293">
        <v>530295</v>
      </c>
      <c r="U27" s="293">
        <v>254830</v>
      </c>
      <c r="V27" s="296">
        <v>1046770</v>
      </c>
      <c r="W27" s="297">
        <v>1046770</v>
      </c>
      <c r="X27" s="292">
        <v>0</v>
      </c>
      <c r="Y27" s="293">
        <v>0</v>
      </c>
      <c r="Z27" s="294">
        <v>0</v>
      </c>
      <c r="AA27" s="298"/>
      <c r="AB27" s="293">
        <v>59985</v>
      </c>
      <c r="AC27" s="293">
        <v>31120</v>
      </c>
      <c r="AD27" s="293">
        <v>17085</v>
      </c>
      <c r="AE27" s="293">
        <v>174065</v>
      </c>
      <c r="AF27" s="293">
        <v>138950</v>
      </c>
      <c r="AG27" s="296">
        <v>421205</v>
      </c>
      <c r="AH27" s="297">
        <v>421205</v>
      </c>
      <c r="AI27" s="292">
        <v>0</v>
      </c>
      <c r="AJ27" s="293">
        <v>0</v>
      </c>
      <c r="AK27" s="294">
        <v>0</v>
      </c>
      <c r="AL27" s="298"/>
      <c r="AM27" s="293">
        <v>0</v>
      </c>
      <c r="AN27" s="293">
        <v>0</v>
      </c>
      <c r="AO27" s="293">
        <v>0</v>
      </c>
      <c r="AP27" s="293">
        <v>0</v>
      </c>
      <c r="AQ27" s="293">
        <v>0</v>
      </c>
      <c r="AR27" s="296">
        <v>0</v>
      </c>
      <c r="AS27" s="297">
        <v>0</v>
      </c>
      <c r="AT27" s="292">
        <v>0</v>
      </c>
      <c r="AU27" s="293">
        <v>0</v>
      </c>
      <c r="AV27" s="294">
        <v>0</v>
      </c>
      <c r="AW27" s="298"/>
      <c r="AX27" s="293">
        <v>0</v>
      </c>
      <c r="AY27" s="293">
        <v>0</v>
      </c>
      <c r="AZ27" s="293">
        <v>0</v>
      </c>
      <c r="BA27" s="293">
        <v>0</v>
      </c>
      <c r="BB27" s="293">
        <v>0</v>
      </c>
      <c r="BC27" s="296">
        <v>0</v>
      </c>
      <c r="BD27" s="297">
        <v>0</v>
      </c>
      <c r="BE27" s="292">
        <v>0</v>
      </c>
      <c r="BF27" s="293">
        <v>0</v>
      </c>
      <c r="BG27" s="294">
        <v>0</v>
      </c>
      <c r="BH27" s="298"/>
      <c r="BI27" s="293">
        <v>0</v>
      </c>
      <c r="BJ27" s="293">
        <v>0</v>
      </c>
      <c r="BK27" s="293">
        <v>0</v>
      </c>
      <c r="BL27" s="293">
        <v>0</v>
      </c>
      <c r="BM27" s="293">
        <v>0</v>
      </c>
      <c r="BN27" s="296">
        <v>0</v>
      </c>
      <c r="BO27" s="297">
        <v>0</v>
      </c>
      <c r="BP27" s="292">
        <v>0</v>
      </c>
      <c r="BQ27" s="293">
        <v>0</v>
      </c>
      <c r="BR27" s="294">
        <v>0</v>
      </c>
      <c r="BS27" s="295">
        <v>0</v>
      </c>
      <c r="BT27" s="293">
        <v>3605</v>
      </c>
      <c r="BU27" s="293">
        <v>1895</v>
      </c>
      <c r="BV27" s="293">
        <v>33426</v>
      </c>
      <c r="BW27" s="293">
        <v>57205</v>
      </c>
      <c r="BX27" s="293">
        <v>0</v>
      </c>
      <c r="BY27" s="296">
        <v>96131</v>
      </c>
      <c r="BZ27" s="297">
        <v>96131</v>
      </c>
      <c r="CA27" s="292">
        <v>0</v>
      </c>
      <c r="CB27" s="293">
        <v>0</v>
      </c>
      <c r="CC27" s="294">
        <v>0</v>
      </c>
      <c r="CD27" s="295">
        <v>0</v>
      </c>
      <c r="CE27" s="293">
        <v>555</v>
      </c>
      <c r="CF27" s="293">
        <v>0</v>
      </c>
      <c r="CG27" s="293">
        <v>2380</v>
      </c>
      <c r="CH27" s="293">
        <v>0</v>
      </c>
      <c r="CI27" s="293">
        <v>7315</v>
      </c>
      <c r="CJ27" s="296">
        <v>10250</v>
      </c>
      <c r="CK27" s="297">
        <v>10250</v>
      </c>
      <c r="CL27" s="292">
        <v>0</v>
      </c>
      <c r="CM27" s="293">
        <v>0</v>
      </c>
      <c r="CN27" s="294">
        <v>0</v>
      </c>
      <c r="CO27" s="295">
        <v>0</v>
      </c>
      <c r="CP27" s="293">
        <v>0</v>
      </c>
      <c r="CQ27" s="293">
        <v>0</v>
      </c>
      <c r="CR27" s="293">
        <v>0</v>
      </c>
      <c r="CS27" s="293">
        <v>0</v>
      </c>
      <c r="CT27" s="293">
        <v>0</v>
      </c>
      <c r="CU27" s="296">
        <v>0</v>
      </c>
      <c r="CV27" s="297">
        <v>0</v>
      </c>
      <c r="CW27" s="292">
        <v>0</v>
      </c>
      <c r="CX27" s="293">
        <v>0</v>
      </c>
      <c r="CY27" s="294">
        <v>0</v>
      </c>
      <c r="CZ27" s="298"/>
      <c r="DA27" s="293">
        <v>0</v>
      </c>
      <c r="DB27" s="293">
        <v>0</v>
      </c>
      <c r="DC27" s="293">
        <v>0</v>
      </c>
      <c r="DD27" s="293">
        <v>0</v>
      </c>
      <c r="DE27" s="293">
        <v>0</v>
      </c>
      <c r="DF27" s="296">
        <v>0</v>
      </c>
      <c r="DG27" s="297">
        <v>0</v>
      </c>
      <c r="DH27" s="292">
        <v>0</v>
      </c>
      <c r="DI27" s="293">
        <v>0</v>
      </c>
      <c r="DJ27" s="294">
        <v>0</v>
      </c>
      <c r="DK27" s="295">
        <v>0</v>
      </c>
      <c r="DL27" s="293">
        <v>18473</v>
      </c>
      <c r="DM27" s="293">
        <v>2659</v>
      </c>
      <c r="DN27" s="293">
        <v>428642</v>
      </c>
      <c r="DO27" s="293">
        <v>789532</v>
      </c>
      <c r="DP27" s="293">
        <v>455450</v>
      </c>
      <c r="DQ27" s="296">
        <v>1694756</v>
      </c>
      <c r="DR27" s="299">
        <v>1694756</v>
      </c>
      <c r="DS27" s="292">
        <v>0</v>
      </c>
      <c r="DT27" s="293">
        <v>0</v>
      </c>
      <c r="DU27" s="294">
        <v>0</v>
      </c>
      <c r="DV27" s="298"/>
      <c r="DW27" s="293">
        <v>0</v>
      </c>
      <c r="DX27" s="293">
        <v>0</v>
      </c>
      <c r="DY27" s="293">
        <v>337226</v>
      </c>
      <c r="DZ27" s="293">
        <v>699681</v>
      </c>
      <c r="EA27" s="293">
        <v>431369</v>
      </c>
      <c r="EB27" s="296">
        <v>1468276</v>
      </c>
      <c r="EC27" s="297">
        <v>1468276</v>
      </c>
      <c r="ED27" s="292">
        <v>0</v>
      </c>
      <c r="EE27" s="293">
        <v>0</v>
      </c>
      <c r="EF27" s="294">
        <v>0</v>
      </c>
      <c r="EG27" s="298"/>
      <c r="EH27" s="293">
        <v>651</v>
      </c>
      <c r="EI27" s="293">
        <v>406</v>
      </c>
      <c r="EJ27" s="293">
        <v>35175</v>
      </c>
      <c r="EK27" s="293">
        <v>35216</v>
      </c>
      <c r="EL27" s="293">
        <v>24018</v>
      </c>
      <c r="EM27" s="296">
        <v>95466</v>
      </c>
      <c r="EN27" s="297">
        <v>95466</v>
      </c>
      <c r="EO27" s="292">
        <v>0</v>
      </c>
      <c r="EP27" s="293">
        <v>0</v>
      </c>
      <c r="EQ27" s="294">
        <v>0</v>
      </c>
      <c r="ER27" s="298"/>
      <c r="ES27" s="293">
        <v>0</v>
      </c>
      <c r="ET27" s="293">
        <v>0</v>
      </c>
      <c r="EU27" s="293">
        <v>0</v>
      </c>
      <c r="EV27" s="293">
        <v>0</v>
      </c>
      <c r="EW27" s="293">
        <v>0</v>
      </c>
      <c r="EX27" s="296">
        <v>0</v>
      </c>
      <c r="EY27" s="297">
        <v>0</v>
      </c>
      <c r="EZ27" s="292">
        <v>0</v>
      </c>
      <c r="FA27" s="293">
        <v>0</v>
      </c>
      <c r="FB27" s="294">
        <v>0</v>
      </c>
      <c r="FC27" s="298"/>
      <c r="FD27" s="293">
        <v>0</v>
      </c>
      <c r="FE27" s="293">
        <v>0</v>
      </c>
      <c r="FF27" s="293">
        <v>0</v>
      </c>
      <c r="FG27" s="293">
        <v>0</v>
      </c>
      <c r="FH27" s="293">
        <v>0</v>
      </c>
      <c r="FI27" s="296">
        <v>0</v>
      </c>
      <c r="FJ27" s="297">
        <v>0</v>
      </c>
      <c r="FK27" s="292">
        <v>0</v>
      </c>
      <c r="FL27" s="293">
        <v>0</v>
      </c>
      <c r="FM27" s="294">
        <v>0</v>
      </c>
      <c r="FN27" s="298"/>
      <c r="FO27" s="293">
        <v>0</v>
      </c>
      <c r="FP27" s="293">
        <v>0</v>
      </c>
      <c r="FQ27" s="293">
        <v>0</v>
      </c>
      <c r="FR27" s="293">
        <v>0</v>
      </c>
      <c r="FS27" s="293">
        <v>0</v>
      </c>
      <c r="FT27" s="296">
        <v>0</v>
      </c>
      <c r="FU27" s="297">
        <v>0</v>
      </c>
      <c r="FV27" s="292">
        <v>0</v>
      </c>
      <c r="FW27" s="293">
        <v>0</v>
      </c>
      <c r="FX27" s="294">
        <v>0</v>
      </c>
      <c r="FY27" s="295">
        <v>0</v>
      </c>
      <c r="FZ27" s="293">
        <v>17787</v>
      </c>
      <c r="GA27" s="293">
        <v>2253</v>
      </c>
      <c r="GB27" s="293">
        <v>56199</v>
      </c>
      <c r="GC27" s="293">
        <v>54635</v>
      </c>
      <c r="GD27" s="293">
        <v>0</v>
      </c>
      <c r="GE27" s="296">
        <v>130874</v>
      </c>
      <c r="GF27" s="297">
        <v>130874</v>
      </c>
      <c r="GG27" s="292">
        <v>0</v>
      </c>
      <c r="GH27" s="293">
        <v>0</v>
      </c>
      <c r="GI27" s="294">
        <v>0</v>
      </c>
      <c r="GJ27" s="295">
        <v>0</v>
      </c>
      <c r="GK27" s="293">
        <v>35</v>
      </c>
      <c r="GL27" s="293">
        <v>0</v>
      </c>
      <c r="GM27" s="293">
        <v>42</v>
      </c>
      <c r="GN27" s="293">
        <v>0</v>
      </c>
      <c r="GO27" s="293">
        <v>63</v>
      </c>
      <c r="GP27" s="296">
        <v>140</v>
      </c>
      <c r="GQ27" s="297">
        <v>140</v>
      </c>
      <c r="GR27" s="292">
        <v>0</v>
      </c>
      <c r="GS27" s="293">
        <v>0</v>
      </c>
      <c r="GT27" s="294">
        <v>0</v>
      </c>
      <c r="GU27" s="295">
        <v>0</v>
      </c>
      <c r="GV27" s="293">
        <v>0</v>
      </c>
      <c r="GW27" s="293">
        <v>0</v>
      </c>
      <c r="GX27" s="293">
        <v>0</v>
      </c>
      <c r="GY27" s="293">
        <v>0</v>
      </c>
      <c r="GZ27" s="293">
        <v>0</v>
      </c>
      <c r="HA27" s="296">
        <v>0</v>
      </c>
      <c r="HB27" s="297">
        <v>0</v>
      </c>
      <c r="HC27" s="292">
        <v>0</v>
      </c>
      <c r="HD27" s="293">
        <v>0</v>
      </c>
      <c r="HE27" s="294">
        <v>0</v>
      </c>
      <c r="HF27" s="298"/>
      <c r="HG27" s="293">
        <v>0</v>
      </c>
      <c r="HH27" s="293">
        <v>0</v>
      </c>
      <c r="HI27" s="293">
        <v>0</v>
      </c>
      <c r="HJ27" s="293">
        <v>0</v>
      </c>
      <c r="HK27" s="293">
        <v>0</v>
      </c>
      <c r="HL27" s="296">
        <v>0</v>
      </c>
      <c r="HM27" s="297">
        <v>0</v>
      </c>
      <c r="HN27" s="292">
        <v>0</v>
      </c>
      <c r="HO27" s="293">
        <v>0</v>
      </c>
      <c r="HP27" s="294">
        <v>0</v>
      </c>
      <c r="HQ27" s="295">
        <v>0</v>
      </c>
      <c r="HR27" s="293">
        <v>82618</v>
      </c>
      <c r="HS27" s="293">
        <v>35674</v>
      </c>
      <c r="HT27" s="293">
        <v>743178</v>
      </c>
      <c r="HU27" s="293">
        <v>1551097</v>
      </c>
      <c r="HV27" s="293">
        <v>856545</v>
      </c>
      <c r="HW27" s="296">
        <v>3269112</v>
      </c>
      <c r="HX27" s="297">
        <v>3269112</v>
      </c>
    </row>
    <row r="28" spans="1:232" ht="21" customHeight="1" x14ac:dyDescent="0.2">
      <c r="A28" s="498" t="s">
        <v>25</v>
      </c>
      <c r="B28" s="292">
        <v>0</v>
      </c>
      <c r="C28" s="293">
        <v>0</v>
      </c>
      <c r="D28" s="294">
        <v>0</v>
      </c>
      <c r="E28" s="295">
        <v>0</v>
      </c>
      <c r="F28" s="293">
        <v>15893</v>
      </c>
      <c r="G28" s="293">
        <v>215368</v>
      </c>
      <c r="H28" s="293">
        <v>537280</v>
      </c>
      <c r="I28" s="293">
        <v>676863</v>
      </c>
      <c r="J28" s="293">
        <v>560085</v>
      </c>
      <c r="K28" s="296">
        <v>2005489</v>
      </c>
      <c r="L28" s="297">
        <v>2005489</v>
      </c>
      <c r="M28" s="292">
        <v>0</v>
      </c>
      <c r="N28" s="293">
        <v>0</v>
      </c>
      <c r="O28" s="294">
        <v>0</v>
      </c>
      <c r="P28" s="298"/>
      <c r="Q28" s="293">
        <v>2465</v>
      </c>
      <c r="R28" s="293">
        <v>6545</v>
      </c>
      <c r="S28" s="293">
        <v>433580</v>
      </c>
      <c r="T28" s="293">
        <v>492380</v>
      </c>
      <c r="U28" s="293">
        <v>439415</v>
      </c>
      <c r="V28" s="296">
        <v>1374385</v>
      </c>
      <c r="W28" s="297">
        <v>1374385</v>
      </c>
      <c r="X28" s="292">
        <v>0</v>
      </c>
      <c r="Y28" s="293">
        <v>0</v>
      </c>
      <c r="Z28" s="294">
        <v>0</v>
      </c>
      <c r="AA28" s="298"/>
      <c r="AB28" s="293">
        <v>0</v>
      </c>
      <c r="AC28" s="293">
        <v>198290</v>
      </c>
      <c r="AD28" s="293">
        <v>35355</v>
      </c>
      <c r="AE28" s="293">
        <v>175585</v>
      </c>
      <c r="AF28" s="293">
        <v>85605</v>
      </c>
      <c r="AG28" s="296">
        <v>494835</v>
      </c>
      <c r="AH28" s="297">
        <v>494835</v>
      </c>
      <c r="AI28" s="292">
        <v>0</v>
      </c>
      <c r="AJ28" s="293">
        <v>0</v>
      </c>
      <c r="AK28" s="294">
        <v>0</v>
      </c>
      <c r="AL28" s="298"/>
      <c r="AM28" s="293">
        <v>0</v>
      </c>
      <c r="AN28" s="293">
        <v>0</v>
      </c>
      <c r="AO28" s="293">
        <v>0</v>
      </c>
      <c r="AP28" s="293">
        <v>0</v>
      </c>
      <c r="AQ28" s="293">
        <v>0</v>
      </c>
      <c r="AR28" s="296">
        <v>0</v>
      </c>
      <c r="AS28" s="297">
        <v>0</v>
      </c>
      <c r="AT28" s="292">
        <v>0</v>
      </c>
      <c r="AU28" s="293">
        <v>0</v>
      </c>
      <c r="AV28" s="294">
        <v>0</v>
      </c>
      <c r="AW28" s="298"/>
      <c r="AX28" s="293">
        <v>0</v>
      </c>
      <c r="AY28" s="293">
        <v>0</v>
      </c>
      <c r="AZ28" s="293">
        <v>0</v>
      </c>
      <c r="BA28" s="293">
        <v>0</v>
      </c>
      <c r="BB28" s="293">
        <v>32705</v>
      </c>
      <c r="BC28" s="296">
        <v>32705</v>
      </c>
      <c r="BD28" s="297">
        <v>32705</v>
      </c>
      <c r="BE28" s="292">
        <v>0</v>
      </c>
      <c r="BF28" s="293">
        <v>0</v>
      </c>
      <c r="BG28" s="294">
        <v>0</v>
      </c>
      <c r="BH28" s="298"/>
      <c r="BI28" s="293">
        <v>0</v>
      </c>
      <c r="BJ28" s="293">
        <v>0</v>
      </c>
      <c r="BK28" s="293">
        <v>0</v>
      </c>
      <c r="BL28" s="293">
        <v>0</v>
      </c>
      <c r="BM28" s="293">
        <v>0</v>
      </c>
      <c r="BN28" s="296">
        <v>0</v>
      </c>
      <c r="BO28" s="297">
        <v>0</v>
      </c>
      <c r="BP28" s="292">
        <v>0</v>
      </c>
      <c r="BQ28" s="293">
        <v>0</v>
      </c>
      <c r="BR28" s="294">
        <v>0</v>
      </c>
      <c r="BS28" s="295">
        <v>0</v>
      </c>
      <c r="BT28" s="293">
        <v>13245</v>
      </c>
      <c r="BU28" s="293">
        <v>9228</v>
      </c>
      <c r="BV28" s="293">
        <v>67900</v>
      </c>
      <c r="BW28" s="293">
        <v>8898</v>
      </c>
      <c r="BX28" s="293">
        <v>2360</v>
      </c>
      <c r="BY28" s="296">
        <v>101631</v>
      </c>
      <c r="BZ28" s="297">
        <v>101631</v>
      </c>
      <c r="CA28" s="292">
        <v>0</v>
      </c>
      <c r="CB28" s="293">
        <v>0</v>
      </c>
      <c r="CC28" s="294">
        <v>0</v>
      </c>
      <c r="CD28" s="295">
        <v>0</v>
      </c>
      <c r="CE28" s="293">
        <v>183</v>
      </c>
      <c r="CF28" s="293">
        <v>1305</v>
      </c>
      <c r="CG28" s="293">
        <v>445</v>
      </c>
      <c r="CH28" s="293">
        <v>0</v>
      </c>
      <c r="CI28" s="293">
        <v>0</v>
      </c>
      <c r="CJ28" s="296">
        <v>1933</v>
      </c>
      <c r="CK28" s="297">
        <v>1933</v>
      </c>
      <c r="CL28" s="292">
        <v>0</v>
      </c>
      <c r="CM28" s="293">
        <v>0</v>
      </c>
      <c r="CN28" s="294">
        <v>0</v>
      </c>
      <c r="CO28" s="295">
        <v>0</v>
      </c>
      <c r="CP28" s="293">
        <v>0</v>
      </c>
      <c r="CQ28" s="293">
        <v>0</v>
      </c>
      <c r="CR28" s="293">
        <v>0</v>
      </c>
      <c r="CS28" s="293">
        <v>0</v>
      </c>
      <c r="CT28" s="293">
        <v>0</v>
      </c>
      <c r="CU28" s="296">
        <v>0</v>
      </c>
      <c r="CV28" s="297">
        <v>0</v>
      </c>
      <c r="CW28" s="292">
        <v>0</v>
      </c>
      <c r="CX28" s="293">
        <v>0</v>
      </c>
      <c r="CY28" s="294">
        <v>0</v>
      </c>
      <c r="CZ28" s="298"/>
      <c r="DA28" s="293">
        <v>0</v>
      </c>
      <c r="DB28" s="293">
        <v>0</v>
      </c>
      <c r="DC28" s="293">
        <v>0</v>
      </c>
      <c r="DD28" s="293">
        <v>0</v>
      </c>
      <c r="DE28" s="293">
        <v>0</v>
      </c>
      <c r="DF28" s="296">
        <v>0</v>
      </c>
      <c r="DG28" s="297">
        <v>0</v>
      </c>
      <c r="DH28" s="292">
        <v>0</v>
      </c>
      <c r="DI28" s="293">
        <v>0</v>
      </c>
      <c r="DJ28" s="294">
        <v>0</v>
      </c>
      <c r="DK28" s="295">
        <v>0</v>
      </c>
      <c r="DL28" s="293">
        <v>27133</v>
      </c>
      <c r="DM28" s="293">
        <v>119802</v>
      </c>
      <c r="DN28" s="293">
        <v>685589</v>
      </c>
      <c r="DO28" s="293">
        <v>779056</v>
      </c>
      <c r="DP28" s="293">
        <v>443517</v>
      </c>
      <c r="DQ28" s="296">
        <v>2055097</v>
      </c>
      <c r="DR28" s="299">
        <v>2055097</v>
      </c>
      <c r="DS28" s="292">
        <v>0</v>
      </c>
      <c r="DT28" s="293">
        <v>0</v>
      </c>
      <c r="DU28" s="294">
        <v>0</v>
      </c>
      <c r="DV28" s="298"/>
      <c r="DW28" s="293">
        <v>15035</v>
      </c>
      <c r="DX28" s="293">
        <v>51227</v>
      </c>
      <c r="DY28" s="293">
        <v>573662</v>
      </c>
      <c r="DZ28" s="293">
        <v>750442</v>
      </c>
      <c r="EA28" s="293">
        <v>425771</v>
      </c>
      <c r="EB28" s="296">
        <v>1816137</v>
      </c>
      <c r="EC28" s="297">
        <v>1816137</v>
      </c>
      <c r="ED28" s="292">
        <v>0</v>
      </c>
      <c r="EE28" s="293">
        <v>0</v>
      </c>
      <c r="EF28" s="294">
        <v>0</v>
      </c>
      <c r="EG28" s="298"/>
      <c r="EH28" s="293">
        <v>0</v>
      </c>
      <c r="EI28" s="293">
        <v>46289</v>
      </c>
      <c r="EJ28" s="293">
        <v>1106</v>
      </c>
      <c r="EK28" s="293">
        <v>12660</v>
      </c>
      <c r="EL28" s="293">
        <v>11687</v>
      </c>
      <c r="EM28" s="296">
        <v>71742</v>
      </c>
      <c r="EN28" s="297">
        <v>71742</v>
      </c>
      <c r="EO28" s="292">
        <v>0</v>
      </c>
      <c r="EP28" s="293">
        <v>0</v>
      </c>
      <c r="EQ28" s="294">
        <v>0</v>
      </c>
      <c r="ER28" s="298"/>
      <c r="ES28" s="293">
        <v>0</v>
      </c>
      <c r="ET28" s="293">
        <v>0</v>
      </c>
      <c r="EU28" s="293">
        <v>0</v>
      </c>
      <c r="EV28" s="293">
        <v>0</v>
      </c>
      <c r="EW28" s="293">
        <v>0</v>
      </c>
      <c r="EX28" s="296">
        <v>0</v>
      </c>
      <c r="EY28" s="297">
        <v>0</v>
      </c>
      <c r="EZ28" s="292">
        <v>0</v>
      </c>
      <c r="FA28" s="293">
        <v>0</v>
      </c>
      <c r="FB28" s="294">
        <v>0</v>
      </c>
      <c r="FC28" s="298"/>
      <c r="FD28" s="293">
        <v>0</v>
      </c>
      <c r="FE28" s="293">
        <v>0</v>
      </c>
      <c r="FF28" s="293">
        <v>0</v>
      </c>
      <c r="FG28" s="293">
        <v>0</v>
      </c>
      <c r="FH28" s="293">
        <v>217</v>
      </c>
      <c r="FI28" s="296">
        <v>217</v>
      </c>
      <c r="FJ28" s="297">
        <v>217</v>
      </c>
      <c r="FK28" s="292">
        <v>0</v>
      </c>
      <c r="FL28" s="293">
        <v>0</v>
      </c>
      <c r="FM28" s="294">
        <v>0</v>
      </c>
      <c r="FN28" s="298"/>
      <c r="FO28" s="293">
        <v>0</v>
      </c>
      <c r="FP28" s="293">
        <v>0</v>
      </c>
      <c r="FQ28" s="293">
        <v>0</v>
      </c>
      <c r="FR28" s="293">
        <v>0</v>
      </c>
      <c r="FS28" s="293">
        <v>0</v>
      </c>
      <c r="FT28" s="296">
        <v>0</v>
      </c>
      <c r="FU28" s="297">
        <v>0</v>
      </c>
      <c r="FV28" s="292">
        <v>0</v>
      </c>
      <c r="FW28" s="293">
        <v>0</v>
      </c>
      <c r="FX28" s="294">
        <v>0</v>
      </c>
      <c r="FY28" s="295">
        <v>0</v>
      </c>
      <c r="FZ28" s="293">
        <v>12084</v>
      </c>
      <c r="GA28" s="293">
        <v>22286</v>
      </c>
      <c r="GB28" s="293">
        <v>110800</v>
      </c>
      <c r="GC28" s="293">
        <v>15954</v>
      </c>
      <c r="GD28" s="293">
        <v>5842</v>
      </c>
      <c r="GE28" s="296">
        <v>166966</v>
      </c>
      <c r="GF28" s="297">
        <v>166966</v>
      </c>
      <c r="GG28" s="292">
        <v>0</v>
      </c>
      <c r="GH28" s="293">
        <v>0</v>
      </c>
      <c r="GI28" s="294">
        <v>0</v>
      </c>
      <c r="GJ28" s="295">
        <v>0</v>
      </c>
      <c r="GK28" s="293">
        <v>14</v>
      </c>
      <c r="GL28" s="293">
        <v>0</v>
      </c>
      <c r="GM28" s="293">
        <v>21</v>
      </c>
      <c r="GN28" s="293">
        <v>0</v>
      </c>
      <c r="GO28" s="293">
        <v>0</v>
      </c>
      <c r="GP28" s="296">
        <v>35</v>
      </c>
      <c r="GQ28" s="297">
        <v>35</v>
      </c>
      <c r="GR28" s="292">
        <v>0</v>
      </c>
      <c r="GS28" s="293">
        <v>0</v>
      </c>
      <c r="GT28" s="294">
        <v>0</v>
      </c>
      <c r="GU28" s="295">
        <v>0</v>
      </c>
      <c r="GV28" s="293">
        <v>0</v>
      </c>
      <c r="GW28" s="293">
        <v>0</v>
      </c>
      <c r="GX28" s="293">
        <v>0</v>
      </c>
      <c r="GY28" s="293">
        <v>0</v>
      </c>
      <c r="GZ28" s="293">
        <v>0</v>
      </c>
      <c r="HA28" s="296">
        <v>0</v>
      </c>
      <c r="HB28" s="297">
        <v>0</v>
      </c>
      <c r="HC28" s="292">
        <v>0</v>
      </c>
      <c r="HD28" s="293">
        <v>0</v>
      </c>
      <c r="HE28" s="294">
        <v>0</v>
      </c>
      <c r="HF28" s="298"/>
      <c r="HG28" s="293">
        <v>0</v>
      </c>
      <c r="HH28" s="293">
        <v>0</v>
      </c>
      <c r="HI28" s="293">
        <v>0</v>
      </c>
      <c r="HJ28" s="293">
        <v>0</v>
      </c>
      <c r="HK28" s="293">
        <v>0</v>
      </c>
      <c r="HL28" s="296">
        <v>0</v>
      </c>
      <c r="HM28" s="297">
        <v>0</v>
      </c>
      <c r="HN28" s="292">
        <v>0</v>
      </c>
      <c r="HO28" s="293">
        <v>0</v>
      </c>
      <c r="HP28" s="294">
        <v>0</v>
      </c>
      <c r="HQ28" s="295">
        <v>0</v>
      </c>
      <c r="HR28" s="293">
        <v>43026</v>
      </c>
      <c r="HS28" s="293">
        <v>335170</v>
      </c>
      <c r="HT28" s="293">
        <v>1222869</v>
      </c>
      <c r="HU28" s="293">
        <v>1455919</v>
      </c>
      <c r="HV28" s="293">
        <v>1003602</v>
      </c>
      <c r="HW28" s="296">
        <v>4060586</v>
      </c>
      <c r="HX28" s="297">
        <v>4060586</v>
      </c>
    </row>
    <row r="29" spans="1:232" ht="21" customHeight="1" x14ac:dyDescent="0.2">
      <c r="A29" s="498" t="s">
        <v>26</v>
      </c>
      <c r="B29" s="292">
        <v>0</v>
      </c>
      <c r="C29" s="293">
        <v>2030</v>
      </c>
      <c r="D29" s="294">
        <v>2030</v>
      </c>
      <c r="E29" s="295">
        <v>0</v>
      </c>
      <c r="F29" s="293">
        <v>41939</v>
      </c>
      <c r="G29" s="293">
        <v>155925</v>
      </c>
      <c r="H29" s="293">
        <v>425555</v>
      </c>
      <c r="I29" s="293">
        <v>854184</v>
      </c>
      <c r="J29" s="293">
        <v>388350</v>
      </c>
      <c r="K29" s="296">
        <v>1865953</v>
      </c>
      <c r="L29" s="297">
        <v>1867983</v>
      </c>
      <c r="M29" s="292">
        <v>0</v>
      </c>
      <c r="N29" s="293">
        <v>0</v>
      </c>
      <c r="O29" s="294">
        <v>0</v>
      </c>
      <c r="P29" s="298"/>
      <c r="Q29" s="293">
        <v>0</v>
      </c>
      <c r="R29" s="293">
        <v>58590</v>
      </c>
      <c r="S29" s="293">
        <v>247850</v>
      </c>
      <c r="T29" s="293">
        <v>612674</v>
      </c>
      <c r="U29" s="293">
        <v>314410</v>
      </c>
      <c r="V29" s="296">
        <v>1233524</v>
      </c>
      <c r="W29" s="297">
        <v>1233524</v>
      </c>
      <c r="X29" s="292">
        <v>0</v>
      </c>
      <c r="Y29" s="293">
        <v>0</v>
      </c>
      <c r="Z29" s="294">
        <v>0</v>
      </c>
      <c r="AA29" s="298"/>
      <c r="AB29" s="293">
        <v>34235</v>
      </c>
      <c r="AC29" s="293">
        <v>89125</v>
      </c>
      <c r="AD29" s="293">
        <v>171515</v>
      </c>
      <c r="AE29" s="293">
        <v>237345</v>
      </c>
      <c r="AF29" s="293">
        <v>68045</v>
      </c>
      <c r="AG29" s="296">
        <v>600265</v>
      </c>
      <c r="AH29" s="297">
        <v>600265</v>
      </c>
      <c r="AI29" s="292">
        <v>0</v>
      </c>
      <c r="AJ29" s="293">
        <v>0</v>
      </c>
      <c r="AK29" s="294">
        <v>0</v>
      </c>
      <c r="AL29" s="298"/>
      <c r="AM29" s="293">
        <v>0</v>
      </c>
      <c r="AN29" s="293">
        <v>0</v>
      </c>
      <c r="AO29" s="293">
        <v>0</v>
      </c>
      <c r="AP29" s="293">
        <v>0</v>
      </c>
      <c r="AQ29" s="293">
        <v>0</v>
      </c>
      <c r="AR29" s="296">
        <v>0</v>
      </c>
      <c r="AS29" s="297">
        <v>0</v>
      </c>
      <c r="AT29" s="292">
        <v>0</v>
      </c>
      <c r="AU29" s="293">
        <v>0</v>
      </c>
      <c r="AV29" s="294">
        <v>0</v>
      </c>
      <c r="AW29" s="298"/>
      <c r="AX29" s="293">
        <v>0</v>
      </c>
      <c r="AY29" s="293">
        <v>0</v>
      </c>
      <c r="AZ29" s="293">
        <v>2635</v>
      </c>
      <c r="BA29" s="293">
        <v>0</v>
      </c>
      <c r="BB29" s="293">
        <v>5270</v>
      </c>
      <c r="BC29" s="296">
        <v>7905</v>
      </c>
      <c r="BD29" s="297">
        <v>7905</v>
      </c>
      <c r="BE29" s="292">
        <v>0</v>
      </c>
      <c r="BF29" s="293">
        <v>0</v>
      </c>
      <c r="BG29" s="294">
        <v>0</v>
      </c>
      <c r="BH29" s="298"/>
      <c r="BI29" s="293">
        <v>0</v>
      </c>
      <c r="BJ29" s="293">
        <v>0</v>
      </c>
      <c r="BK29" s="293">
        <v>0</v>
      </c>
      <c r="BL29" s="293">
        <v>0</v>
      </c>
      <c r="BM29" s="293">
        <v>0</v>
      </c>
      <c r="BN29" s="296">
        <v>0</v>
      </c>
      <c r="BO29" s="297">
        <v>0</v>
      </c>
      <c r="BP29" s="292">
        <v>0</v>
      </c>
      <c r="BQ29" s="293">
        <v>2030</v>
      </c>
      <c r="BR29" s="294">
        <v>2030</v>
      </c>
      <c r="BS29" s="295">
        <v>0</v>
      </c>
      <c r="BT29" s="293">
        <v>7704</v>
      </c>
      <c r="BU29" s="293">
        <v>5010</v>
      </c>
      <c r="BV29" s="293">
        <v>3555</v>
      </c>
      <c r="BW29" s="293">
        <v>3420</v>
      </c>
      <c r="BX29" s="293">
        <v>625</v>
      </c>
      <c r="BY29" s="296">
        <v>20314</v>
      </c>
      <c r="BZ29" s="297">
        <v>22344</v>
      </c>
      <c r="CA29" s="292">
        <v>0</v>
      </c>
      <c r="CB29" s="293">
        <v>0</v>
      </c>
      <c r="CC29" s="294">
        <v>0</v>
      </c>
      <c r="CD29" s="295">
        <v>0</v>
      </c>
      <c r="CE29" s="293">
        <v>0</v>
      </c>
      <c r="CF29" s="293">
        <v>3200</v>
      </c>
      <c r="CG29" s="293">
        <v>0</v>
      </c>
      <c r="CH29" s="293">
        <v>745</v>
      </c>
      <c r="CI29" s="293">
        <v>0</v>
      </c>
      <c r="CJ29" s="296">
        <v>3945</v>
      </c>
      <c r="CK29" s="297">
        <v>3945</v>
      </c>
      <c r="CL29" s="292">
        <v>0</v>
      </c>
      <c r="CM29" s="293">
        <v>0</v>
      </c>
      <c r="CN29" s="294">
        <v>0</v>
      </c>
      <c r="CO29" s="295">
        <v>0</v>
      </c>
      <c r="CP29" s="293">
        <v>0</v>
      </c>
      <c r="CQ29" s="293">
        <v>0</v>
      </c>
      <c r="CR29" s="293">
        <v>0</v>
      </c>
      <c r="CS29" s="293">
        <v>0</v>
      </c>
      <c r="CT29" s="293">
        <v>0</v>
      </c>
      <c r="CU29" s="296">
        <v>0</v>
      </c>
      <c r="CV29" s="297">
        <v>0</v>
      </c>
      <c r="CW29" s="292">
        <v>0</v>
      </c>
      <c r="CX29" s="293">
        <v>0</v>
      </c>
      <c r="CY29" s="294">
        <v>0</v>
      </c>
      <c r="CZ29" s="298"/>
      <c r="DA29" s="293">
        <v>0</v>
      </c>
      <c r="DB29" s="293">
        <v>0</v>
      </c>
      <c r="DC29" s="293">
        <v>0</v>
      </c>
      <c r="DD29" s="293">
        <v>0</v>
      </c>
      <c r="DE29" s="293">
        <v>0</v>
      </c>
      <c r="DF29" s="296">
        <v>0</v>
      </c>
      <c r="DG29" s="297">
        <v>0</v>
      </c>
      <c r="DH29" s="292">
        <v>0</v>
      </c>
      <c r="DI29" s="293">
        <v>9744</v>
      </c>
      <c r="DJ29" s="294">
        <v>9744</v>
      </c>
      <c r="DK29" s="295">
        <v>0</v>
      </c>
      <c r="DL29" s="293">
        <v>16266</v>
      </c>
      <c r="DM29" s="293">
        <v>147484</v>
      </c>
      <c r="DN29" s="293">
        <v>395018</v>
      </c>
      <c r="DO29" s="293">
        <v>709963</v>
      </c>
      <c r="DP29" s="293">
        <v>502960</v>
      </c>
      <c r="DQ29" s="296">
        <v>1771691</v>
      </c>
      <c r="DR29" s="299">
        <v>1781435</v>
      </c>
      <c r="DS29" s="292">
        <v>0</v>
      </c>
      <c r="DT29" s="293">
        <v>0</v>
      </c>
      <c r="DU29" s="294">
        <v>0</v>
      </c>
      <c r="DV29" s="298"/>
      <c r="DW29" s="293">
        <v>0</v>
      </c>
      <c r="DX29" s="293">
        <v>99262</v>
      </c>
      <c r="DY29" s="293">
        <v>333237</v>
      </c>
      <c r="DZ29" s="293">
        <v>656629</v>
      </c>
      <c r="EA29" s="293">
        <v>478495</v>
      </c>
      <c r="EB29" s="296">
        <v>1567623</v>
      </c>
      <c r="EC29" s="297">
        <v>1567623</v>
      </c>
      <c r="ED29" s="292">
        <v>0</v>
      </c>
      <c r="EE29" s="293">
        <v>0</v>
      </c>
      <c r="EF29" s="294">
        <v>0</v>
      </c>
      <c r="EG29" s="298"/>
      <c r="EH29" s="293">
        <v>343</v>
      </c>
      <c r="EI29" s="293">
        <v>34627</v>
      </c>
      <c r="EJ29" s="293">
        <v>55564</v>
      </c>
      <c r="EK29" s="293">
        <v>45194</v>
      </c>
      <c r="EL29" s="293">
        <v>589</v>
      </c>
      <c r="EM29" s="296">
        <v>136317</v>
      </c>
      <c r="EN29" s="297">
        <v>136317</v>
      </c>
      <c r="EO29" s="292">
        <v>0</v>
      </c>
      <c r="EP29" s="293">
        <v>0</v>
      </c>
      <c r="EQ29" s="294">
        <v>0</v>
      </c>
      <c r="ER29" s="298"/>
      <c r="ES29" s="293">
        <v>0</v>
      </c>
      <c r="ET29" s="293">
        <v>0</v>
      </c>
      <c r="EU29" s="293">
        <v>0</v>
      </c>
      <c r="EV29" s="293">
        <v>0</v>
      </c>
      <c r="EW29" s="293">
        <v>0</v>
      </c>
      <c r="EX29" s="296">
        <v>0</v>
      </c>
      <c r="EY29" s="297">
        <v>0</v>
      </c>
      <c r="EZ29" s="292">
        <v>0</v>
      </c>
      <c r="FA29" s="293">
        <v>0</v>
      </c>
      <c r="FB29" s="294">
        <v>0</v>
      </c>
      <c r="FC29" s="298"/>
      <c r="FD29" s="293">
        <v>0</v>
      </c>
      <c r="FE29" s="293">
        <v>0</v>
      </c>
      <c r="FF29" s="293">
        <v>217</v>
      </c>
      <c r="FG29" s="293">
        <v>0</v>
      </c>
      <c r="FH29" s="293">
        <v>434</v>
      </c>
      <c r="FI29" s="296">
        <v>651</v>
      </c>
      <c r="FJ29" s="297">
        <v>651</v>
      </c>
      <c r="FK29" s="292">
        <v>0</v>
      </c>
      <c r="FL29" s="293">
        <v>0</v>
      </c>
      <c r="FM29" s="294">
        <v>0</v>
      </c>
      <c r="FN29" s="298"/>
      <c r="FO29" s="293">
        <v>0</v>
      </c>
      <c r="FP29" s="293">
        <v>0</v>
      </c>
      <c r="FQ29" s="293">
        <v>0</v>
      </c>
      <c r="FR29" s="293">
        <v>0</v>
      </c>
      <c r="FS29" s="293">
        <v>0</v>
      </c>
      <c r="FT29" s="296">
        <v>0</v>
      </c>
      <c r="FU29" s="297">
        <v>0</v>
      </c>
      <c r="FV29" s="292">
        <v>0</v>
      </c>
      <c r="FW29" s="293">
        <v>9744</v>
      </c>
      <c r="FX29" s="294">
        <v>9744</v>
      </c>
      <c r="FY29" s="295">
        <v>0</v>
      </c>
      <c r="FZ29" s="293">
        <v>15923</v>
      </c>
      <c r="GA29" s="293">
        <v>13553</v>
      </c>
      <c r="GB29" s="293">
        <v>6000</v>
      </c>
      <c r="GC29" s="293">
        <v>8056</v>
      </c>
      <c r="GD29" s="293">
        <v>23442</v>
      </c>
      <c r="GE29" s="296">
        <v>66974</v>
      </c>
      <c r="GF29" s="297">
        <v>76718</v>
      </c>
      <c r="GG29" s="292">
        <v>0</v>
      </c>
      <c r="GH29" s="293">
        <v>0</v>
      </c>
      <c r="GI29" s="294">
        <v>0</v>
      </c>
      <c r="GJ29" s="295">
        <v>0</v>
      </c>
      <c r="GK29" s="293">
        <v>0</v>
      </c>
      <c r="GL29" s="293">
        <v>42</v>
      </c>
      <c r="GM29" s="293">
        <v>0</v>
      </c>
      <c r="GN29" s="293">
        <v>84</v>
      </c>
      <c r="GO29" s="293">
        <v>0</v>
      </c>
      <c r="GP29" s="296">
        <v>126</v>
      </c>
      <c r="GQ29" s="297">
        <v>126</v>
      </c>
      <c r="GR29" s="292">
        <v>0</v>
      </c>
      <c r="GS29" s="293">
        <v>0</v>
      </c>
      <c r="GT29" s="294">
        <v>0</v>
      </c>
      <c r="GU29" s="295">
        <v>0</v>
      </c>
      <c r="GV29" s="293">
        <v>0</v>
      </c>
      <c r="GW29" s="293">
        <v>0</v>
      </c>
      <c r="GX29" s="293">
        <v>0</v>
      </c>
      <c r="GY29" s="293">
        <v>0</v>
      </c>
      <c r="GZ29" s="293">
        <v>0</v>
      </c>
      <c r="HA29" s="296">
        <v>0</v>
      </c>
      <c r="HB29" s="297">
        <v>0</v>
      </c>
      <c r="HC29" s="292">
        <v>0</v>
      </c>
      <c r="HD29" s="293">
        <v>0</v>
      </c>
      <c r="HE29" s="294">
        <v>0</v>
      </c>
      <c r="HF29" s="298"/>
      <c r="HG29" s="293">
        <v>0</v>
      </c>
      <c r="HH29" s="293">
        <v>0</v>
      </c>
      <c r="HI29" s="293">
        <v>0</v>
      </c>
      <c r="HJ29" s="293">
        <v>0</v>
      </c>
      <c r="HK29" s="293">
        <v>0</v>
      </c>
      <c r="HL29" s="296">
        <v>0</v>
      </c>
      <c r="HM29" s="297">
        <v>0</v>
      </c>
      <c r="HN29" s="292">
        <v>0</v>
      </c>
      <c r="HO29" s="293">
        <v>11774</v>
      </c>
      <c r="HP29" s="294">
        <v>11774</v>
      </c>
      <c r="HQ29" s="295">
        <v>0</v>
      </c>
      <c r="HR29" s="293">
        <v>58205</v>
      </c>
      <c r="HS29" s="293">
        <v>303409</v>
      </c>
      <c r="HT29" s="293">
        <v>820573</v>
      </c>
      <c r="HU29" s="293">
        <v>1564147</v>
      </c>
      <c r="HV29" s="293">
        <v>891310</v>
      </c>
      <c r="HW29" s="296">
        <v>3637644</v>
      </c>
      <c r="HX29" s="297">
        <v>3649418</v>
      </c>
    </row>
    <row r="30" spans="1:232" ht="21" customHeight="1" x14ac:dyDescent="0.2">
      <c r="A30" s="498" t="s">
        <v>27</v>
      </c>
      <c r="B30" s="292">
        <v>0</v>
      </c>
      <c r="C30" s="293">
        <v>0</v>
      </c>
      <c r="D30" s="294">
        <v>0</v>
      </c>
      <c r="E30" s="295">
        <v>0</v>
      </c>
      <c r="F30" s="293">
        <v>66679</v>
      </c>
      <c r="G30" s="293">
        <v>140705</v>
      </c>
      <c r="H30" s="293">
        <v>558345</v>
      </c>
      <c r="I30" s="293">
        <v>664120</v>
      </c>
      <c r="J30" s="293">
        <v>415730</v>
      </c>
      <c r="K30" s="296">
        <v>1845579</v>
      </c>
      <c r="L30" s="297">
        <v>1845579</v>
      </c>
      <c r="M30" s="292">
        <v>0</v>
      </c>
      <c r="N30" s="293">
        <v>0</v>
      </c>
      <c r="O30" s="294">
        <v>0</v>
      </c>
      <c r="P30" s="298"/>
      <c r="Q30" s="293">
        <v>35340</v>
      </c>
      <c r="R30" s="293">
        <v>16045</v>
      </c>
      <c r="S30" s="293">
        <v>374885</v>
      </c>
      <c r="T30" s="293">
        <v>478315</v>
      </c>
      <c r="U30" s="293">
        <v>375120</v>
      </c>
      <c r="V30" s="296">
        <v>1279705</v>
      </c>
      <c r="W30" s="297">
        <v>1279705</v>
      </c>
      <c r="X30" s="292">
        <v>0</v>
      </c>
      <c r="Y30" s="293">
        <v>0</v>
      </c>
      <c r="Z30" s="294">
        <v>0</v>
      </c>
      <c r="AA30" s="298"/>
      <c r="AB30" s="293">
        <v>27910</v>
      </c>
      <c r="AC30" s="293">
        <v>124560</v>
      </c>
      <c r="AD30" s="293">
        <v>100595</v>
      </c>
      <c r="AE30" s="293">
        <v>164855</v>
      </c>
      <c r="AF30" s="293">
        <v>37975</v>
      </c>
      <c r="AG30" s="296">
        <v>455895</v>
      </c>
      <c r="AH30" s="297">
        <v>455895</v>
      </c>
      <c r="AI30" s="292">
        <v>0</v>
      </c>
      <c r="AJ30" s="293">
        <v>0</v>
      </c>
      <c r="AK30" s="294">
        <v>0</v>
      </c>
      <c r="AL30" s="298"/>
      <c r="AM30" s="293">
        <v>0</v>
      </c>
      <c r="AN30" s="293">
        <v>0</v>
      </c>
      <c r="AO30" s="293">
        <v>0</v>
      </c>
      <c r="AP30" s="293">
        <v>0</v>
      </c>
      <c r="AQ30" s="293">
        <v>0</v>
      </c>
      <c r="AR30" s="296">
        <v>0</v>
      </c>
      <c r="AS30" s="297">
        <v>0</v>
      </c>
      <c r="AT30" s="292">
        <v>0</v>
      </c>
      <c r="AU30" s="293">
        <v>0</v>
      </c>
      <c r="AV30" s="294">
        <v>0</v>
      </c>
      <c r="AW30" s="298"/>
      <c r="AX30" s="293">
        <v>0</v>
      </c>
      <c r="AY30" s="293">
        <v>0</v>
      </c>
      <c r="AZ30" s="293">
        <v>0</v>
      </c>
      <c r="BA30" s="293">
        <v>0</v>
      </c>
      <c r="BB30" s="293">
        <v>0</v>
      </c>
      <c r="BC30" s="296">
        <v>0</v>
      </c>
      <c r="BD30" s="297">
        <v>0</v>
      </c>
      <c r="BE30" s="292">
        <v>0</v>
      </c>
      <c r="BF30" s="293">
        <v>0</v>
      </c>
      <c r="BG30" s="294">
        <v>0</v>
      </c>
      <c r="BH30" s="298"/>
      <c r="BI30" s="293">
        <v>0</v>
      </c>
      <c r="BJ30" s="293">
        <v>0</v>
      </c>
      <c r="BK30" s="293">
        <v>62620</v>
      </c>
      <c r="BL30" s="293">
        <v>10540</v>
      </c>
      <c r="BM30" s="293">
        <v>2635</v>
      </c>
      <c r="BN30" s="296">
        <v>75795</v>
      </c>
      <c r="BO30" s="297">
        <v>75795</v>
      </c>
      <c r="BP30" s="292">
        <v>0</v>
      </c>
      <c r="BQ30" s="293">
        <v>0</v>
      </c>
      <c r="BR30" s="294">
        <v>0</v>
      </c>
      <c r="BS30" s="295">
        <v>0</v>
      </c>
      <c r="BT30" s="293">
        <v>1089</v>
      </c>
      <c r="BU30" s="293">
        <v>100</v>
      </c>
      <c r="BV30" s="293">
        <v>20245</v>
      </c>
      <c r="BW30" s="293">
        <v>9975</v>
      </c>
      <c r="BX30" s="293">
        <v>0</v>
      </c>
      <c r="BY30" s="296">
        <v>31409</v>
      </c>
      <c r="BZ30" s="297">
        <v>31409</v>
      </c>
      <c r="CA30" s="292">
        <v>0</v>
      </c>
      <c r="CB30" s="293">
        <v>0</v>
      </c>
      <c r="CC30" s="294">
        <v>0</v>
      </c>
      <c r="CD30" s="295">
        <v>0</v>
      </c>
      <c r="CE30" s="293">
        <v>2340</v>
      </c>
      <c r="CF30" s="293">
        <v>0</v>
      </c>
      <c r="CG30" s="293">
        <v>0</v>
      </c>
      <c r="CH30" s="293">
        <v>435</v>
      </c>
      <c r="CI30" s="293">
        <v>0</v>
      </c>
      <c r="CJ30" s="296">
        <v>2775</v>
      </c>
      <c r="CK30" s="297">
        <v>2775</v>
      </c>
      <c r="CL30" s="292">
        <v>0</v>
      </c>
      <c r="CM30" s="293">
        <v>0</v>
      </c>
      <c r="CN30" s="294">
        <v>0</v>
      </c>
      <c r="CO30" s="295">
        <v>0</v>
      </c>
      <c r="CP30" s="293">
        <v>0</v>
      </c>
      <c r="CQ30" s="293">
        <v>0</v>
      </c>
      <c r="CR30" s="293">
        <v>0</v>
      </c>
      <c r="CS30" s="293">
        <v>0</v>
      </c>
      <c r="CT30" s="293">
        <v>0</v>
      </c>
      <c r="CU30" s="296">
        <v>0</v>
      </c>
      <c r="CV30" s="297">
        <v>0</v>
      </c>
      <c r="CW30" s="292">
        <v>0</v>
      </c>
      <c r="CX30" s="293">
        <v>0</v>
      </c>
      <c r="CY30" s="294">
        <v>0</v>
      </c>
      <c r="CZ30" s="298"/>
      <c r="DA30" s="293">
        <v>0</v>
      </c>
      <c r="DB30" s="293">
        <v>0</v>
      </c>
      <c r="DC30" s="293">
        <v>0</v>
      </c>
      <c r="DD30" s="293">
        <v>0</v>
      </c>
      <c r="DE30" s="293">
        <v>0</v>
      </c>
      <c r="DF30" s="296">
        <v>0</v>
      </c>
      <c r="DG30" s="297">
        <v>0</v>
      </c>
      <c r="DH30" s="292">
        <v>0</v>
      </c>
      <c r="DI30" s="293">
        <v>0</v>
      </c>
      <c r="DJ30" s="294">
        <v>0</v>
      </c>
      <c r="DK30" s="295">
        <v>0</v>
      </c>
      <c r="DL30" s="293">
        <v>56803</v>
      </c>
      <c r="DM30" s="293">
        <v>58953</v>
      </c>
      <c r="DN30" s="293">
        <v>528954</v>
      </c>
      <c r="DO30" s="293">
        <v>701988</v>
      </c>
      <c r="DP30" s="293">
        <v>334737</v>
      </c>
      <c r="DQ30" s="296">
        <v>1681435</v>
      </c>
      <c r="DR30" s="299">
        <v>1681435</v>
      </c>
      <c r="DS30" s="292">
        <v>0</v>
      </c>
      <c r="DT30" s="293">
        <v>0</v>
      </c>
      <c r="DU30" s="294">
        <v>0</v>
      </c>
      <c r="DV30" s="298"/>
      <c r="DW30" s="293">
        <v>30070</v>
      </c>
      <c r="DX30" s="293">
        <v>10185</v>
      </c>
      <c r="DY30" s="293">
        <v>343623</v>
      </c>
      <c r="DZ30" s="293">
        <v>560639</v>
      </c>
      <c r="EA30" s="293">
        <v>302497</v>
      </c>
      <c r="EB30" s="296">
        <v>1247014</v>
      </c>
      <c r="EC30" s="297">
        <v>1247014</v>
      </c>
      <c r="ED30" s="292">
        <v>0</v>
      </c>
      <c r="EE30" s="293">
        <v>0</v>
      </c>
      <c r="EF30" s="294">
        <v>0</v>
      </c>
      <c r="EG30" s="298"/>
      <c r="EH30" s="293">
        <v>21744</v>
      </c>
      <c r="EI30" s="293">
        <v>47126</v>
      </c>
      <c r="EJ30" s="293">
        <v>59427</v>
      </c>
      <c r="EK30" s="293">
        <v>47308</v>
      </c>
      <c r="EL30" s="293">
        <v>10664</v>
      </c>
      <c r="EM30" s="296">
        <v>186269</v>
      </c>
      <c r="EN30" s="297">
        <v>186269</v>
      </c>
      <c r="EO30" s="292">
        <v>0</v>
      </c>
      <c r="EP30" s="293">
        <v>0</v>
      </c>
      <c r="EQ30" s="294">
        <v>0</v>
      </c>
      <c r="ER30" s="298"/>
      <c r="ES30" s="293">
        <v>0</v>
      </c>
      <c r="ET30" s="293">
        <v>0</v>
      </c>
      <c r="EU30" s="293">
        <v>0</v>
      </c>
      <c r="EV30" s="293">
        <v>0</v>
      </c>
      <c r="EW30" s="293">
        <v>0</v>
      </c>
      <c r="EX30" s="296">
        <v>0</v>
      </c>
      <c r="EY30" s="297">
        <v>0</v>
      </c>
      <c r="EZ30" s="292">
        <v>0</v>
      </c>
      <c r="FA30" s="293">
        <v>0</v>
      </c>
      <c r="FB30" s="294">
        <v>0</v>
      </c>
      <c r="FC30" s="298"/>
      <c r="FD30" s="293">
        <v>0</v>
      </c>
      <c r="FE30" s="293">
        <v>0</v>
      </c>
      <c r="FF30" s="293">
        <v>0</v>
      </c>
      <c r="FG30" s="293">
        <v>0</v>
      </c>
      <c r="FH30" s="293">
        <v>0</v>
      </c>
      <c r="FI30" s="296">
        <v>0</v>
      </c>
      <c r="FJ30" s="297">
        <v>0</v>
      </c>
      <c r="FK30" s="292">
        <v>0</v>
      </c>
      <c r="FL30" s="293">
        <v>0</v>
      </c>
      <c r="FM30" s="294">
        <v>0</v>
      </c>
      <c r="FN30" s="298"/>
      <c r="FO30" s="293">
        <v>0</v>
      </c>
      <c r="FP30" s="293">
        <v>0</v>
      </c>
      <c r="FQ30" s="293">
        <v>101494</v>
      </c>
      <c r="FR30" s="293">
        <v>86304</v>
      </c>
      <c r="FS30" s="293">
        <v>21576</v>
      </c>
      <c r="FT30" s="296">
        <v>209374</v>
      </c>
      <c r="FU30" s="297">
        <v>209374</v>
      </c>
      <c r="FV30" s="292">
        <v>0</v>
      </c>
      <c r="FW30" s="293">
        <v>0</v>
      </c>
      <c r="FX30" s="294">
        <v>0</v>
      </c>
      <c r="FY30" s="295">
        <v>0</v>
      </c>
      <c r="FZ30" s="293">
        <v>1455</v>
      </c>
      <c r="GA30" s="293">
        <v>1642</v>
      </c>
      <c r="GB30" s="293">
        <v>24410</v>
      </c>
      <c r="GC30" s="293">
        <v>6305</v>
      </c>
      <c r="GD30" s="293">
        <v>0</v>
      </c>
      <c r="GE30" s="296">
        <v>33812</v>
      </c>
      <c r="GF30" s="297">
        <v>33812</v>
      </c>
      <c r="GG30" s="292">
        <v>0</v>
      </c>
      <c r="GH30" s="293">
        <v>0</v>
      </c>
      <c r="GI30" s="294">
        <v>0</v>
      </c>
      <c r="GJ30" s="295">
        <v>0</v>
      </c>
      <c r="GK30" s="293">
        <v>3534</v>
      </c>
      <c r="GL30" s="293">
        <v>0</v>
      </c>
      <c r="GM30" s="293">
        <v>0</v>
      </c>
      <c r="GN30" s="293">
        <v>1432</v>
      </c>
      <c r="GO30" s="293">
        <v>0</v>
      </c>
      <c r="GP30" s="296">
        <v>4966</v>
      </c>
      <c r="GQ30" s="297">
        <v>4966</v>
      </c>
      <c r="GR30" s="292">
        <v>0</v>
      </c>
      <c r="GS30" s="293">
        <v>0</v>
      </c>
      <c r="GT30" s="294">
        <v>0</v>
      </c>
      <c r="GU30" s="295">
        <v>0</v>
      </c>
      <c r="GV30" s="293">
        <v>0</v>
      </c>
      <c r="GW30" s="293">
        <v>0</v>
      </c>
      <c r="GX30" s="293">
        <v>0</v>
      </c>
      <c r="GY30" s="293">
        <v>0</v>
      </c>
      <c r="GZ30" s="293">
        <v>0</v>
      </c>
      <c r="HA30" s="296">
        <v>0</v>
      </c>
      <c r="HB30" s="297">
        <v>0</v>
      </c>
      <c r="HC30" s="292">
        <v>0</v>
      </c>
      <c r="HD30" s="293">
        <v>0</v>
      </c>
      <c r="HE30" s="294">
        <v>0</v>
      </c>
      <c r="HF30" s="298"/>
      <c r="HG30" s="293">
        <v>0</v>
      </c>
      <c r="HH30" s="293">
        <v>0</v>
      </c>
      <c r="HI30" s="293">
        <v>0</v>
      </c>
      <c r="HJ30" s="293">
        <v>0</v>
      </c>
      <c r="HK30" s="293">
        <v>0</v>
      </c>
      <c r="HL30" s="296">
        <v>0</v>
      </c>
      <c r="HM30" s="297">
        <v>0</v>
      </c>
      <c r="HN30" s="292">
        <v>0</v>
      </c>
      <c r="HO30" s="293">
        <v>0</v>
      </c>
      <c r="HP30" s="294">
        <v>0</v>
      </c>
      <c r="HQ30" s="295">
        <v>0</v>
      </c>
      <c r="HR30" s="293">
        <v>123482</v>
      </c>
      <c r="HS30" s="293">
        <v>199658</v>
      </c>
      <c r="HT30" s="293">
        <v>1087299</v>
      </c>
      <c r="HU30" s="293">
        <v>1366108</v>
      </c>
      <c r="HV30" s="293">
        <v>750467</v>
      </c>
      <c r="HW30" s="296">
        <v>3527014</v>
      </c>
      <c r="HX30" s="297">
        <v>3527014</v>
      </c>
    </row>
    <row r="31" spans="1:232" ht="21" customHeight="1" x14ac:dyDescent="0.2">
      <c r="A31" s="498" t="s">
        <v>28</v>
      </c>
      <c r="B31" s="292">
        <v>0</v>
      </c>
      <c r="C31" s="293">
        <v>0</v>
      </c>
      <c r="D31" s="294">
        <v>0</v>
      </c>
      <c r="E31" s="295">
        <v>0</v>
      </c>
      <c r="F31" s="293">
        <v>19875</v>
      </c>
      <c r="G31" s="293">
        <v>39360</v>
      </c>
      <c r="H31" s="293">
        <v>247460</v>
      </c>
      <c r="I31" s="293">
        <v>204305</v>
      </c>
      <c r="J31" s="293">
        <v>93590</v>
      </c>
      <c r="K31" s="296">
        <v>604590</v>
      </c>
      <c r="L31" s="297">
        <v>604590</v>
      </c>
      <c r="M31" s="292">
        <v>0</v>
      </c>
      <c r="N31" s="293">
        <v>0</v>
      </c>
      <c r="O31" s="294">
        <v>0</v>
      </c>
      <c r="P31" s="298"/>
      <c r="Q31" s="293">
        <v>0</v>
      </c>
      <c r="R31" s="293">
        <v>30690</v>
      </c>
      <c r="S31" s="293">
        <v>185535</v>
      </c>
      <c r="T31" s="293">
        <v>155775</v>
      </c>
      <c r="U31" s="293">
        <v>88325</v>
      </c>
      <c r="V31" s="296">
        <v>460325</v>
      </c>
      <c r="W31" s="297">
        <v>460325</v>
      </c>
      <c r="X31" s="292">
        <v>0</v>
      </c>
      <c r="Y31" s="293">
        <v>0</v>
      </c>
      <c r="Z31" s="294">
        <v>0</v>
      </c>
      <c r="AA31" s="298"/>
      <c r="AB31" s="293">
        <v>19875</v>
      </c>
      <c r="AC31" s="293">
        <v>2635</v>
      </c>
      <c r="AD31" s="293">
        <v>56890</v>
      </c>
      <c r="AE31" s="293">
        <v>48530</v>
      </c>
      <c r="AF31" s="293">
        <v>0</v>
      </c>
      <c r="AG31" s="296">
        <v>127930</v>
      </c>
      <c r="AH31" s="297">
        <v>127930</v>
      </c>
      <c r="AI31" s="292">
        <v>0</v>
      </c>
      <c r="AJ31" s="293">
        <v>0</v>
      </c>
      <c r="AK31" s="294">
        <v>0</v>
      </c>
      <c r="AL31" s="298"/>
      <c r="AM31" s="293">
        <v>0</v>
      </c>
      <c r="AN31" s="293">
        <v>0</v>
      </c>
      <c r="AO31" s="293">
        <v>0</v>
      </c>
      <c r="AP31" s="293">
        <v>0</v>
      </c>
      <c r="AQ31" s="293">
        <v>0</v>
      </c>
      <c r="AR31" s="296">
        <v>0</v>
      </c>
      <c r="AS31" s="297">
        <v>0</v>
      </c>
      <c r="AT31" s="292">
        <v>0</v>
      </c>
      <c r="AU31" s="293">
        <v>0</v>
      </c>
      <c r="AV31" s="294">
        <v>0</v>
      </c>
      <c r="AW31" s="298"/>
      <c r="AX31" s="293">
        <v>0</v>
      </c>
      <c r="AY31" s="293">
        <v>0</v>
      </c>
      <c r="AZ31" s="293">
        <v>0</v>
      </c>
      <c r="BA31" s="293">
        <v>0</v>
      </c>
      <c r="BB31" s="293">
        <v>0</v>
      </c>
      <c r="BC31" s="296">
        <v>0</v>
      </c>
      <c r="BD31" s="297">
        <v>0</v>
      </c>
      <c r="BE31" s="292">
        <v>0</v>
      </c>
      <c r="BF31" s="293">
        <v>0</v>
      </c>
      <c r="BG31" s="294">
        <v>0</v>
      </c>
      <c r="BH31" s="298"/>
      <c r="BI31" s="293">
        <v>0</v>
      </c>
      <c r="BJ31" s="293">
        <v>0</v>
      </c>
      <c r="BK31" s="293">
        <v>2635</v>
      </c>
      <c r="BL31" s="293">
        <v>0</v>
      </c>
      <c r="BM31" s="293">
        <v>0</v>
      </c>
      <c r="BN31" s="296">
        <v>2635</v>
      </c>
      <c r="BO31" s="297">
        <v>2635</v>
      </c>
      <c r="BP31" s="292">
        <v>0</v>
      </c>
      <c r="BQ31" s="293">
        <v>0</v>
      </c>
      <c r="BR31" s="294">
        <v>0</v>
      </c>
      <c r="BS31" s="295">
        <v>0</v>
      </c>
      <c r="BT31" s="293">
        <v>0</v>
      </c>
      <c r="BU31" s="293">
        <v>0</v>
      </c>
      <c r="BV31" s="293">
        <v>2400</v>
      </c>
      <c r="BW31" s="293">
        <v>0</v>
      </c>
      <c r="BX31" s="293">
        <v>240</v>
      </c>
      <c r="BY31" s="296">
        <v>2640</v>
      </c>
      <c r="BZ31" s="297">
        <v>2640</v>
      </c>
      <c r="CA31" s="292">
        <v>0</v>
      </c>
      <c r="CB31" s="293">
        <v>0</v>
      </c>
      <c r="CC31" s="294">
        <v>0</v>
      </c>
      <c r="CD31" s="295">
        <v>0</v>
      </c>
      <c r="CE31" s="293">
        <v>0</v>
      </c>
      <c r="CF31" s="293">
        <v>6035</v>
      </c>
      <c r="CG31" s="293">
        <v>0</v>
      </c>
      <c r="CH31" s="293">
        <v>0</v>
      </c>
      <c r="CI31" s="293">
        <v>5025</v>
      </c>
      <c r="CJ31" s="296">
        <v>11060</v>
      </c>
      <c r="CK31" s="297">
        <v>11060</v>
      </c>
      <c r="CL31" s="292">
        <v>0</v>
      </c>
      <c r="CM31" s="293">
        <v>0</v>
      </c>
      <c r="CN31" s="294">
        <v>0</v>
      </c>
      <c r="CO31" s="295">
        <v>0</v>
      </c>
      <c r="CP31" s="293">
        <v>0</v>
      </c>
      <c r="CQ31" s="293">
        <v>0</v>
      </c>
      <c r="CR31" s="293">
        <v>0</v>
      </c>
      <c r="CS31" s="293">
        <v>0</v>
      </c>
      <c r="CT31" s="293">
        <v>0</v>
      </c>
      <c r="CU31" s="296">
        <v>0</v>
      </c>
      <c r="CV31" s="297">
        <v>0</v>
      </c>
      <c r="CW31" s="292">
        <v>0</v>
      </c>
      <c r="CX31" s="293">
        <v>0</v>
      </c>
      <c r="CY31" s="294">
        <v>0</v>
      </c>
      <c r="CZ31" s="298"/>
      <c r="DA31" s="293">
        <v>0</v>
      </c>
      <c r="DB31" s="293">
        <v>0</v>
      </c>
      <c r="DC31" s="293">
        <v>0</v>
      </c>
      <c r="DD31" s="293">
        <v>0</v>
      </c>
      <c r="DE31" s="293">
        <v>0</v>
      </c>
      <c r="DF31" s="296">
        <v>0</v>
      </c>
      <c r="DG31" s="297">
        <v>0</v>
      </c>
      <c r="DH31" s="292">
        <v>0</v>
      </c>
      <c r="DI31" s="293">
        <v>0</v>
      </c>
      <c r="DJ31" s="294">
        <v>0</v>
      </c>
      <c r="DK31" s="295">
        <v>0</v>
      </c>
      <c r="DL31" s="293">
        <v>175</v>
      </c>
      <c r="DM31" s="293">
        <v>36244</v>
      </c>
      <c r="DN31" s="293">
        <v>173271</v>
      </c>
      <c r="DO31" s="293">
        <v>138018</v>
      </c>
      <c r="DP31" s="293">
        <v>155962</v>
      </c>
      <c r="DQ31" s="296">
        <v>503670</v>
      </c>
      <c r="DR31" s="299">
        <v>503670</v>
      </c>
      <c r="DS31" s="292">
        <v>0</v>
      </c>
      <c r="DT31" s="293">
        <v>0</v>
      </c>
      <c r="DU31" s="294">
        <v>0</v>
      </c>
      <c r="DV31" s="298"/>
      <c r="DW31" s="293">
        <v>0</v>
      </c>
      <c r="DX31" s="293">
        <v>14570</v>
      </c>
      <c r="DY31" s="293">
        <v>136586</v>
      </c>
      <c r="DZ31" s="293">
        <v>137696</v>
      </c>
      <c r="EA31" s="293">
        <v>146306</v>
      </c>
      <c r="EB31" s="296">
        <v>435158</v>
      </c>
      <c r="EC31" s="297">
        <v>435158</v>
      </c>
      <c r="ED31" s="292">
        <v>0</v>
      </c>
      <c r="EE31" s="293">
        <v>0</v>
      </c>
      <c r="EF31" s="294">
        <v>0</v>
      </c>
      <c r="EG31" s="298"/>
      <c r="EH31" s="293">
        <v>175</v>
      </c>
      <c r="EI31" s="293">
        <v>21576</v>
      </c>
      <c r="EJ31" s="293">
        <v>1009</v>
      </c>
      <c r="EK31" s="293">
        <v>322</v>
      </c>
      <c r="EL31" s="293">
        <v>0</v>
      </c>
      <c r="EM31" s="296">
        <v>23082</v>
      </c>
      <c r="EN31" s="297">
        <v>23082</v>
      </c>
      <c r="EO31" s="292">
        <v>0</v>
      </c>
      <c r="EP31" s="293">
        <v>0</v>
      </c>
      <c r="EQ31" s="294">
        <v>0</v>
      </c>
      <c r="ER31" s="298"/>
      <c r="ES31" s="293">
        <v>0</v>
      </c>
      <c r="ET31" s="293">
        <v>0</v>
      </c>
      <c r="EU31" s="293">
        <v>0</v>
      </c>
      <c r="EV31" s="293">
        <v>0</v>
      </c>
      <c r="EW31" s="293">
        <v>0</v>
      </c>
      <c r="EX31" s="296">
        <v>0</v>
      </c>
      <c r="EY31" s="297">
        <v>0</v>
      </c>
      <c r="EZ31" s="292">
        <v>0</v>
      </c>
      <c r="FA31" s="293">
        <v>0</v>
      </c>
      <c r="FB31" s="294">
        <v>0</v>
      </c>
      <c r="FC31" s="298"/>
      <c r="FD31" s="293">
        <v>0</v>
      </c>
      <c r="FE31" s="293">
        <v>0</v>
      </c>
      <c r="FF31" s="293">
        <v>0</v>
      </c>
      <c r="FG31" s="293">
        <v>0</v>
      </c>
      <c r="FH31" s="293">
        <v>0</v>
      </c>
      <c r="FI31" s="296">
        <v>0</v>
      </c>
      <c r="FJ31" s="297">
        <v>0</v>
      </c>
      <c r="FK31" s="292">
        <v>0</v>
      </c>
      <c r="FL31" s="293">
        <v>0</v>
      </c>
      <c r="FM31" s="294">
        <v>0</v>
      </c>
      <c r="FN31" s="298"/>
      <c r="FO31" s="293">
        <v>0</v>
      </c>
      <c r="FP31" s="293">
        <v>0</v>
      </c>
      <c r="FQ31" s="293">
        <v>21576</v>
      </c>
      <c r="FR31" s="293">
        <v>0</v>
      </c>
      <c r="FS31" s="293">
        <v>0</v>
      </c>
      <c r="FT31" s="296">
        <v>21576</v>
      </c>
      <c r="FU31" s="297">
        <v>21576</v>
      </c>
      <c r="FV31" s="292">
        <v>0</v>
      </c>
      <c r="FW31" s="293">
        <v>0</v>
      </c>
      <c r="FX31" s="294">
        <v>0</v>
      </c>
      <c r="FY31" s="295">
        <v>0</v>
      </c>
      <c r="FZ31" s="293">
        <v>0</v>
      </c>
      <c r="GA31" s="293">
        <v>0</v>
      </c>
      <c r="GB31" s="293">
        <v>14100</v>
      </c>
      <c r="GC31" s="293">
        <v>0</v>
      </c>
      <c r="GD31" s="293">
        <v>1410</v>
      </c>
      <c r="GE31" s="296">
        <v>15510</v>
      </c>
      <c r="GF31" s="297">
        <v>15510</v>
      </c>
      <c r="GG31" s="292">
        <v>0</v>
      </c>
      <c r="GH31" s="293">
        <v>0</v>
      </c>
      <c r="GI31" s="294">
        <v>0</v>
      </c>
      <c r="GJ31" s="295">
        <v>0</v>
      </c>
      <c r="GK31" s="293">
        <v>0</v>
      </c>
      <c r="GL31" s="293">
        <v>98</v>
      </c>
      <c r="GM31" s="293">
        <v>0</v>
      </c>
      <c r="GN31" s="293">
        <v>0</v>
      </c>
      <c r="GO31" s="293">
        <v>8246</v>
      </c>
      <c r="GP31" s="296">
        <v>8344</v>
      </c>
      <c r="GQ31" s="297">
        <v>8344</v>
      </c>
      <c r="GR31" s="292">
        <v>0</v>
      </c>
      <c r="GS31" s="293">
        <v>0</v>
      </c>
      <c r="GT31" s="294">
        <v>0</v>
      </c>
      <c r="GU31" s="295">
        <v>0</v>
      </c>
      <c r="GV31" s="293">
        <v>0</v>
      </c>
      <c r="GW31" s="293">
        <v>0</v>
      </c>
      <c r="GX31" s="293">
        <v>0</v>
      </c>
      <c r="GY31" s="293">
        <v>0</v>
      </c>
      <c r="GZ31" s="293">
        <v>0</v>
      </c>
      <c r="HA31" s="296">
        <v>0</v>
      </c>
      <c r="HB31" s="297">
        <v>0</v>
      </c>
      <c r="HC31" s="292">
        <v>0</v>
      </c>
      <c r="HD31" s="293">
        <v>0</v>
      </c>
      <c r="HE31" s="294">
        <v>0</v>
      </c>
      <c r="HF31" s="298"/>
      <c r="HG31" s="293">
        <v>0</v>
      </c>
      <c r="HH31" s="293">
        <v>0</v>
      </c>
      <c r="HI31" s="293">
        <v>0</v>
      </c>
      <c r="HJ31" s="293">
        <v>0</v>
      </c>
      <c r="HK31" s="293">
        <v>0</v>
      </c>
      <c r="HL31" s="296">
        <v>0</v>
      </c>
      <c r="HM31" s="297">
        <v>0</v>
      </c>
      <c r="HN31" s="292">
        <v>0</v>
      </c>
      <c r="HO31" s="293">
        <v>0</v>
      </c>
      <c r="HP31" s="294">
        <v>0</v>
      </c>
      <c r="HQ31" s="295">
        <v>0</v>
      </c>
      <c r="HR31" s="293">
        <v>20050</v>
      </c>
      <c r="HS31" s="293">
        <v>75604</v>
      </c>
      <c r="HT31" s="293">
        <v>420731</v>
      </c>
      <c r="HU31" s="293">
        <v>342323</v>
      </c>
      <c r="HV31" s="293">
        <v>249552</v>
      </c>
      <c r="HW31" s="296">
        <v>1108260</v>
      </c>
      <c r="HX31" s="297">
        <v>1108260</v>
      </c>
    </row>
    <row r="32" spans="1:232" ht="21" customHeight="1" x14ac:dyDescent="0.2">
      <c r="A32" s="498" t="s">
        <v>29</v>
      </c>
      <c r="B32" s="292">
        <v>0</v>
      </c>
      <c r="C32" s="293">
        <v>0</v>
      </c>
      <c r="D32" s="294">
        <v>0</v>
      </c>
      <c r="E32" s="295">
        <v>0</v>
      </c>
      <c r="F32" s="293">
        <v>3650</v>
      </c>
      <c r="G32" s="293">
        <v>77120</v>
      </c>
      <c r="H32" s="293">
        <v>278910</v>
      </c>
      <c r="I32" s="293">
        <v>549235</v>
      </c>
      <c r="J32" s="293">
        <v>124125</v>
      </c>
      <c r="K32" s="296">
        <v>1033040</v>
      </c>
      <c r="L32" s="297">
        <v>1033040</v>
      </c>
      <c r="M32" s="292">
        <v>0</v>
      </c>
      <c r="N32" s="293">
        <v>0</v>
      </c>
      <c r="O32" s="294">
        <v>0</v>
      </c>
      <c r="P32" s="298"/>
      <c r="Q32" s="293">
        <v>0</v>
      </c>
      <c r="R32" s="293">
        <v>35495</v>
      </c>
      <c r="S32" s="293">
        <v>93465</v>
      </c>
      <c r="T32" s="293">
        <v>298930</v>
      </c>
      <c r="U32" s="293">
        <v>64210</v>
      </c>
      <c r="V32" s="296">
        <v>492100</v>
      </c>
      <c r="W32" s="297">
        <v>492100</v>
      </c>
      <c r="X32" s="292">
        <v>0</v>
      </c>
      <c r="Y32" s="293">
        <v>0</v>
      </c>
      <c r="Z32" s="294">
        <v>0</v>
      </c>
      <c r="AA32" s="298"/>
      <c r="AB32" s="293">
        <v>3400</v>
      </c>
      <c r="AC32" s="293">
        <v>27280</v>
      </c>
      <c r="AD32" s="293">
        <v>81995</v>
      </c>
      <c r="AE32" s="293">
        <v>97600</v>
      </c>
      <c r="AF32" s="293">
        <v>29915</v>
      </c>
      <c r="AG32" s="296">
        <v>240190</v>
      </c>
      <c r="AH32" s="297">
        <v>240190</v>
      </c>
      <c r="AI32" s="292">
        <v>0</v>
      </c>
      <c r="AJ32" s="293">
        <v>0</v>
      </c>
      <c r="AK32" s="294">
        <v>0</v>
      </c>
      <c r="AL32" s="298"/>
      <c r="AM32" s="293">
        <v>0</v>
      </c>
      <c r="AN32" s="293">
        <v>0</v>
      </c>
      <c r="AO32" s="293">
        <v>0</v>
      </c>
      <c r="AP32" s="293">
        <v>0</v>
      </c>
      <c r="AQ32" s="293">
        <v>0</v>
      </c>
      <c r="AR32" s="296">
        <v>0</v>
      </c>
      <c r="AS32" s="297">
        <v>0</v>
      </c>
      <c r="AT32" s="292">
        <v>0</v>
      </c>
      <c r="AU32" s="293">
        <v>0</v>
      </c>
      <c r="AV32" s="294">
        <v>0</v>
      </c>
      <c r="AW32" s="298"/>
      <c r="AX32" s="293">
        <v>0</v>
      </c>
      <c r="AY32" s="293">
        <v>0</v>
      </c>
      <c r="AZ32" s="293">
        <v>0</v>
      </c>
      <c r="BA32" s="293">
        <v>0</v>
      </c>
      <c r="BB32" s="293">
        <v>0</v>
      </c>
      <c r="BC32" s="296">
        <v>0</v>
      </c>
      <c r="BD32" s="297">
        <v>0</v>
      </c>
      <c r="BE32" s="292">
        <v>0</v>
      </c>
      <c r="BF32" s="293">
        <v>0</v>
      </c>
      <c r="BG32" s="294">
        <v>0</v>
      </c>
      <c r="BH32" s="298"/>
      <c r="BI32" s="293">
        <v>0</v>
      </c>
      <c r="BJ32" s="293">
        <v>0</v>
      </c>
      <c r="BK32" s="293">
        <v>73315</v>
      </c>
      <c r="BL32" s="293">
        <v>147405</v>
      </c>
      <c r="BM32" s="293">
        <v>24645</v>
      </c>
      <c r="BN32" s="296">
        <v>245365</v>
      </c>
      <c r="BO32" s="297">
        <v>245365</v>
      </c>
      <c r="BP32" s="292">
        <v>0</v>
      </c>
      <c r="BQ32" s="293">
        <v>0</v>
      </c>
      <c r="BR32" s="294">
        <v>0</v>
      </c>
      <c r="BS32" s="295">
        <v>0</v>
      </c>
      <c r="BT32" s="293">
        <v>250</v>
      </c>
      <c r="BU32" s="293">
        <v>12180</v>
      </c>
      <c r="BV32" s="293">
        <v>30135</v>
      </c>
      <c r="BW32" s="293">
        <v>5300</v>
      </c>
      <c r="BX32" s="293">
        <v>5355</v>
      </c>
      <c r="BY32" s="296">
        <v>53220</v>
      </c>
      <c r="BZ32" s="297">
        <v>53220</v>
      </c>
      <c r="CA32" s="292">
        <v>0</v>
      </c>
      <c r="CB32" s="293">
        <v>0</v>
      </c>
      <c r="CC32" s="294">
        <v>0</v>
      </c>
      <c r="CD32" s="295">
        <v>0</v>
      </c>
      <c r="CE32" s="293">
        <v>0</v>
      </c>
      <c r="CF32" s="293">
        <v>2165</v>
      </c>
      <c r="CG32" s="293">
        <v>0</v>
      </c>
      <c r="CH32" s="293">
        <v>0</v>
      </c>
      <c r="CI32" s="293">
        <v>0</v>
      </c>
      <c r="CJ32" s="296">
        <v>2165</v>
      </c>
      <c r="CK32" s="297">
        <v>2165</v>
      </c>
      <c r="CL32" s="292">
        <v>0</v>
      </c>
      <c r="CM32" s="293">
        <v>0</v>
      </c>
      <c r="CN32" s="294">
        <v>0</v>
      </c>
      <c r="CO32" s="295">
        <v>0</v>
      </c>
      <c r="CP32" s="293">
        <v>0</v>
      </c>
      <c r="CQ32" s="293">
        <v>0</v>
      </c>
      <c r="CR32" s="293">
        <v>0</v>
      </c>
      <c r="CS32" s="293">
        <v>0</v>
      </c>
      <c r="CT32" s="293">
        <v>0</v>
      </c>
      <c r="CU32" s="296">
        <v>0</v>
      </c>
      <c r="CV32" s="297">
        <v>0</v>
      </c>
      <c r="CW32" s="292">
        <v>0</v>
      </c>
      <c r="CX32" s="293">
        <v>0</v>
      </c>
      <c r="CY32" s="294">
        <v>0</v>
      </c>
      <c r="CZ32" s="298"/>
      <c r="DA32" s="293">
        <v>0</v>
      </c>
      <c r="DB32" s="293">
        <v>0</v>
      </c>
      <c r="DC32" s="293">
        <v>0</v>
      </c>
      <c r="DD32" s="293">
        <v>0</v>
      </c>
      <c r="DE32" s="293">
        <v>0</v>
      </c>
      <c r="DF32" s="296">
        <v>0</v>
      </c>
      <c r="DG32" s="297">
        <v>0</v>
      </c>
      <c r="DH32" s="292">
        <v>0</v>
      </c>
      <c r="DI32" s="293">
        <v>0</v>
      </c>
      <c r="DJ32" s="294">
        <v>0</v>
      </c>
      <c r="DK32" s="295">
        <v>0</v>
      </c>
      <c r="DL32" s="293">
        <v>1250</v>
      </c>
      <c r="DM32" s="293">
        <v>40651</v>
      </c>
      <c r="DN32" s="293">
        <v>258838</v>
      </c>
      <c r="DO32" s="293">
        <v>434468</v>
      </c>
      <c r="DP32" s="293">
        <v>98992</v>
      </c>
      <c r="DQ32" s="296">
        <v>834199</v>
      </c>
      <c r="DR32" s="299">
        <v>834199</v>
      </c>
      <c r="DS32" s="292">
        <v>0</v>
      </c>
      <c r="DT32" s="293">
        <v>0</v>
      </c>
      <c r="DU32" s="294">
        <v>0</v>
      </c>
      <c r="DV32" s="298"/>
      <c r="DW32" s="293">
        <v>0</v>
      </c>
      <c r="DX32" s="293">
        <v>26505</v>
      </c>
      <c r="DY32" s="293">
        <v>77686</v>
      </c>
      <c r="DZ32" s="293">
        <v>271118</v>
      </c>
      <c r="EA32" s="293">
        <v>67651</v>
      </c>
      <c r="EB32" s="296">
        <v>442960</v>
      </c>
      <c r="EC32" s="297">
        <v>442960</v>
      </c>
      <c r="ED32" s="292">
        <v>0</v>
      </c>
      <c r="EE32" s="293">
        <v>0</v>
      </c>
      <c r="EF32" s="294">
        <v>0</v>
      </c>
      <c r="EG32" s="298"/>
      <c r="EH32" s="293">
        <v>280</v>
      </c>
      <c r="EI32" s="293">
        <v>434</v>
      </c>
      <c r="EJ32" s="293">
        <v>10633</v>
      </c>
      <c r="EK32" s="293">
        <v>1176</v>
      </c>
      <c r="EL32" s="293">
        <v>620</v>
      </c>
      <c r="EM32" s="296">
        <v>13143</v>
      </c>
      <c r="EN32" s="297">
        <v>13143</v>
      </c>
      <c r="EO32" s="292">
        <v>0</v>
      </c>
      <c r="EP32" s="293">
        <v>0</v>
      </c>
      <c r="EQ32" s="294">
        <v>0</v>
      </c>
      <c r="ER32" s="298"/>
      <c r="ES32" s="293">
        <v>0</v>
      </c>
      <c r="ET32" s="293">
        <v>0</v>
      </c>
      <c r="EU32" s="293">
        <v>0</v>
      </c>
      <c r="EV32" s="293">
        <v>0</v>
      </c>
      <c r="EW32" s="293">
        <v>0</v>
      </c>
      <c r="EX32" s="296">
        <v>0</v>
      </c>
      <c r="EY32" s="297">
        <v>0</v>
      </c>
      <c r="EZ32" s="292">
        <v>0</v>
      </c>
      <c r="FA32" s="293">
        <v>0</v>
      </c>
      <c r="FB32" s="294">
        <v>0</v>
      </c>
      <c r="FC32" s="298"/>
      <c r="FD32" s="293">
        <v>0</v>
      </c>
      <c r="FE32" s="293">
        <v>0</v>
      </c>
      <c r="FF32" s="293">
        <v>0</v>
      </c>
      <c r="FG32" s="293">
        <v>0</v>
      </c>
      <c r="FH32" s="293">
        <v>0</v>
      </c>
      <c r="FI32" s="296">
        <v>0</v>
      </c>
      <c r="FJ32" s="297">
        <v>0</v>
      </c>
      <c r="FK32" s="292">
        <v>0</v>
      </c>
      <c r="FL32" s="293">
        <v>0</v>
      </c>
      <c r="FM32" s="294">
        <v>0</v>
      </c>
      <c r="FN32" s="298"/>
      <c r="FO32" s="293">
        <v>0</v>
      </c>
      <c r="FP32" s="293">
        <v>0</v>
      </c>
      <c r="FQ32" s="293">
        <v>138260</v>
      </c>
      <c r="FR32" s="293">
        <v>153450</v>
      </c>
      <c r="FS32" s="293">
        <v>21576</v>
      </c>
      <c r="FT32" s="296">
        <v>313286</v>
      </c>
      <c r="FU32" s="297">
        <v>313286</v>
      </c>
      <c r="FV32" s="292">
        <v>0</v>
      </c>
      <c r="FW32" s="293">
        <v>0</v>
      </c>
      <c r="FX32" s="294">
        <v>0</v>
      </c>
      <c r="FY32" s="295">
        <v>0</v>
      </c>
      <c r="FZ32" s="293">
        <v>970</v>
      </c>
      <c r="GA32" s="293">
        <v>13628</v>
      </c>
      <c r="GB32" s="293">
        <v>32259</v>
      </c>
      <c r="GC32" s="293">
        <v>8724</v>
      </c>
      <c r="GD32" s="293">
        <v>9145</v>
      </c>
      <c r="GE32" s="296">
        <v>64726</v>
      </c>
      <c r="GF32" s="297">
        <v>64726</v>
      </c>
      <c r="GG32" s="292">
        <v>0</v>
      </c>
      <c r="GH32" s="293">
        <v>0</v>
      </c>
      <c r="GI32" s="294">
        <v>0</v>
      </c>
      <c r="GJ32" s="295">
        <v>0</v>
      </c>
      <c r="GK32" s="293">
        <v>0</v>
      </c>
      <c r="GL32" s="293">
        <v>84</v>
      </c>
      <c r="GM32" s="293">
        <v>0</v>
      </c>
      <c r="GN32" s="293">
        <v>0</v>
      </c>
      <c r="GO32" s="293">
        <v>0</v>
      </c>
      <c r="GP32" s="296">
        <v>84</v>
      </c>
      <c r="GQ32" s="297">
        <v>84</v>
      </c>
      <c r="GR32" s="292">
        <v>0</v>
      </c>
      <c r="GS32" s="293">
        <v>0</v>
      </c>
      <c r="GT32" s="294">
        <v>0</v>
      </c>
      <c r="GU32" s="295">
        <v>0</v>
      </c>
      <c r="GV32" s="293">
        <v>0</v>
      </c>
      <c r="GW32" s="293">
        <v>0</v>
      </c>
      <c r="GX32" s="293">
        <v>0</v>
      </c>
      <c r="GY32" s="293">
        <v>0</v>
      </c>
      <c r="GZ32" s="293">
        <v>0</v>
      </c>
      <c r="HA32" s="296">
        <v>0</v>
      </c>
      <c r="HB32" s="297">
        <v>0</v>
      </c>
      <c r="HC32" s="292">
        <v>0</v>
      </c>
      <c r="HD32" s="293">
        <v>0</v>
      </c>
      <c r="HE32" s="294">
        <v>0</v>
      </c>
      <c r="HF32" s="298"/>
      <c r="HG32" s="293">
        <v>0</v>
      </c>
      <c r="HH32" s="293">
        <v>0</v>
      </c>
      <c r="HI32" s="293">
        <v>0</v>
      </c>
      <c r="HJ32" s="293">
        <v>0</v>
      </c>
      <c r="HK32" s="293">
        <v>0</v>
      </c>
      <c r="HL32" s="296">
        <v>0</v>
      </c>
      <c r="HM32" s="297">
        <v>0</v>
      </c>
      <c r="HN32" s="292">
        <v>0</v>
      </c>
      <c r="HO32" s="293">
        <v>0</v>
      </c>
      <c r="HP32" s="294">
        <v>0</v>
      </c>
      <c r="HQ32" s="295">
        <v>0</v>
      </c>
      <c r="HR32" s="293">
        <v>4900</v>
      </c>
      <c r="HS32" s="293">
        <v>117771</v>
      </c>
      <c r="HT32" s="293">
        <v>537748</v>
      </c>
      <c r="HU32" s="293">
        <v>983703</v>
      </c>
      <c r="HV32" s="293">
        <v>223117</v>
      </c>
      <c r="HW32" s="296">
        <v>1867239</v>
      </c>
      <c r="HX32" s="297">
        <v>1867239</v>
      </c>
    </row>
    <row r="33" spans="1:232" ht="21" customHeight="1" x14ac:dyDescent="0.2">
      <c r="A33" s="498" t="s">
        <v>30</v>
      </c>
      <c r="B33" s="292">
        <v>0</v>
      </c>
      <c r="C33" s="293">
        <v>0</v>
      </c>
      <c r="D33" s="294">
        <v>0</v>
      </c>
      <c r="E33" s="295">
        <v>0</v>
      </c>
      <c r="F33" s="293">
        <v>39859</v>
      </c>
      <c r="G33" s="293">
        <v>30445</v>
      </c>
      <c r="H33" s="293">
        <v>299545</v>
      </c>
      <c r="I33" s="293">
        <v>231982</v>
      </c>
      <c r="J33" s="293">
        <v>157945</v>
      </c>
      <c r="K33" s="296">
        <v>759776</v>
      </c>
      <c r="L33" s="297">
        <v>759776</v>
      </c>
      <c r="M33" s="292">
        <v>0</v>
      </c>
      <c r="N33" s="293">
        <v>0</v>
      </c>
      <c r="O33" s="294">
        <v>0</v>
      </c>
      <c r="P33" s="298"/>
      <c r="Q33" s="293">
        <v>0</v>
      </c>
      <c r="R33" s="293">
        <v>2635</v>
      </c>
      <c r="S33" s="293">
        <v>221085</v>
      </c>
      <c r="T33" s="293">
        <v>168907</v>
      </c>
      <c r="U33" s="293">
        <v>122605</v>
      </c>
      <c r="V33" s="296">
        <v>515232</v>
      </c>
      <c r="W33" s="297">
        <v>515232</v>
      </c>
      <c r="X33" s="292">
        <v>0</v>
      </c>
      <c r="Y33" s="293">
        <v>0</v>
      </c>
      <c r="Z33" s="294">
        <v>0</v>
      </c>
      <c r="AA33" s="298"/>
      <c r="AB33" s="293">
        <v>37450</v>
      </c>
      <c r="AC33" s="293">
        <v>26940</v>
      </c>
      <c r="AD33" s="293">
        <v>42805</v>
      </c>
      <c r="AE33" s="293">
        <v>59835</v>
      </c>
      <c r="AF33" s="293">
        <v>2635</v>
      </c>
      <c r="AG33" s="296">
        <v>169665</v>
      </c>
      <c r="AH33" s="297">
        <v>169665</v>
      </c>
      <c r="AI33" s="292">
        <v>0</v>
      </c>
      <c r="AJ33" s="293">
        <v>0</v>
      </c>
      <c r="AK33" s="294">
        <v>0</v>
      </c>
      <c r="AL33" s="298"/>
      <c r="AM33" s="293">
        <v>0</v>
      </c>
      <c r="AN33" s="293">
        <v>0</v>
      </c>
      <c r="AO33" s="293">
        <v>0</v>
      </c>
      <c r="AP33" s="293">
        <v>0</v>
      </c>
      <c r="AQ33" s="293">
        <v>0</v>
      </c>
      <c r="AR33" s="296">
        <v>0</v>
      </c>
      <c r="AS33" s="297">
        <v>0</v>
      </c>
      <c r="AT33" s="292">
        <v>0</v>
      </c>
      <c r="AU33" s="293">
        <v>0</v>
      </c>
      <c r="AV33" s="294">
        <v>0</v>
      </c>
      <c r="AW33" s="298"/>
      <c r="AX33" s="293">
        <v>0</v>
      </c>
      <c r="AY33" s="293">
        <v>0</v>
      </c>
      <c r="AZ33" s="293">
        <v>35495</v>
      </c>
      <c r="BA33" s="293">
        <v>0</v>
      </c>
      <c r="BB33" s="293">
        <v>32705</v>
      </c>
      <c r="BC33" s="296">
        <v>68200</v>
      </c>
      <c r="BD33" s="297">
        <v>68200</v>
      </c>
      <c r="BE33" s="292">
        <v>0</v>
      </c>
      <c r="BF33" s="293">
        <v>0</v>
      </c>
      <c r="BG33" s="294">
        <v>0</v>
      </c>
      <c r="BH33" s="298"/>
      <c r="BI33" s="293">
        <v>0</v>
      </c>
      <c r="BJ33" s="293">
        <v>0</v>
      </c>
      <c r="BK33" s="293">
        <v>0</v>
      </c>
      <c r="BL33" s="293">
        <v>0</v>
      </c>
      <c r="BM33" s="293">
        <v>0</v>
      </c>
      <c r="BN33" s="296">
        <v>0</v>
      </c>
      <c r="BO33" s="297">
        <v>0</v>
      </c>
      <c r="BP33" s="292">
        <v>0</v>
      </c>
      <c r="BQ33" s="293">
        <v>0</v>
      </c>
      <c r="BR33" s="294">
        <v>0</v>
      </c>
      <c r="BS33" s="295">
        <v>0</v>
      </c>
      <c r="BT33" s="293">
        <v>1595</v>
      </c>
      <c r="BU33" s="293">
        <v>870</v>
      </c>
      <c r="BV33" s="293">
        <v>160</v>
      </c>
      <c r="BW33" s="293">
        <v>3240</v>
      </c>
      <c r="BX33" s="293">
        <v>0</v>
      </c>
      <c r="BY33" s="296">
        <v>5865</v>
      </c>
      <c r="BZ33" s="297">
        <v>5865</v>
      </c>
      <c r="CA33" s="292">
        <v>0</v>
      </c>
      <c r="CB33" s="293">
        <v>0</v>
      </c>
      <c r="CC33" s="294">
        <v>0</v>
      </c>
      <c r="CD33" s="295">
        <v>0</v>
      </c>
      <c r="CE33" s="293">
        <v>814</v>
      </c>
      <c r="CF33" s="293">
        <v>0</v>
      </c>
      <c r="CG33" s="293">
        <v>0</v>
      </c>
      <c r="CH33" s="293">
        <v>0</v>
      </c>
      <c r="CI33" s="293">
        <v>0</v>
      </c>
      <c r="CJ33" s="296">
        <v>814</v>
      </c>
      <c r="CK33" s="297">
        <v>814</v>
      </c>
      <c r="CL33" s="292">
        <v>0</v>
      </c>
      <c r="CM33" s="293">
        <v>0</v>
      </c>
      <c r="CN33" s="294">
        <v>0</v>
      </c>
      <c r="CO33" s="295">
        <v>0</v>
      </c>
      <c r="CP33" s="293">
        <v>0</v>
      </c>
      <c r="CQ33" s="293">
        <v>0</v>
      </c>
      <c r="CR33" s="293">
        <v>0</v>
      </c>
      <c r="CS33" s="293">
        <v>0</v>
      </c>
      <c r="CT33" s="293">
        <v>0</v>
      </c>
      <c r="CU33" s="296">
        <v>0</v>
      </c>
      <c r="CV33" s="297">
        <v>0</v>
      </c>
      <c r="CW33" s="292">
        <v>0</v>
      </c>
      <c r="CX33" s="293">
        <v>0</v>
      </c>
      <c r="CY33" s="294">
        <v>0</v>
      </c>
      <c r="CZ33" s="298"/>
      <c r="DA33" s="293">
        <v>0</v>
      </c>
      <c r="DB33" s="293">
        <v>0</v>
      </c>
      <c r="DC33" s="293">
        <v>0</v>
      </c>
      <c r="DD33" s="293">
        <v>0</v>
      </c>
      <c r="DE33" s="293">
        <v>0</v>
      </c>
      <c r="DF33" s="296">
        <v>0</v>
      </c>
      <c r="DG33" s="297">
        <v>0</v>
      </c>
      <c r="DH33" s="292">
        <v>0</v>
      </c>
      <c r="DI33" s="293">
        <v>0</v>
      </c>
      <c r="DJ33" s="294">
        <v>0</v>
      </c>
      <c r="DK33" s="295">
        <v>0</v>
      </c>
      <c r="DL33" s="293">
        <v>42551</v>
      </c>
      <c r="DM33" s="293">
        <v>30183</v>
      </c>
      <c r="DN33" s="293">
        <v>387414</v>
      </c>
      <c r="DO33" s="293">
        <v>241350</v>
      </c>
      <c r="DP33" s="293">
        <v>173104</v>
      </c>
      <c r="DQ33" s="296">
        <v>874602</v>
      </c>
      <c r="DR33" s="299">
        <v>874602</v>
      </c>
      <c r="DS33" s="292">
        <v>0</v>
      </c>
      <c r="DT33" s="293">
        <v>0</v>
      </c>
      <c r="DU33" s="294">
        <v>0</v>
      </c>
      <c r="DV33" s="298"/>
      <c r="DW33" s="293">
        <v>0</v>
      </c>
      <c r="DX33" s="293">
        <v>15035</v>
      </c>
      <c r="DY33" s="293">
        <v>328528</v>
      </c>
      <c r="DZ33" s="293">
        <v>223449</v>
      </c>
      <c r="EA33" s="293">
        <v>161789</v>
      </c>
      <c r="EB33" s="296">
        <v>728801</v>
      </c>
      <c r="EC33" s="297">
        <v>728801</v>
      </c>
      <c r="ED33" s="292">
        <v>0</v>
      </c>
      <c r="EE33" s="293">
        <v>0</v>
      </c>
      <c r="EF33" s="294">
        <v>0</v>
      </c>
      <c r="EG33" s="298"/>
      <c r="EH33" s="293">
        <v>35877</v>
      </c>
      <c r="EI33" s="293">
        <v>9883</v>
      </c>
      <c r="EJ33" s="293">
        <v>43661</v>
      </c>
      <c r="EK33" s="293">
        <v>6765</v>
      </c>
      <c r="EL33" s="293">
        <v>11098</v>
      </c>
      <c r="EM33" s="296">
        <v>107284</v>
      </c>
      <c r="EN33" s="297">
        <v>107284</v>
      </c>
      <c r="EO33" s="292">
        <v>0</v>
      </c>
      <c r="EP33" s="293">
        <v>0</v>
      </c>
      <c r="EQ33" s="294">
        <v>0</v>
      </c>
      <c r="ER33" s="298"/>
      <c r="ES33" s="293">
        <v>0</v>
      </c>
      <c r="ET33" s="293">
        <v>0</v>
      </c>
      <c r="EU33" s="293">
        <v>0</v>
      </c>
      <c r="EV33" s="293">
        <v>0</v>
      </c>
      <c r="EW33" s="293">
        <v>0</v>
      </c>
      <c r="EX33" s="296">
        <v>0</v>
      </c>
      <c r="EY33" s="297">
        <v>0</v>
      </c>
      <c r="EZ33" s="292">
        <v>0</v>
      </c>
      <c r="FA33" s="293">
        <v>0</v>
      </c>
      <c r="FB33" s="294">
        <v>0</v>
      </c>
      <c r="FC33" s="298"/>
      <c r="FD33" s="293">
        <v>0</v>
      </c>
      <c r="FE33" s="293">
        <v>0</v>
      </c>
      <c r="FF33" s="293">
        <v>11687</v>
      </c>
      <c r="FG33" s="293">
        <v>0</v>
      </c>
      <c r="FH33" s="293">
        <v>217</v>
      </c>
      <c r="FI33" s="296">
        <v>11904</v>
      </c>
      <c r="FJ33" s="297">
        <v>11904</v>
      </c>
      <c r="FK33" s="292">
        <v>0</v>
      </c>
      <c r="FL33" s="293">
        <v>0</v>
      </c>
      <c r="FM33" s="294">
        <v>0</v>
      </c>
      <c r="FN33" s="298"/>
      <c r="FO33" s="293">
        <v>0</v>
      </c>
      <c r="FP33" s="293">
        <v>0</v>
      </c>
      <c r="FQ33" s="293">
        <v>0</v>
      </c>
      <c r="FR33" s="293">
        <v>0</v>
      </c>
      <c r="FS33" s="293">
        <v>0</v>
      </c>
      <c r="FT33" s="296">
        <v>0</v>
      </c>
      <c r="FU33" s="297">
        <v>0</v>
      </c>
      <c r="FV33" s="292">
        <v>0</v>
      </c>
      <c r="FW33" s="293">
        <v>0</v>
      </c>
      <c r="FX33" s="294">
        <v>0</v>
      </c>
      <c r="FY33" s="295">
        <v>0</v>
      </c>
      <c r="FZ33" s="293">
        <v>6669</v>
      </c>
      <c r="GA33" s="293">
        <v>5265</v>
      </c>
      <c r="GB33" s="293">
        <v>2784</v>
      </c>
      <c r="GC33" s="293">
        <v>11136</v>
      </c>
      <c r="GD33" s="293">
        <v>0</v>
      </c>
      <c r="GE33" s="296">
        <v>25854</v>
      </c>
      <c r="GF33" s="297">
        <v>25854</v>
      </c>
      <c r="GG33" s="292">
        <v>0</v>
      </c>
      <c r="GH33" s="293">
        <v>0</v>
      </c>
      <c r="GI33" s="294">
        <v>0</v>
      </c>
      <c r="GJ33" s="295">
        <v>0</v>
      </c>
      <c r="GK33" s="293">
        <v>5</v>
      </c>
      <c r="GL33" s="293">
        <v>0</v>
      </c>
      <c r="GM33" s="293">
        <v>754</v>
      </c>
      <c r="GN33" s="293">
        <v>0</v>
      </c>
      <c r="GO33" s="293">
        <v>0</v>
      </c>
      <c r="GP33" s="296">
        <v>759</v>
      </c>
      <c r="GQ33" s="297">
        <v>759</v>
      </c>
      <c r="GR33" s="292">
        <v>0</v>
      </c>
      <c r="GS33" s="293">
        <v>0</v>
      </c>
      <c r="GT33" s="294">
        <v>0</v>
      </c>
      <c r="GU33" s="295">
        <v>0</v>
      </c>
      <c r="GV33" s="293">
        <v>0</v>
      </c>
      <c r="GW33" s="293">
        <v>0</v>
      </c>
      <c r="GX33" s="293">
        <v>0</v>
      </c>
      <c r="GY33" s="293">
        <v>0</v>
      </c>
      <c r="GZ33" s="293">
        <v>0</v>
      </c>
      <c r="HA33" s="296">
        <v>0</v>
      </c>
      <c r="HB33" s="297">
        <v>0</v>
      </c>
      <c r="HC33" s="292">
        <v>0</v>
      </c>
      <c r="HD33" s="293">
        <v>0</v>
      </c>
      <c r="HE33" s="294">
        <v>0</v>
      </c>
      <c r="HF33" s="298"/>
      <c r="HG33" s="293">
        <v>0</v>
      </c>
      <c r="HH33" s="293">
        <v>0</v>
      </c>
      <c r="HI33" s="293">
        <v>0</v>
      </c>
      <c r="HJ33" s="293">
        <v>0</v>
      </c>
      <c r="HK33" s="293">
        <v>0</v>
      </c>
      <c r="HL33" s="296">
        <v>0</v>
      </c>
      <c r="HM33" s="297">
        <v>0</v>
      </c>
      <c r="HN33" s="292">
        <v>0</v>
      </c>
      <c r="HO33" s="293">
        <v>0</v>
      </c>
      <c r="HP33" s="294">
        <v>0</v>
      </c>
      <c r="HQ33" s="295">
        <v>0</v>
      </c>
      <c r="HR33" s="293">
        <v>82410</v>
      </c>
      <c r="HS33" s="293">
        <v>60628</v>
      </c>
      <c r="HT33" s="293">
        <v>686959</v>
      </c>
      <c r="HU33" s="293">
        <v>473332</v>
      </c>
      <c r="HV33" s="293">
        <v>331049</v>
      </c>
      <c r="HW33" s="296">
        <v>1634378</v>
      </c>
      <c r="HX33" s="297">
        <v>1634378</v>
      </c>
    </row>
    <row r="34" spans="1:232" ht="21" customHeight="1" x14ac:dyDescent="0.2">
      <c r="A34" s="498" t="s">
        <v>31</v>
      </c>
      <c r="B34" s="292">
        <v>0</v>
      </c>
      <c r="C34" s="293">
        <v>0</v>
      </c>
      <c r="D34" s="294">
        <v>0</v>
      </c>
      <c r="E34" s="295">
        <v>0</v>
      </c>
      <c r="F34" s="293">
        <v>34445</v>
      </c>
      <c r="G34" s="293">
        <v>141065</v>
      </c>
      <c r="H34" s="293">
        <v>275267</v>
      </c>
      <c r="I34" s="293">
        <v>195455</v>
      </c>
      <c r="J34" s="293">
        <v>134915</v>
      </c>
      <c r="K34" s="296">
        <v>781147</v>
      </c>
      <c r="L34" s="297">
        <v>781147</v>
      </c>
      <c r="M34" s="292">
        <v>0</v>
      </c>
      <c r="N34" s="293">
        <v>0</v>
      </c>
      <c r="O34" s="294">
        <v>0</v>
      </c>
      <c r="P34" s="298"/>
      <c r="Q34" s="293">
        <v>0</v>
      </c>
      <c r="R34" s="293">
        <v>84780</v>
      </c>
      <c r="S34" s="293">
        <v>258132</v>
      </c>
      <c r="T34" s="293">
        <v>94550</v>
      </c>
      <c r="U34" s="293">
        <v>134915</v>
      </c>
      <c r="V34" s="296">
        <v>572377</v>
      </c>
      <c r="W34" s="297">
        <v>572377</v>
      </c>
      <c r="X34" s="292">
        <v>0</v>
      </c>
      <c r="Y34" s="293">
        <v>0</v>
      </c>
      <c r="Z34" s="294">
        <v>0</v>
      </c>
      <c r="AA34" s="298"/>
      <c r="AB34" s="293">
        <v>0</v>
      </c>
      <c r="AC34" s="293">
        <v>45740</v>
      </c>
      <c r="AD34" s="293">
        <v>7820</v>
      </c>
      <c r="AE34" s="293">
        <v>65255</v>
      </c>
      <c r="AF34" s="293">
        <v>0</v>
      </c>
      <c r="AG34" s="296">
        <v>118815</v>
      </c>
      <c r="AH34" s="297">
        <v>118815</v>
      </c>
      <c r="AI34" s="292">
        <v>0</v>
      </c>
      <c r="AJ34" s="293">
        <v>0</v>
      </c>
      <c r="AK34" s="294">
        <v>0</v>
      </c>
      <c r="AL34" s="298"/>
      <c r="AM34" s="293">
        <v>0</v>
      </c>
      <c r="AN34" s="293">
        <v>0</v>
      </c>
      <c r="AO34" s="293">
        <v>0</v>
      </c>
      <c r="AP34" s="293">
        <v>0</v>
      </c>
      <c r="AQ34" s="293">
        <v>0</v>
      </c>
      <c r="AR34" s="296">
        <v>0</v>
      </c>
      <c r="AS34" s="297">
        <v>0</v>
      </c>
      <c r="AT34" s="292">
        <v>0</v>
      </c>
      <c r="AU34" s="293">
        <v>0</v>
      </c>
      <c r="AV34" s="294">
        <v>0</v>
      </c>
      <c r="AW34" s="298"/>
      <c r="AX34" s="293">
        <v>32705</v>
      </c>
      <c r="AY34" s="293">
        <v>0</v>
      </c>
      <c r="AZ34" s="293">
        <v>0</v>
      </c>
      <c r="BA34" s="293">
        <v>32705</v>
      </c>
      <c r="BB34" s="293">
        <v>0</v>
      </c>
      <c r="BC34" s="296">
        <v>65410</v>
      </c>
      <c r="BD34" s="297">
        <v>65410</v>
      </c>
      <c r="BE34" s="292">
        <v>0</v>
      </c>
      <c r="BF34" s="293">
        <v>0</v>
      </c>
      <c r="BG34" s="294">
        <v>0</v>
      </c>
      <c r="BH34" s="298"/>
      <c r="BI34" s="293">
        <v>0</v>
      </c>
      <c r="BJ34" s="293">
        <v>0</v>
      </c>
      <c r="BK34" s="293">
        <v>0</v>
      </c>
      <c r="BL34" s="293">
        <v>0</v>
      </c>
      <c r="BM34" s="293">
        <v>0</v>
      </c>
      <c r="BN34" s="296">
        <v>0</v>
      </c>
      <c r="BO34" s="297">
        <v>0</v>
      </c>
      <c r="BP34" s="292">
        <v>0</v>
      </c>
      <c r="BQ34" s="293">
        <v>0</v>
      </c>
      <c r="BR34" s="294">
        <v>0</v>
      </c>
      <c r="BS34" s="295">
        <v>0</v>
      </c>
      <c r="BT34" s="293">
        <v>1740</v>
      </c>
      <c r="BU34" s="293">
        <v>10545</v>
      </c>
      <c r="BV34" s="293">
        <v>9315</v>
      </c>
      <c r="BW34" s="293">
        <v>2945</v>
      </c>
      <c r="BX34" s="293">
        <v>0</v>
      </c>
      <c r="BY34" s="296">
        <v>24545</v>
      </c>
      <c r="BZ34" s="297">
        <v>24545</v>
      </c>
      <c r="CA34" s="292">
        <v>0</v>
      </c>
      <c r="CB34" s="293">
        <v>0</v>
      </c>
      <c r="CC34" s="294">
        <v>0</v>
      </c>
      <c r="CD34" s="295">
        <v>0</v>
      </c>
      <c r="CE34" s="293">
        <v>0</v>
      </c>
      <c r="CF34" s="293">
        <v>0</v>
      </c>
      <c r="CG34" s="293">
        <v>0</v>
      </c>
      <c r="CH34" s="293">
        <v>0</v>
      </c>
      <c r="CI34" s="293">
        <v>0</v>
      </c>
      <c r="CJ34" s="296">
        <v>0</v>
      </c>
      <c r="CK34" s="297">
        <v>0</v>
      </c>
      <c r="CL34" s="292">
        <v>0</v>
      </c>
      <c r="CM34" s="293">
        <v>0</v>
      </c>
      <c r="CN34" s="294">
        <v>0</v>
      </c>
      <c r="CO34" s="295">
        <v>0</v>
      </c>
      <c r="CP34" s="293">
        <v>0</v>
      </c>
      <c r="CQ34" s="293">
        <v>0</v>
      </c>
      <c r="CR34" s="293">
        <v>0</v>
      </c>
      <c r="CS34" s="293">
        <v>0</v>
      </c>
      <c r="CT34" s="293">
        <v>0</v>
      </c>
      <c r="CU34" s="296">
        <v>0</v>
      </c>
      <c r="CV34" s="297">
        <v>0</v>
      </c>
      <c r="CW34" s="292">
        <v>0</v>
      </c>
      <c r="CX34" s="293">
        <v>0</v>
      </c>
      <c r="CY34" s="294">
        <v>0</v>
      </c>
      <c r="CZ34" s="298"/>
      <c r="DA34" s="293">
        <v>0</v>
      </c>
      <c r="DB34" s="293">
        <v>0</v>
      </c>
      <c r="DC34" s="293">
        <v>0</v>
      </c>
      <c r="DD34" s="293">
        <v>0</v>
      </c>
      <c r="DE34" s="293">
        <v>0</v>
      </c>
      <c r="DF34" s="296">
        <v>0</v>
      </c>
      <c r="DG34" s="297">
        <v>0</v>
      </c>
      <c r="DH34" s="292">
        <v>0</v>
      </c>
      <c r="DI34" s="293">
        <v>0</v>
      </c>
      <c r="DJ34" s="294">
        <v>0</v>
      </c>
      <c r="DK34" s="295">
        <v>0</v>
      </c>
      <c r="DL34" s="293">
        <v>5482</v>
      </c>
      <c r="DM34" s="293">
        <v>79827</v>
      </c>
      <c r="DN34" s="293">
        <v>327780</v>
      </c>
      <c r="DO34" s="293">
        <v>184429</v>
      </c>
      <c r="DP34" s="293">
        <v>176799</v>
      </c>
      <c r="DQ34" s="296">
        <v>774317</v>
      </c>
      <c r="DR34" s="299">
        <v>774317</v>
      </c>
      <c r="DS34" s="292">
        <v>0</v>
      </c>
      <c r="DT34" s="293">
        <v>0</v>
      </c>
      <c r="DU34" s="294">
        <v>0</v>
      </c>
      <c r="DV34" s="298"/>
      <c r="DW34" s="293">
        <v>0</v>
      </c>
      <c r="DX34" s="293">
        <v>64411</v>
      </c>
      <c r="DY34" s="293">
        <v>313530</v>
      </c>
      <c r="DZ34" s="293">
        <v>207173</v>
      </c>
      <c r="EA34" s="293">
        <v>176799</v>
      </c>
      <c r="EB34" s="296">
        <v>761913</v>
      </c>
      <c r="EC34" s="297">
        <v>761913</v>
      </c>
      <c r="ED34" s="292">
        <v>0</v>
      </c>
      <c r="EE34" s="293">
        <v>0</v>
      </c>
      <c r="EF34" s="294">
        <v>0</v>
      </c>
      <c r="EG34" s="298"/>
      <c r="EH34" s="293">
        <v>0</v>
      </c>
      <c r="EI34" s="293">
        <v>837</v>
      </c>
      <c r="EJ34" s="293">
        <v>644</v>
      </c>
      <c r="EK34" s="293">
        <v>1085</v>
      </c>
      <c r="EL34" s="293">
        <v>0</v>
      </c>
      <c r="EM34" s="296">
        <v>2566</v>
      </c>
      <c r="EN34" s="297">
        <v>2566</v>
      </c>
      <c r="EO34" s="292">
        <v>0</v>
      </c>
      <c r="EP34" s="293">
        <v>0</v>
      </c>
      <c r="EQ34" s="294">
        <v>0</v>
      </c>
      <c r="ER34" s="298"/>
      <c r="ES34" s="293">
        <v>0</v>
      </c>
      <c r="ET34" s="293">
        <v>0</v>
      </c>
      <c r="EU34" s="293">
        <v>0</v>
      </c>
      <c r="EV34" s="293">
        <v>0</v>
      </c>
      <c r="EW34" s="293">
        <v>0</v>
      </c>
      <c r="EX34" s="296">
        <v>0</v>
      </c>
      <c r="EY34" s="297">
        <v>0</v>
      </c>
      <c r="EZ34" s="292">
        <v>0</v>
      </c>
      <c r="FA34" s="293">
        <v>0</v>
      </c>
      <c r="FB34" s="294">
        <v>0</v>
      </c>
      <c r="FC34" s="298"/>
      <c r="FD34" s="293">
        <v>217</v>
      </c>
      <c r="FE34" s="293">
        <v>0</v>
      </c>
      <c r="FF34" s="293">
        <v>0</v>
      </c>
      <c r="FG34" s="293">
        <v>-31400</v>
      </c>
      <c r="FH34" s="293">
        <v>0</v>
      </c>
      <c r="FI34" s="296">
        <v>-31183</v>
      </c>
      <c r="FJ34" s="297">
        <v>-31183</v>
      </c>
      <c r="FK34" s="292">
        <v>0</v>
      </c>
      <c r="FL34" s="293">
        <v>0</v>
      </c>
      <c r="FM34" s="294">
        <v>0</v>
      </c>
      <c r="FN34" s="298"/>
      <c r="FO34" s="293">
        <v>0</v>
      </c>
      <c r="FP34" s="293">
        <v>0</v>
      </c>
      <c r="FQ34" s="293">
        <v>0</v>
      </c>
      <c r="FR34" s="293">
        <v>0</v>
      </c>
      <c r="FS34" s="293">
        <v>0</v>
      </c>
      <c r="FT34" s="296">
        <v>0</v>
      </c>
      <c r="FU34" s="297">
        <v>0</v>
      </c>
      <c r="FV34" s="292">
        <v>0</v>
      </c>
      <c r="FW34" s="293">
        <v>0</v>
      </c>
      <c r="FX34" s="294">
        <v>0</v>
      </c>
      <c r="FY34" s="295">
        <v>0</v>
      </c>
      <c r="FZ34" s="293">
        <v>5265</v>
      </c>
      <c r="GA34" s="293">
        <v>14579</v>
      </c>
      <c r="GB34" s="293">
        <v>13606</v>
      </c>
      <c r="GC34" s="293">
        <v>7571</v>
      </c>
      <c r="GD34" s="293">
        <v>0</v>
      </c>
      <c r="GE34" s="296">
        <v>41021</v>
      </c>
      <c r="GF34" s="297">
        <v>41021</v>
      </c>
      <c r="GG34" s="292">
        <v>0</v>
      </c>
      <c r="GH34" s="293">
        <v>0</v>
      </c>
      <c r="GI34" s="294">
        <v>0</v>
      </c>
      <c r="GJ34" s="295">
        <v>0</v>
      </c>
      <c r="GK34" s="293">
        <v>0</v>
      </c>
      <c r="GL34" s="293">
        <v>0</v>
      </c>
      <c r="GM34" s="293">
        <v>0</v>
      </c>
      <c r="GN34" s="293">
        <v>0</v>
      </c>
      <c r="GO34" s="293">
        <v>0</v>
      </c>
      <c r="GP34" s="296">
        <v>0</v>
      </c>
      <c r="GQ34" s="297">
        <v>0</v>
      </c>
      <c r="GR34" s="292">
        <v>0</v>
      </c>
      <c r="GS34" s="293">
        <v>0</v>
      </c>
      <c r="GT34" s="294">
        <v>0</v>
      </c>
      <c r="GU34" s="295">
        <v>0</v>
      </c>
      <c r="GV34" s="293">
        <v>0</v>
      </c>
      <c r="GW34" s="293">
        <v>0</v>
      </c>
      <c r="GX34" s="293">
        <v>0</v>
      </c>
      <c r="GY34" s="293">
        <v>0</v>
      </c>
      <c r="GZ34" s="293">
        <v>0</v>
      </c>
      <c r="HA34" s="296">
        <v>0</v>
      </c>
      <c r="HB34" s="297">
        <v>0</v>
      </c>
      <c r="HC34" s="292">
        <v>0</v>
      </c>
      <c r="HD34" s="293">
        <v>0</v>
      </c>
      <c r="HE34" s="294">
        <v>0</v>
      </c>
      <c r="HF34" s="298"/>
      <c r="HG34" s="293">
        <v>0</v>
      </c>
      <c r="HH34" s="293">
        <v>0</v>
      </c>
      <c r="HI34" s="293">
        <v>0</v>
      </c>
      <c r="HJ34" s="293">
        <v>0</v>
      </c>
      <c r="HK34" s="293">
        <v>0</v>
      </c>
      <c r="HL34" s="296">
        <v>0</v>
      </c>
      <c r="HM34" s="297">
        <v>0</v>
      </c>
      <c r="HN34" s="292">
        <v>0</v>
      </c>
      <c r="HO34" s="293">
        <v>0</v>
      </c>
      <c r="HP34" s="294">
        <v>0</v>
      </c>
      <c r="HQ34" s="295">
        <v>0</v>
      </c>
      <c r="HR34" s="293">
        <v>39927</v>
      </c>
      <c r="HS34" s="293">
        <v>220892</v>
      </c>
      <c r="HT34" s="293">
        <v>603047</v>
      </c>
      <c r="HU34" s="293">
        <v>379884</v>
      </c>
      <c r="HV34" s="293">
        <v>311714</v>
      </c>
      <c r="HW34" s="296">
        <v>1555464</v>
      </c>
      <c r="HX34" s="297">
        <v>1555464</v>
      </c>
    </row>
    <row r="35" spans="1:232" ht="21" customHeight="1" x14ac:dyDescent="0.2">
      <c r="A35" s="498" t="s">
        <v>32</v>
      </c>
      <c r="B35" s="292">
        <v>0</v>
      </c>
      <c r="C35" s="293">
        <v>0</v>
      </c>
      <c r="D35" s="294">
        <v>0</v>
      </c>
      <c r="E35" s="295">
        <v>0</v>
      </c>
      <c r="F35" s="293">
        <v>68200</v>
      </c>
      <c r="G35" s="293">
        <v>74575</v>
      </c>
      <c r="H35" s="293">
        <v>402755</v>
      </c>
      <c r="I35" s="293">
        <v>393660</v>
      </c>
      <c r="J35" s="293">
        <v>165510</v>
      </c>
      <c r="K35" s="296">
        <v>1104700</v>
      </c>
      <c r="L35" s="297">
        <v>1104700</v>
      </c>
      <c r="M35" s="292">
        <v>0</v>
      </c>
      <c r="N35" s="293">
        <v>0</v>
      </c>
      <c r="O35" s="294">
        <v>0</v>
      </c>
      <c r="P35" s="298"/>
      <c r="Q35" s="293">
        <v>35495</v>
      </c>
      <c r="R35" s="293">
        <v>0</v>
      </c>
      <c r="S35" s="293">
        <v>103215</v>
      </c>
      <c r="T35" s="293">
        <v>219980</v>
      </c>
      <c r="U35" s="293">
        <v>67445</v>
      </c>
      <c r="V35" s="296">
        <v>426135</v>
      </c>
      <c r="W35" s="297">
        <v>426135</v>
      </c>
      <c r="X35" s="292">
        <v>0</v>
      </c>
      <c r="Y35" s="293">
        <v>0</v>
      </c>
      <c r="Z35" s="294">
        <v>0</v>
      </c>
      <c r="AA35" s="298"/>
      <c r="AB35" s="293">
        <v>32705</v>
      </c>
      <c r="AC35" s="293">
        <v>65410</v>
      </c>
      <c r="AD35" s="293">
        <v>65255</v>
      </c>
      <c r="AE35" s="293">
        <v>160580</v>
      </c>
      <c r="AF35" s="293">
        <v>35495</v>
      </c>
      <c r="AG35" s="296">
        <v>359445</v>
      </c>
      <c r="AH35" s="297">
        <v>359445</v>
      </c>
      <c r="AI35" s="292">
        <v>0</v>
      </c>
      <c r="AJ35" s="293">
        <v>0</v>
      </c>
      <c r="AK35" s="294">
        <v>0</v>
      </c>
      <c r="AL35" s="298"/>
      <c r="AM35" s="293">
        <v>0</v>
      </c>
      <c r="AN35" s="293">
        <v>0</v>
      </c>
      <c r="AO35" s="293">
        <v>0</v>
      </c>
      <c r="AP35" s="293">
        <v>0</v>
      </c>
      <c r="AQ35" s="293">
        <v>0</v>
      </c>
      <c r="AR35" s="296">
        <v>0</v>
      </c>
      <c r="AS35" s="297">
        <v>0</v>
      </c>
      <c r="AT35" s="292">
        <v>0</v>
      </c>
      <c r="AU35" s="293">
        <v>0</v>
      </c>
      <c r="AV35" s="294">
        <v>0</v>
      </c>
      <c r="AW35" s="298"/>
      <c r="AX35" s="293">
        <v>0</v>
      </c>
      <c r="AY35" s="293">
        <v>0</v>
      </c>
      <c r="AZ35" s="293">
        <v>0</v>
      </c>
      <c r="BA35" s="293">
        <v>0</v>
      </c>
      <c r="BB35" s="293">
        <v>32705</v>
      </c>
      <c r="BC35" s="296">
        <v>32705</v>
      </c>
      <c r="BD35" s="297">
        <v>32705</v>
      </c>
      <c r="BE35" s="292">
        <v>0</v>
      </c>
      <c r="BF35" s="293">
        <v>0</v>
      </c>
      <c r="BG35" s="294">
        <v>0</v>
      </c>
      <c r="BH35" s="298"/>
      <c r="BI35" s="293">
        <v>0</v>
      </c>
      <c r="BJ35" s="293">
        <v>0</v>
      </c>
      <c r="BK35" s="293">
        <v>204215</v>
      </c>
      <c r="BL35" s="293">
        <v>10540</v>
      </c>
      <c r="BM35" s="293">
        <v>24645</v>
      </c>
      <c r="BN35" s="296">
        <v>239400</v>
      </c>
      <c r="BO35" s="297">
        <v>239400</v>
      </c>
      <c r="BP35" s="292">
        <v>0</v>
      </c>
      <c r="BQ35" s="293">
        <v>0</v>
      </c>
      <c r="BR35" s="294">
        <v>0</v>
      </c>
      <c r="BS35" s="295">
        <v>0</v>
      </c>
      <c r="BT35" s="293">
        <v>0</v>
      </c>
      <c r="BU35" s="293">
        <v>9165</v>
      </c>
      <c r="BV35" s="293">
        <v>29780</v>
      </c>
      <c r="BW35" s="293">
        <v>2030</v>
      </c>
      <c r="BX35" s="293">
        <v>5220</v>
      </c>
      <c r="BY35" s="296">
        <v>46195</v>
      </c>
      <c r="BZ35" s="297">
        <v>46195</v>
      </c>
      <c r="CA35" s="292">
        <v>0</v>
      </c>
      <c r="CB35" s="293">
        <v>0</v>
      </c>
      <c r="CC35" s="294">
        <v>0</v>
      </c>
      <c r="CD35" s="295">
        <v>0</v>
      </c>
      <c r="CE35" s="293">
        <v>0</v>
      </c>
      <c r="CF35" s="293">
        <v>0</v>
      </c>
      <c r="CG35" s="293">
        <v>290</v>
      </c>
      <c r="CH35" s="293">
        <v>530</v>
      </c>
      <c r="CI35" s="293">
        <v>0</v>
      </c>
      <c r="CJ35" s="296">
        <v>820</v>
      </c>
      <c r="CK35" s="297">
        <v>820</v>
      </c>
      <c r="CL35" s="292">
        <v>0</v>
      </c>
      <c r="CM35" s="293">
        <v>0</v>
      </c>
      <c r="CN35" s="294">
        <v>0</v>
      </c>
      <c r="CO35" s="295">
        <v>0</v>
      </c>
      <c r="CP35" s="293">
        <v>0</v>
      </c>
      <c r="CQ35" s="293">
        <v>0</v>
      </c>
      <c r="CR35" s="293">
        <v>0</v>
      </c>
      <c r="CS35" s="293">
        <v>0</v>
      </c>
      <c r="CT35" s="293">
        <v>0</v>
      </c>
      <c r="CU35" s="296">
        <v>0</v>
      </c>
      <c r="CV35" s="297">
        <v>0</v>
      </c>
      <c r="CW35" s="292">
        <v>0</v>
      </c>
      <c r="CX35" s="293">
        <v>0</v>
      </c>
      <c r="CY35" s="294">
        <v>0</v>
      </c>
      <c r="CZ35" s="298"/>
      <c r="DA35" s="293">
        <v>0</v>
      </c>
      <c r="DB35" s="293">
        <v>0</v>
      </c>
      <c r="DC35" s="293">
        <v>0</v>
      </c>
      <c r="DD35" s="293">
        <v>0</v>
      </c>
      <c r="DE35" s="293">
        <v>0</v>
      </c>
      <c r="DF35" s="296">
        <v>0</v>
      </c>
      <c r="DG35" s="297">
        <v>0</v>
      </c>
      <c r="DH35" s="292">
        <v>0</v>
      </c>
      <c r="DI35" s="293">
        <v>0</v>
      </c>
      <c r="DJ35" s="294">
        <v>0</v>
      </c>
      <c r="DK35" s="295">
        <v>0</v>
      </c>
      <c r="DL35" s="293">
        <v>26722</v>
      </c>
      <c r="DM35" s="293">
        <v>22413</v>
      </c>
      <c r="DN35" s="293">
        <v>323629</v>
      </c>
      <c r="DO35" s="293">
        <v>364104</v>
      </c>
      <c r="DP35" s="293">
        <v>145500</v>
      </c>
      <c r="DQ35" s="296">
        <v>882368</v>
      </c>
      <c r="DR35" s="299">
        <v>882368</v>
      </c>
      <c r="DS35" s="292">
        <v>0</v>
      </c>
      <c r="DT35" s="293">
        <v>0</v>
      </c>
      <c r="DU35" s="294">
        <v>0</v>
      </c>
      <c r="DV35" s="298"/>
      <c r="DW35" s="293">
        <v>26505</v>
      </c>
      <c r="DX35" s="293">
        <v>0</v>
      </c>
      <c r="DY35" s="293">
        <v>132308</v>
      </c>
      <c r="DZ35" s="293">
        <v>271984</v>
      </c>
      <c r="EA35" s="293">
        <v>105865</v>
      </c>
      <c r="EB35" s="296">
        <v>536662</v>
      </c>
      <c r="EC35" s="297">
        <v>536662</v>
      </c>
      <c r="ED35" s="292">
        <v>0</v>
      </c>
      <c r="EE35" s="293">
        <v>0</v>
      </c>
      <c r="EF35" s="294">
        <v>0</v>
      </c>
      <c r="EG35" s="298"/>
      <c r="EH35" s="293">
        <v>217</v>
      </c>
      <c r="EI35" s="293">
        <v>403</v>
      </c>
      <c r="EJ35" s="293">
        <v>11935</v>
      </c>
      <c r="EK35" s="293">
        <v>38471</v>
      </c>
      <c r="EL35" s="293">
        <v>11687</v>
      </c>
      <c r="EM35" s="296">
        <v>62713</v>
      </c>
      <c r="EN35" s="297">
        <v>62713</v>
      </c>
      <c r="EO35" s="292">
        <v>0</v>
      </c>
      <c r="EP35" s="293">
        <v>0</v>
      </c>
      <c r="EQ35" s="294">
        <v>0</v>
      </c>
      <c r="ER35" s="298"/>
      <c r="ES35" s="293">
        <v>0</v>
      </c>
      <c r="ET35" s="293">
        <v>0</v>
      </c>
      <c r="EU35" s="293">
        <v>0</v>
      </c>
      <c r="EV35" s="293">
        <v>0</v>
      </c>
      <c r="EW35" s="293">
        <v>0</v>
      </c>
      <c r="EX35" s="296">
        <v>0</v>
      </c>
      <c r="EY35" s="297">
        <v>0</v>
      </c>
      <c r="EZ35" s="292">
        <v>0</v>
      </c>
      <c r="FA35" s="293">
        <v>0</v>
      </c>
      <c r="FB35" s="294">
        <v>0</v>
      </c>
      <c r="FC35" s="298"/>
      <c r="FD35" s="293">
        <v>0</v>
      </c>
      <c r="FE35" s="293">
        <v>0</v>
      </c>
      <c r="FF35" s="293">
        <v>0</v>
      </c>
      <c r="FG35" s="293">
        <v>0</v>
      </c>
      <c r="FH35" s="293">
        <v>217</v>
      </c>
      <c r="FI35" s="296">
        <v>217</v>
      </c>
      <c r="FJ35" s="297">
        <v>217</v>
      </c>
      <c r="FK35" s="292">
        <v>0</v>
      </c>
      <c r="FL35" s="293">
        <v>0</v>
      </c>
      <c r="FM35" s="294">
        <v>0</v>
      </c>
      <c r="FN35" s="298"/>
      <c r="FO35" s="293">
        <v>0</v>
      </c>
      <c r="FP35" s="293">
        <v>0</v>
      </c>
      <c r="FQ35" s="293">
        <v>153465</v>
      </c>
      <c r="FR35" s="293">
        <v>43524</v>
      </c>
      <c r="FS35" s="293">
        <v>10881</v>
      </c>
      <c r="FT35" s="296">
        <v>207870</v>
      </c>
      <c r="FU35" s="297">
        <v>207870</v>
      </c>
      <c r="FV35" s="292">
        <v>0</v>
      </c>
      <c r="FW35" s="293">
        <v>0</v>
      </c>
      <c r="FX35" s="294">
        <v>0</v>
      </c>
      <c r="FY35" s="295">
        <v>0</v>
      </c>
      <c r="FZ35" s="293">
        <v>0</v>
      </c>
      <c r="GA35" s="293">
        <v>22010</v>
      </c>
      <c r="GB35" s="293">
        <v>24489</v>
      </c>
      <c r="GC35" s="293">
        <v>7977</v>
      </c>
      <c r="GD35" s="293">
        <v>16850</v>
      </c>
      <c r="GE35" s="296">
        <v>71326</v>
      </c>
      <c r="GF35" s="297">
        <v>71326</v>
      </c>
      <c r="GG35" s="292">
        <v>0</v>
      </c>
      <c r="GH35" s="293">
        <v>0</v>
      </c>
      <c r="GI35" s="294">
        <v>0</v>
      </c>
      <c r="GJ35" s="295">
        <v>0</v>
      </c>
      <c r="GK35" s="293">
        <v>0</v>
      </c>
      <c r="GL35" s="293">
        <v>0</v>
      </c>
      <c r="GM35" s="293">
        <v>1432</v>
      </c>
      <c r="GN35" s="293">
        <v>2148</v>
      </c>
      <c r="GO35" s="293">
        <v>0</v>
      </c>
      <c r="GP35" s="296">
        <v>3580</v>
      </c>
      <c r="GQ35" s="297">
        <v>3580</v>
      </c>
      <c r="GR35" s="292">
        <v>0</v>
      </c>
      <c r="GS35" s="293">
        <v>0</v>
      </c>
      <c r="GT35" s="294">
        <v>0</v>
      </c>
      <c r="GU35" s="295">
        <v>0</v>
      </c>
      <c r="GV35" s="293">
        <v>0</v>
      </c>
      <c r="GW35" s="293">
        <v>0</v>
      </c>
      <c r="GX35" s="293">
        <v>0</v>
      </c>
      <c r="GY35" s="293">
        <v>0</v>
      </c>
      <c r="GZ35" s="293">
        <v>0</v>
      </c>
      <c r="HA35" s="296">
        <v>0</v>
      </c>
      <c r="HB35" s="297">
        <v>0</v>
      </c>
      <c r="HC35" s="292">
        <v>0</v>
      </c>
      <c r="HD35" s="293">
        <v>0</v>
      </c>
      <c r="HE35" s="294">
        <v>0</v>
      </c>
      <c r="HF35" s="298"/>
      <c r="HG35" s="293">
        <v>0</v>
      </c>
      <c r="HH35" s="293">
        <v>0</v>
      </c>
      <c r="HI35" s="293">
        <v>0</v>
      </c>
      <c r="HJ35" s="293">
        <v>0</v>
      </c>
      <c r="HK35" s="293">
        <v>0</v>
      </c>
      <c r="HL35" s="296">
        <v>0</v>
      </c>
      <c r="HM35" s="297">
        <v>0</v>
      </c>
      <c r="HN35" s="292">
        <v>0</v>
      </c>
      <c r="HO35" s="293">
        <v>0</v>
      </c>
      <c r="HP35" s="294">
        <v>0</v>
      </c>
      <c r="HQ35" s="295">
        <v>0</v>
      </c>
      <c r="HR35" s="293">
        <v>94922</v>
      </c>
      <c r="HS35" s="293">
        <v>96988</v>
      </c>
      <c r="HT35" s="293">
        <v>726384</v>
      </c>
      <c r="HU35" s="293">
        <v>757764</v>
      </c>
      <c r="HV35" s="293">
        <v>311010</v>
      </c>
      <c r="HW35" s="296">
        <v>1987068</v>
      </c>
      <c r="HX35" s="297">
        <v>1987068</v>
      </c>
    </row>
    <row r="36" spans="1:232" ht="21" customHeight="1" x14ac:dyDescent="0.2">
      <c r="A36" s="498" t="s">
        <v>33</v>
      </c>
      <c r="B36" s="292">
        <v>0</v>
      </c>
      <c r="C36" s="293">
        <v>0</v>
      </c>
      <c r="D36" s="294">
        <v>0</v>
      </c>
      <c r="E36" s="295">
        <v>0</v>
      </c>
      <c r="F36" s="293">
        <v>87845</v>
      </c>
      <c r="G36" s="293">
        <v>157265</v>
      </c>
      <c r="H36" s="293">
        <v>543795</v>
      </c>
      <c r="I36" s="293">
        <v>548270</v>
      </c>
      <c r="J36" s="293">
        <v>308760</v>
      </c>
      <c r="K36" s="296">
        <v>1645935</v>
      </c>
      <c r="L36" s="297">
        <v>1645935</v>
      </c>
      <c r="M36" s="292">
        <v>0</v>
      </c>
      <c r="N36" s="293">
        <v>0</v>
      </c>
      <c r="O36" s="294">
        <v>0</v>
      </c>
      <c r="P36" s="298"/>
      <c r="Q36" s="293">
        <v>0</v>
      </c>
      <c r="R36" s="293">
        <v>27280</v>
      </c>
      <c r="S36" s="293">
        <v>232270</v>
      </c>
      <c r="T36" s="293">
        <v>360665</v>
      </c>
      <c r="U36" s="293">
        <v>219520</v>
      </c>
      <c r="V36" s="296">
        <v>839735</v>
      </c>
      <c r="W36" s="297">
        <v>839735</v>
      </c>
      <c r="X36" s="292">
        <v>0</v>
      </c>
      <c r="Y36" s="293">
        <v>0</v>
      </c>
      <c r="Z36" s="294">
        <v>0</v>
      </c>
      <c r="AA36" s="298"/>
      <c r="AB36" s="293">
        <v>62620</v>
      </c>
      <c r="AC36" s="293">
        <v>65410</v>
      </c>
      <c r="AD36" s="293">
        <v>258795</v>
      </c>
      <c r="AE36" s="293">
        <v>138725</v>
      </c>
      <c r="AF36" s="293">
        <v>37890</v>
      </c>
      <c r="AG36" s="296">
        <v>563440</v>
      </c>
      <c r="AH36" s="297">
        <v>563440</v>
      </c>
      <c r="AI36" s="292">
        <v>0</v>
      </c>
      <c r="AJ36" s="293">
        <v>0</v>
      </c>
      <c r="AK36" s="294">
        <v>0</v>
      </c>
      <c r="AL36" s="298"/>
      <c r="AM36" s="293">
        <v>0</v>
      </c>
      <c r="AN36" s="293">
        <v>0</v>
      </c>
      <c r="AO36" s="293">
        <v>0</v>
      </c>
      <c r="AP36" s="293">
        <v>0</v>
      </c>
      <c r="AQ36" s="293">
        <v>0</v>
      </c>
      <c r="AR36" s="296">
        <v>0</v>
      </c>
      <c r="AS36" s="297">
        <v>0</v>
      </c>
      <c r="AT36" s="292">
        <v>0</v>
      </c>
      <c r="AU36" s="293">
        <v>0</v>
      </c>
      <c r="AV36" s="294">
        <v>0</v>
      </c>
      <c r="AW36" s="298"/>
      <c r="AX36" s="293">
        <v>24645</v>
      </c>
      <c r="AY36" s="293">
        <v>62775</v>
      </c>
      <c r="AZ36" s="293">
        <v>40220</v>
      </c>
      <c r="BA36" s="293">
        <v>35495</v>
      </c>
      <c r="BB36" s="293">
        <v>51350</v>
      </c>
      <c r="BC36" s="296">
        <v>214485</v>
      </c>
      <c r="BD36" s="297">
        <v>214485</v>
      </c>
      <c r="BE36" s="292">
        <v>0</v>
      </c>
      <c r="BF36" s="293">
        <v>0</v>
      </c>
      <c r="BG36" s="294">
        <v>0</v>
      </c>
      <c r="BH36" s="298"/>
      <c r="BI36" s="293">
        <v>0</v>
      </c>
      <c r="BJ36" s="293">
        <v>0</v>
      </c>
      <c r="BK36" s="293">
        <v>0</v>
      </c>
      <c r="BL36" s="293">
        <v>0</v>
      </c>
      <c r="BM36" s="293">
        <v>0</v>
      </c>
      <c r="BN36" s="296">
        <v>0</v>
      </c>
      <c r="BO36" s="297">
        <v>0</v>
      </c>
      <c r="BP36" s="292">
        <v>0</v>
      </c>
      <c r="BQ36" s="293">
        <v>0</v>
      </c>
      <c r="BR36" s="294">
        <v>0</v>
      </c>
      <c r="BS36" s="295">
        <v>0</v>
      </c>
      <c r="BT36" s="293">
        <v>580</v>
      </c>
      <c r="BU36" s="293">
        <v>1800</v>
      </c>
      <c r="BV36" s="293">
        <v>12510</v>
      </c>
      <c r="BW36" s="293">
        <v>13385</v>
      </c>
      <c r="BX36" s="293">
        <v>0</v>
      </c>
      <c r="BY36" s="296">
        <v>28275</v>
      </c>
      <c r="BZ36" s="297">
        <v>28275</v>
      </c>
      <c r="CA36" s="292">
        <v>0</v>
      </c>
      <c r="CB36" s="293">
        <v>0</v>
      </c>
      <c r="CC36" s="294">
        <v>0</v>
      </c>
      <c r="CD36" s="295">
        <v>0</v>
      </c>
      <c r="CE36" s="293">
        <v>0</v>
      </c>
      <c r="CF36" s="293">
        <v>0</v>
      </c>
      <c r="CG36" s="293">
        <v>0</v>
      </c>
      <c r="CH36" s="293">
        <v>0</v>
      </c>
      <c r="CI36" s="293">
        <v>0</v>
      </c>
      <c r="CJ36" s="296">
        <v>0</v>
      </c>
      <c r="CK36" s="297">
        <v>0</v>
      </c>
      <c r="CL36" s="292">
        <v>0</v>
      </c>
      <c r="CM36" s="293">
        <v>0</v>
      </c>
      <c r="CN36" s="294">
        <v>0</v>
      </c>
      <c r="CO36" s="295">
        <v>0</v>
      </c>
      <c r="CP36" s="293">
        <v>0</v>
      </c>
      <c r="CQ36" s="293">
        <v>0</v>
      </c>
      <c r="CR36" s="293">
        <v>0</v>
      </c>
      <c r="CS36" s="293">
        <v>0</v>
      </c>
      <c r="CT36" s="293">
        <v>0</v>
      </c>
      <c r="CU36" s="296">
        <v>0</v>
      </c>
      <c r="CV36" s="297">
        <v>0</v>
      </c>
      <c r="CW36" s="292">
        <v>0</v>
      </c>
      <c r="CX36" s="293">
        <v>0</v>
      </c>
      <c r="CY36" s="294">
        <v>0</v>
      </c>
      <c r="CZ36" s="298"/>
      <c r="DA36" s="293">
        <v>0</v>
      </c>
      <c r="DB36" s="293">
        <v>0</v>
      </c>
      <c r="DC36" s="293">
        <v>0</v>
      </c>
      <c r="DD36" s="293">
        <v>0</v>
      </c>
      <c r="DE36" s="293">
        <v>0</v>
      </c>
      <c r="DF36" s="296">
        <v>0</v>
      </c>
      <c r="DG36" s="297">
        <v>0</v>
      </c>
      <c r="DH36" s="292">
        <v>0</v>
      </c>
      <c r="DI36" s="293">
        <v>0</v>
      </c>
      <c r="DJ36" s="294">
        <v>0</v>
      </c>
      <c r="DK36" s="295">
        <v>0</v>
      </c>
      <c r="DL36" s="293">
        <v>3191</v>
      </c>
      <c r="DM36" s="293">
        <v>64184</v>
      </c>
      <c r="DN36" s="293">
        <v>312790</v>
      </c>
      <c r="DO36" s="293">
        <v>444046</v>
      </c>
      <c r="DP36" s="293">
        <v>188916</v>
      </c>
      <c r="DQ36" s="296">
        <v>1013127</v>
      </c>
      <c r="DR36" s="299">
        <v>1013127</v>
      </c>
      <c r="DS36" s="292">
        <v>0</v>
      </c>
      <c r="DT36" s="293">
        <v>0</v>
      </c>
      <c r="DU36" s="294">
        <v>0</v>
      </c>
      <c r="DV36" s="298"/>
      <c r="DW36" s="293">
        <v>0</v>
      </c>
      <c r="DX36" s="293">
        <v>36611</v>
      </c>
      <c r="DY36" s="293">
        <v>273407</v>
      </c>
      <c r="DZ36" s="293">
        <v>417722</v>
      </c>
      <c r="EA36" s="293">
        <v>187761</v>
      </c>
      <c r="EB36" s="296">
        <v>915501</v>
      </c>
      <c r="EC36" s="297">
        <v>915501</v>
      </c>
      <c r="ED36" s="292">
        <v>0</v>
      </c>
      <c r="EE36" s="293">
        <v>0</v>
      </c>
      <c r="EF36" s="294">
        <v>0</v>
      </c>
      <c r="EG36" s="298"/>
      <c r="EH36" s="293">
        <v>868</v>
      </c>
      <c r="EI36" s="293">
        <v>12338</v>
      </c>
      <c r="EJ36" s="293">
        <v>24809</v>
      </c>
      <c r="EK36" s="293">
        <v>1519</v>
      </c>
      <c r="EL36" s="293">
        <v>434</v>
      </c>
      <c r="EM36" s="296">
        <v>39968</v>
      </c>
      <c r="EN36" s="297">
        <v>39968</v>
      </c>
      <c r="EO36" s="292">
        <v>0</v>
      </c>
      <c r="EP36" s="293">
        <v>0</v>
      </c>
      <c r="EQ36" s="294">
        <v>0</v>
      </c>
      <c r="ER36" s="298"/>
      <c r="ES36" s="293">
        <v>0</v>
      </c>
      <c r="ET36" s="293">
        <v>0</v>
      </c>
      <c r="EU36" s="293">
        <v>0</v>
      </c>
      <c r="EV36" s="293">
        <v>0</v>
      </c>
      <c r="EW36" s="293">
        <v>0</v>
      </c>
      <c r="EX36" s="296">
        <v>0</v>
      </c>
      <c r="EY36" s="297">
        <v>0</v>
      </c>
      <c r="EZ36" s="292">
        <v>0</v>
      </c>
      <c r="FA36" s="293">
        <v>0</v>
      </c>
      <c r="FB36" s="294">
        <v>0</v>
      </c>
      <c r="FC36" s="298"/>
      <c r="FD36" s="293">
        <v>217</v>
      </c>
      <c r="FE36" s="293">
        <v>12121</v>
      </c>
      <c r="FF36" s="293">
        <v>4044</v>
      </c>
      <c r="FG36" s="293">
        <v>11687</v>
      </c>
      <c r="FH36" s="293">
        <v>721</v>
      </c>
      <c r="FI36" s="296">
        <v>28790</v>
      </c>
      <c r="FJ36" s="297">
        <v>28790</v>
      </c>
      <c r="FK36" s="292">
        <v>0</v>
      </c>
      <c r="FL36" s="293">
        <v>0</v>
      </c>
      <c r="FM36" s="294">
        <v>0</v>
      </c>
      <c r="FN36" s="298"/>
      <c r="FO36" s="293">
        <v>0</v>
      </c>
      <c r="FP36" s="293">
        <v>0</v>
      </c>
      <c r="FQ36" s="293">
        <v>0</v>
      </c>
      <c r="FR36" s="293">
        <v>0</v>
      </c>
      <c r="FS36" s="293">
        <v>0</v>
      </c>
      <c r="FT36" s="296">
        <v>0</v>
      </c>
      <c r="FU36" s="297">
        <v>0</v>
      </c>
      <c r="FV36" s="292">
        <v>0</v>
      </c>
      <c r="FW36" s="293">
        <v>0</v>
      </c>
      <c r="FX36" s="294">
        <v>0</v>
      </c>
      <c r="FY36" s="295">
        <v>0</v>
      </c>
      <c r="FZ36" s="293">
        <v>2106</v>
      </c>
      <c r="GA36" s="293">
        <v>3114</v>
      </c>
      <c r="GB36" s="293">
        <v>10530</v>
      </c>
      <c r="GC36" s="293">
        <v>13118</v>
      </c>
      <c r="GD36" s="293">
        <v>0</v>
      </c>
      <c r="GE36" s="296">
        <v>28868</v>
      </c>
      <c r="GF36" s="297">
        <v>28868</v>
      </c>
      <c r="GG36" s="292">
        <v>0</v>
      </c>
      <c r="GH36" s="293">
        <v>0</v>
      </c>
      <c r="GI36" s="294">
        <v>0</v>
      </c>
      <c r="GJ36" s="295">
        <v>0</v>
      </c>
      <c r="GK36" s="293">
        <v>0</v>
      </c>
      <c r="GL36" s="293">
        <v>0</v>
      </c>
      <c r="GM36" s="293">
        <v>0</v>
      </c>
      <c r="GN36" s="293">
        <v>0</v>
      </c>
      <c r="GO36" s="293">
        <v>0</v>
      </c>
      <c r="GP36" s="296">
        <v>0</v>
      </c>
      <c r="GQ36" s="297">
        <v>0</v>
      </c>
      <c r="GR36" s="292">
        <v>0</v>
      </c>
      <c r="GS36" s="293">
        <v>0</v>
      </c>
      <c r="GT36" s="294">
        <v>0</v>
      </c>
      <c r="GU36" s="295">
        <v>0</v>
      </c>
      <c r="GV36" s="293">
        <v>0</v>
      </c>
      <c r="GW36" s="293">
        <v>0</v>
      </c>
      <c r="GX36" s="293">
        <v>0</v>
      </c>
      <c r="GY36" s="293">
        <v>0</v>
      </c>
      <c r="GZ36" s="293">
        <v>0</v>
      </c>
      <c r="HA36" s="296">
        <v>0</v>
      </c>
      <c r="HB36" s="297">
        <v>0</v>
      </c>
      <c r="HC36" s="292">
        <v>0</v>
      </c>
      <c r="HD36" s="293">
        <v>0</v>
      </c>
      <c r="HE36" s="294">
        <v>0</v>
      </c>
      <c r="HF36" s="298"/>
      <c r="HG36" s="293">
        <v>0</v>
      </c>
      <c r="HH36" s="293">
        <v>0</v>
      </c>
      <c r="HI36" s="293">
        <v>0</v>
      </c>
      <c r="HJ36" s="293">
        <v>0</v>
      </c>
      <c r="HK36" s="293">
        <v>0</v>
      </c>
      <c r="HL36" s="296">
        <v>0</v>
      </c>
      <c r="HM36" s="297">
        <v>0</v>
      </c>
      <c r="HN36" s="292">
        <v>0</v>
      </c>
      <c r="HO36" s="293">
        <v>0</v>
      </c>
      <c r="HP36" s="294">
        <v>0</v>
      </c>
      <c r="HQ36" s="295">
        <v>0</v>
      </c>
      <c r="HR36" s="293">
        <v>91036</v>
      </c>
      <c r="HS36" s="293">
        <v>221449</v>
      </c>
      <c r="HT36" s="293">
        <v>856585</v>
      </c>
      <c r="HU36" s="293">
        <v>992316</v>
      </c>
      <c r="HV36" s="293">
        <v>497676</v>
      </c>
      <c r="HW36" s="296">
        <v>2659062</v>
      </c>
      <c r="HX36" s="297">
        <v>2659062</v>
      </c>
    </row>
    <row r="37" spans="1:232" ht="21" customHeight="1" x14ac:dyDescent="0.2">
      <c r="A37" s="498" t="s">
        <v>34</v>
      </c>
      <c r="B37" s="292">
        <v>0</v>
      </c>
      <c r="C37" s="293">
        <v>0</v>
      </c>
      <c r="D37" s="294">
        <v>0</v>
      </c>
      <c r="E37" s="295">
        <v>0</v>
      </c>
      <c r="F37" s="293">
        <v>26770</v>
      </c>
      <c r="G37" s="293">
        <v>67280</v>
      </c>
      <c r="H37" s="293">
        <v>73450</v>
      </c>
      <c r="I37" s="293">
        <v>320085</v>
      </c>
      <c r="J37" s="293">
        <v>146494</v>
      </c>
      <c r="K37" s="296">
        <v>634079</v>
      </c>
      <c r="L37" s="297">
        <v>634079</v>
      </c>
      <c r="M37" s="292">
        <v>0</v>
      </c>
      <c r="N37" s="293">
        <v>0</v>
      </c>
      <c r="O37" s="294">
        <v>0</v>
      </c>
      <c r="P37" s="298"/>
      <c r="Q37" s="293">
        <v>0</v>
      </c>
      <c r="R37" s="293">
        <v>0</v>
      </c>
      <c r="S37" s="293">
        <v>40610</v>
      </c>
      <c r="T37" s="293">
        <v>272490</v>
      </c>
      <c r="U37" s="293">
        <v>138880</v>
      </c>
      <c r="V37" s="296">
        <v>451980</v>
      </c>
      <c r="W37" s="297">
        <v>451980</v>
      </c>
      <c r="X37" s="292">
        <v>0</v>
      </c>
      <c r="Y37" s="293">
        <v>0</v>
      </c>
      <c r="Z37" s="294">
        <v>0</v>
      </c>
      <c r="AA37" s="298"/>
      <c r="AB37" s="293">
        <v>26770</v>
      </c>
      <c r="AC37" s="293">
        <v>67280</v>
      </c>
      <c r="AD37" s="293">
        <v>32550</v>
      </c>
      <c r="AE37" s="293">
        <v>29390</v>
      </c>
      <c r="AF37" s="293">
        <v>2635</v>
      </c>
      <c r="AG37" s="296">
        <v>158625</v>
      </c>
      <c r="AH37" s="297">
        <v>158625</v>
      </c>
      <c r="AI37" s="292">
        <v>0</v>
      </c>
      <c r="AJ37" s="293">
        <v>0</v>
      </c>
      <c r="AK37" s="294">
        <v>0</v>
      </c>
      <c r="AL37" s="298"/>
      <c r="AM37" s="293">
        <v>0</v>
      </c>
      <c r="AN37" s="293">
        <v>0</v>
      </c>
      <c r="AO37" s="293">
        <v>0</v>
      </c>
      <c r="AP37" s="293">
        <v>0</v>
      </c>
      <c r="AQ37" s="293">
        <v>0</v>
      </c>
      <c r="AR37" s="296">
        <v>0</v>
      </c>
      <c r="AS37" s="297">
        <v>0</v>
      </c>
      <c r="AT37" s="292">
        <v>0</v>
      </c>
      <c r="AU37" s="293">
        <v>0</v>
      </c>
      <c r="AV37" s="294">
        <v>0</v>
      </c>
      <c r="AW37" s="298"/>
      <c r="AX37" s="293">
        <v>0</v>
      </c>
      <c r="AY37" s="293">
        <v>0</v>
      </c>
      <c r="AZ37" s="293">
        <v>0</v>
      </c>
      <c r="BA37" s="293">
        <v>11130</v>
      </c>
      <c r="BB37" s="293">
        <v>0</v>
      </c>
      <c r="BC37" s="296">
        <v>11130</v>
      </c>
      <c r="BD37" s="297">
        <v>11130</v>
      </c>
      <c r="BE37" s="292">
        <v>0</v>
      </c>
      <c r="BF37" s="293">
        <v>0</v>
      </c>
      <c r="BG37" s="294">
        <v>0</v>
      </c>
      <c r="BH37" s="298"/>
      <c r="BI37" s="293">
        <v>0</v>
      </c>
      <c r="BJ37" s="293">
        <v>0</v>
      </c>
      <c r="BK37" s="293">
        <v>0</v>
      </c>
      <c r="BL37" s="293">
        <v>0</v>
      </c>
      <c r="BM37" s="293">
        <v>0</v>
      </c>
      <c r="BN37" s="296">
        <v>0</v>
      </c>
      <c r="BO37" s="297">
        <v>0</v>
      </c>
      <c r="BP37" s="292">
        <v>0</v>
      </c>
      <c r="BQ37" s="293">
        <v>0</v>
      </c>
      <c r="BR37" s="294">
        <v>0</v>
      </c>
      <c r="BS37" s="295">
        <v>0</v>
      </c>
      <c r="BT37" s="293">
        <v>0</v>
      </c>
      <c r="BU37" s="293">
        <v>0</v>
      </c>
      <c r="BV37" s="293">
        <v>290</v>
      </c>
      <c r="BW37" s="293">
        <v>0</v>
      </c>
      <c r="BX37" s="293">
        <v>4979</v>
      </c>
      <c r="BY37" s="296">
        <v>5269</v>
      </c>
      <c r="BZ37" s="297">
        <v>5269</v>
      </c>
      <c r="CA37" s="292">
        <v>0</v>
      </c>
      <c r="CB37" s="293">
        <v>0</v>
      </c>
      <c r="CC37" s="294">
        <v>0</v>
      </c>
      <c r="CD37" s="295">
        <v>0</v>
      </c>
      <c r="CE37" s="293">
        <v>0</v>
      </c>
      <c r="CF37" s="293">
        <v>0</v>
      </c>
      <c r="CG37" s="293">
        <v>0</v>
      </c>
      <c r="CH37" s="293">
        <v>7075</v>
      </c>
      <c r="CI37" s="293">
        <v>0</v>
      </c>
      <c r="CJ37" s="296">
        <v>7075</v>
      </c>
      <c r="CK37" s="297">
        <v>7075</v>
      </c>
      <c r="CL37" s="292">
        <v>0</v>
      </c>
      <c r="CM37" s="293">
        <v>0</v>
      </c>
      <c r="CN37" s="294">
        <v>0</v>
      </c>
      <c r="CO37" s="295">
        <v>0</v>
      </c>
      <c r="CP37" s="293">
        <v>0</v>
      </c>
      <c r="CQ37" s="293">
        <v>0</v>
      </c>
      <c r="CR37" s="293">
        <v>0</v>
      </c>
      <c r="CS37" s="293">
        <v>0</v>
      </c>
      <c r="CT37" s="293">
        <v>0</v>
      </c>
      <c r="CU37" s="296">
        <v>0</v>
      </c>
      <c r="CV37" s="297">
        <v>0</v>
      </c>
      <c r="CW37" s="292">
        <v>0</v>
      </c>
      <c r="CX37" s="293">
        <v>0</v>
      </c>
      <c r="CY37" s="294">
        <v>0</v>
      </c>
      <c r="CZ37" s="298"/>
      <c r="DA37" s="293">
        <v>0</v>
      </c>
      <c r="DB37" s="293">
        <v>0</v>
      </c>
      <c r="DC37" s="293">
        <v>0</v>
      </c>
      <c r="DD37" s="293">
        <v>0</v>
      </c>
      <c r="DE37" s="293">
        <v>0</v>
      </c>
      <c r="DF37" s="296">
        <v>0</v>
      </c>
      <c r="DG37" s="297">
        <v>0</v>
      </c>
      <c r="DH37" s="292">
        <v>0</v>
      </c>
      <c r="DI37" s="293">
        <v>0</v>
      </c>
      <c r="DJ37" s="294">
        <v>0</v>
      </c>
      <c r="DK37" s="295">
        <v>0</v>
      </c>
      <c r="DL37" s="293">
        <v>368</v>
      </c>
      <c r="DM37" s="293">
        <v>12499</v>
      </c>
      <c r="DN37" s="293">
        <v>105146</v>
      </c>
      <c r="DO37" s="293">
        <v>296239</v>
      </c>
      <c r="DP37" s="293">
        <v>168881</v>
      </c>
      <c r="DQ37" s="296">
        <v>583133</v>
      </c>
      <c r="DR37" s="299">
        <v>583133</v>
      </c>
      <c r="DS37" s="292">
        <v>0</v>
      </c>
      <c r="DT37" s="293">
        <v>0</v>
      </c>
      <c r="DU37" s="294">
        <v>0</v>
      </c>
      <c r="DV37" s="298"/>
      <c r="DW37" s="293">
        <v>0</v>
      </c>
      <c r="DX37" s="293">
        <v>0</v>
      </c>
      <c r="DY37" s="293">
        <v>101494</v>
      </c>
      <c r="DZ37" s="293">
        <v>295476</v>
      </c>
      <c r="EA37" s="293">
        <v>158224</v>
      </c>
      <c r="EB37" s="296">
        <v>555194</v>
      </c>
      <c r="EC37" s="297">
        <v>555194</v>
      </c>
      <c r="ED37" s="292">
        <v>0</v>
      </c>
      <c r="EE37" s="293">
        <v>0</v>
      </c>
      <c r="EF37" s="294">
        <v>0</v>
      </c>
      <c r="EG37" s="298"/>
      <c r="EH37" s="293">
        <v>368</v>
      </c>
      <c r="EI37" s="293">
        <v>12499</v>
      </c>
      <c r="EJ37" s="293">
        <v>868</v>
      </c>
      <c r="EK37" s="293">
        <v>595</v>
      </c>
      <c r="EL37" s="293">
        <v>217</v>
      </c>
      <c r="EM37" s="296">
        <v>14547</v>
      </c>
      <c r="EN37" s="297">
        <v>14547</v>
      </c>
      <c r="EO37" s="292">
        <v>0</v>
      </c>
      <c r="EP37" s="293">
        <v>0</v>
      </c>
      <c r="EQ37" s="294">
        <v>0</v>
      </c>
      <c r="ER37" s="298"/>
      <c r="ES37" s="293">
        <v>0</v>
      </c>
      <c r="ET37" s="293">
        <v>0</v>
      </c>
      <c r="EU37" s="293">
        <v>0</v>
      </c>
      <c r="EV37" s="293">
        <v>0</v>
      </c>
      <c r="EW37" s="293">
        <v>0</v>
      </c>
      <c r="EX37" s="296">
        <v>0</v>
      </c>
      <c r="EY37" s="297">
        <v>0</v>
      </c>
      <c r="EZ37" s="292">
        <v>0</v>
      </c>
      <c r="FA37" s="293">
        <v>0</v>
      </c>
      <c r="FB37" s="294">
        <v>0</v>
      </c>
      <c r="FC37" s="298"/>
      <c r="FD37" s="293">
        <v>0</v>
      </c>
      <c r="FE37" s="293">
        <v>0</v>
      </c>
      <c r="FF37" s="293">
        <v>0</v>
      </c>
      <c r="FG37" s="293">
        <v>105</v>
      </c>
      <c r="FH37" s="293">
        <v>0</v>
      </c>
      <c r="FI37" s="296">
        <v>105</v>
      </c>
      <c r="FJ37" s="297">
        <v>105</v>
      </c>
      <c r="FK37" s="292">
        <v>0</v>
      </c>
      <c r="FL37" s="293">
        <v>0</v>
      </c>
      <c r="FM37" s="294">
        <v>0</v>
      </c>
      <c r="FN37" s="298"/>
      <c r="FO37" s="293">
        <v>0</v>
      </c>
      <c r="FP37" s="293">
        <v>0</v>
      </c>
      <c r="FQ37" s="293">
        <v>0</v>
      </c>
      <c r="FR37" s="293">
        <v>0</v>
      </c>
      <c r="FS37" s="293">
        <v>0</v>
      </c>
      <c r="FT37" s="296">
        <v>0</v>
      </c>
      <c r="FU37" s="297">
        <v>0</v>
      </c>
      <c r="FV37" s="292">
        <v>0</v>
      </c>
      <c r="FW37" s="293">
        <v>0</v>
      </c>
      <c r="FX37" s="294">
        <v>0</v>
      </c>
      <c r="FY37" s="295">
        <v>0</v>
      </c>
      <c r="FZ37" s="293">
        <v>0</v>
      </c>
      <c r="GA37" s="293">
        <v>0</v>
      </c>
      <c r="GB37" s="293">
        <v>2784</v>
      </c>
      <c r="GC37" s="293">
        <v>0</v>
      </c>
      <c r="GD37" s="293">
        <v>10440</v>
      </c>
      <c r="GE37" s="296">
        <v>13224</v>
      </c>
      <c r="GF37" s="297">
        <v>13224</v>
      </c>
      <c r="GG37" s="292">
        <v>0</v>
      </c>
      <c r="GH37" s="293">
        <v>0</v>
      </c>
      <c r="GI37" s="294">
        <v>0</v>
      </c>
      <c r="GJ37" s="295">
        <v>0</v>
      </c>
      <c r="GK37" s="293">
        <v>0</v>
      </c>
      <c r="GL37" s="293">
        <v>0</v>
      </c>
      <c r="GM37" s="293">
        <v>0</v>
      </c>
      <c r="GN37" s="293">
        <v>63</v>
      </c>
      <c r="GO37" s="293">
        <v>0</v>
      </c>
      <c r="GP37" s="296">
        <v>63</v>
      </c>
      <c r="GQ37" s="297">
        <v>63</v>
      </c>
      <c r="GR37" s="292">
        <v>0</v>
      </c>
      <c r="GS37" s="293">
        <v>0</v>
      </c>
      <c r="GT37" s="294">
        <v>0</v>
      </c>
      <c r="GU37" s="295">
        <v>0</v>
      </c>
      <c r="GV37" s="293">
        <v>0</v>
      </c>
      <c r="GW37" s="293">
        <v>0</v>
      </c>
      <c r="GX37" s="293">
        <v>0</v>
      </c>
      <c r="GY37" s="293">
        <v>0</v>
      </c>
      <c r="GZ37" s="293">
        <v>0</v>
      </c>
      <c r="HA37" s="296">
        <v>0</v>
      </c>
      <c r="HB37" s="297">
        <v>0</v>
      </c>
      <c r="HC37" s="292">
        <v>0</v>
      </c>
      <c r="HD37" s="293">
        <v>0</v>
      </c>
      <c r="HE37" s="294">
        <v>0</v>
      </c>
      <c r="HF37" s="298"/>
      <c r="HG37" s="293">
        <v>0</v>
      </c>
      <c r="HH37" s="293">
        <v>0</v>
      </c>
      <c r="HI37" s="293">
        <v>0</v>
      </c>
      <c r="HJ37" s="293">
        <v>0</v>
      </c>
      <c r="HK37" s="293">
        <v>0</v>
      </c>
      <c r="HL37" s="296">
        <v>0</v>
      </c>
      <c r="HM37" s="297">
        <v>0</v>
      </c>
      <c r="HN37" s="292">
        <v>0</v>
      </c>
      <c r="HO37" s="293">
        <v>0</v>
      </c>
      <c r="HP37" s="294">
        <v>0</v>
      </c>
      <c r="HQ37" s="295">
        <v>0</v>
      </c>
      <c r="HR37" s="293">
        <v>27138</v>
      </c>
      <c r="HS37" s="293">
        <v>79779</v>
      </c>
      <c r="HT37" s="293">
        <v>178596</v>
      </c>
      <c r="HU37" s="293">
        <v>616324</v>
      </c>
      <c r="HV37" s="293">
        <v>315375</v>
      </c>
      <c r="HW37" s="296">
        <v>1217212</v>
      </c>
      <c r="HX37" s="297">
        <v>1217212</v>
      </c>
    </row>
    <row r="38" spans="1:232" ht="21" customHeight="1" x14ac:dyDescent="0.2">
      <c r="A38" s="498" t="s">
        <v>35</v>
      </c>
      <c r="B38" s="292">
        <v>0</v>
      </c>
      <c r="C38" s="293">
        <v>0</v>
      </c>
      <c r="D38" s="294">
        <v>0</v>
      </c>
      <c r="E38" s="295">
        <v>0</v>
      </c>
      <c r="F38" s="293">
        <v>202065</v>
      </c>
      <c r="G38" s="293">
        <v>264200</v>
      </c>
      <c r="H38" s="293">
        <v>680675</v>
      </c>
      <c r="I38" s="293">
        <v>636570</v>
      </c>
      <c r="J38" s="293">
        <v>464605</v>
      </c>
      <c r="K38" s="296">
        <v>2248115</v>
      </c>
      <c r="L38" s="297">
        <v>2248115</v>
      </c>
      <c r="M38" s="292">
        <v>0</v>
      </c>
      <c r="N38" s="293">
        <v>0</v>
      </c>
      <c r="O38" s="294">
        <v>0</v>
      </c>
      <c r="P38" s="298"/>
      <c r="Q38" s="293">
        <v>2635</v>
      </c>
      <c r="R38" s="293">
        <v>57350</v>
      </c>
      <c r="S38" s="293">
        <v>340335</v>
      </c>
      <c r="T38" s="293">
        <v>315505</v>
      </c>
      <c r="U38" s="293">
        <v>316650</v>
      </c>
      <c r="V38" s="296">
        <v>1032475</v>
      </c>
      <c r="W38" s="297">
        <v>1032475</v>
      </c>
      <c r="X38" s="292">
        <v>0</v>
      </c>
      <c r="Y38" s="293">
        <v>0</v>
      </c>
      <c r="Z38" s="294">
        <v>0</v>
      </c>
      <c r="AA38" s="298"/>
      <c r="AB38" s="293">
        <v>158920</v>
      </c>
      <c r="AC38" s="293">
        <v>196050</v>
      </c>
      <c r="AD38" s="293">
        <v>267375</v>
      </c>
      <c r="AE38" s="293">
        <v>180715</v>
      </c>
      <c r="AF38" s="293">
        <v>41220</v>
      </c>
      <c r="AG38" s="296">
        <v>844280</v>
      </c>
      <c r="AH38" s="297">
        <v>844280</v>
      </c>
      <c r="AI38" s="292">
        <v>0</v>
      </c>
      <c r="AJ38" s="293">
        <v>0</v>
      </c>
      <c r="AK38" s="294">
        <v>0</v>
      </c>
      <c r="AL38" s="298"/>
      <c r="AM38" s="293">
        <v>0</v>
      </c>
      <c r="AN38" s="293">
        <v>0</v>
      </c>
      <c r="AO38" s="293">
        <v>0</v>
      </c>
      <c r="AP38" s="293">
        <v>0</v>
      </c>
      <c r="AQ38" s="293">
        <v>0</v>
      </c>
      <c r="AR38" s="296">
        <v>0</v>
      </c>
      <c r="AS38" s="297">
        <v>0</v>
      </c>
      <c r="AT38" s="292">
        <v>0</v>
      </c>
      <c r="AU38" s="293">
        <v>0</v>
      </c>
      <c r="AV38" s="294">
        <v>0</v>
      </c>
      <c r="AW38" s="298"/>
      <c r="AX38" s="293">
        <v>35340</v>
      </c>
      <c r="AY38" s="293">
        <v>0</v>
      </c>
      <c r="AZ38" s="293">
        <v>70990</v>
      </c>
      <c r="BA38" s="293">
        <v>126550</v>
      </c>
      <c r="BB38" s="293">
        <v>105140</v>
      </c>
      <c r="BC38" s="296">
        <v>338020</v>
      </c>
      <c r="BD38" s="297">
        <v>338020</v>
      </c>
      <c r="BE38" s="292">
        <v>0</v>
      </c>
      <c r="BF38" s="293">
        <v>0</v>
      </c>
      <c r="BG38" s="294">
        <v>0</v>
      </c>
      <c r="BH38" s="298"/>
      <c r="BI38" s="293">
        <v>0</v>
      </c>
      <c r="BJ38" s="293">
        <v>0</v>
      </c>
      <c r="BK38" s="293">
        <v>0</v>
      </c>
      <c r="BL38" s="293">
        <v>0</v>
      </c>
      <c r="BM38" s="293">
        <v>0</v>
      </c>
      <c r="BN38" s="296">
        <v>0</v>
      </c>
      <c r="BO38" s="297">
        <v>0</v>
      </c>
      <c r="BP38" s="292">
        <v>0</v>
      </c>
      <c r="BQ38" s="293">
        <v>0</v>
      </c>
      <c r="BR38" s="294">
        <v>0</v>
      </c>
      <c r="BS38" s="295">
        <v>0</v>
      </c>
      <c r="BT38" s="293">
        <v>5170</v>
      </c>
      <c r="BU38" s="293">
        <v>1900</v>
      </c>
      <c r="BV38" s="293">
        <v>725</v>
      </c>
      <c r="BW38" s="293">
        <v>13800</v>
      </c>
      <c r="BX38" s="293">
        <v>1595</v>
      </c>
      <c r="BY38" s="296">
        <v>23190</v>
      </c>
      <c r="BZ38" s="297">
        <v>23190</v>
      </c>
      <c r="CA38" s="292">
        <v>0</v>
      </c>
      <c r="CB38" s="293">
        <v>0</v>
      </c>
      <c r="CC38" s="294">
        <v>0</v>
      </c>
      <c r="CD38" s="295">
        <v>0</v>
      </c>
      <c r="CE38" s="293">
        <v>0</v>
      </c>
      <c r="CF38" s="293">
        <v>8900</v>
      </c>
      <c r="CG38" s="293">
        <v>1250</v>
      </c>
      <c r="CH38" s="293">
        <v>0</v>
      </c>
      <c r="CI38" s="293">
        <v>0</v>
      </c>
      <c r="CJ38" s="296">
        <v>10150</v>
      </c>
      <c r="CK38" s="297">
        <v>10150</v>
      </c>
      <c r="CL38" s="292">
        <v>0</v>
      </c>
      <c r="CM38" s="293">
        <v>0</v>
      </c>
      <c r="CN38" s="294">
        <v>0</v>
      </c>
      <c r="CO38" s="295">
        <v>0</v>
      </c>
      <c r="CP38" s="293">
        <v>0</v>
      </c>
      <c r="CQ38" s="293">
        <v>0</v>
      </c>
      <c r="CR38" s="293">
        <v>0</v>
      </c>
      <c r="CS38" s="293">
        <v>0</v>
      </c>
      <c r="CT38" s="293">
        <v>0</v>
      </c>
      <c r="CU38" s="296">
        <v>0</v>
      </c>
      <c r="CV38" s="297">
        <v>0</v>
      </c>
      <c r="CW38" s="292">
        <v>0</v>
      </c>
      <c r="CX38" s="293">
        <v>0</v>
      </c>
      <c r="CY38" s="294">
        <v>0</v>
      </c>
      <c r="CZ38" s="298"/>
      <c r="DA38" s="293">
        <v>0</v>
      </c>
      <c r="DB38" s="293">
        <v>0</v>
      </c>
      <c r="DC38" s="293">
        <v>0</v>
      </c>
      <c r="DD38" s="293">
        <v>0</v>
      </c>
      <c r="DE38" s="293">
        <v>0</v>
      </c>
      <c r="DF38" s="296">
        <v>0</v>
      </c>
      <c r="DG38" s="297">
        <v>0</v>
      </c>
      <c r="DH38" s="292">
        <v>0</v>
      </c>
      <c r="DI38" s="293">
        <v>0</v>
      </c>
      <c r="DJ38" s="294">
        <v>0</v>
      </c>
      <c r="DK38" s="295">
        <v>0</v>
      </c>
      <c r="DL38" s="293">
        <v>47032</v>
      </c>
      <c r="DM38" s="293">
        <v>50356</v>
      </c>
      <c r="DN38" s="293">
        <v>418154</v>
      </c>
      <c r="DO38" s="293">
        <v>411267</v>
      </c>
      <c r="DP38" s="293">
        <v>324087</v>
      </c>
      <c r="DQ38" s="296">
        <v>1250896</v>
      </c>
      <c r="DR38" s="299">
        <v>1250896</v>
      </c>
      <c r="DS38" s="292">
        <v>0</v>
      </c>
      <c r="DT38" s="293">
        <v>0</v>
      </c>
      <c r="DU38" s="294">
        <v>0</v>
      </c>
      <c r="DV38" s="298"/>
      <c r="DW38" s="293">
        <v>15035</v>
      </c>
      <c r="DX38" s="293">
        <v>36611</v>
      </c>
      <c r="DY38" s="293">
        <v>389187</v>
      </c>
      <c r="DZ38" s="293">
        <v>341377</v>
      </c>
      <c r="EA38" s="293">
        <v>278625</v>
      </c>
      <c r="EB38" s="296">
        <v>1060835</v>
      </c>
      <c r="EC38" s="297">
        <v>1060835</v>
      </c>
      <c r="ED38" s="292">
        <v>0</v>
      </c>
      <c r="EE38" s="293">
        <v>0</v>
      </c>
      <c r="EF38" s="294">
        <v>0</v>
      </c>
      <c r="EG38" s="298"/>
      <c r="EH38" s="293">
        <v>22833</v>
      </c>
      <c r="EI38" s="293">
        <v>2632</v>
      </c>
      <c r="EJ38" s="293">
        <v>2170</v>
      </c>
      <c r="EK38" s="293">
        <v>1890</v>
      </c>
      <c r="EL38" s="293">
        <v>13572</v>
      </c>
      <c r="EM38" s="296">
        <v>43097</v>
      </c>
      <c r="EN38" s="297">
        <v>43097</v>
      </c>
      <c r="EO38" s="292">
        <v>0</v>
      </c>
      <c r="EP38" s="293">
        <v>0</v>
      </c>
      <c r="EQ38" s="294">
        <v>0</v>
      </c>
      <c r="ER38" s="298"/>
      <c r="ES38" s="293">
        <v>0</v>
      </c>
      <c r="ET38" s="293">
        <v>0</v>
      </c>
      <c r="EU38" s="293">
        <v>0</v>
      </c>
      <c r="EV38" s="293">
        <v>0</v>
      </c>
      <c r="EW38" s="293">
        <v>0</v>
      </c>
      <c r="EX38" s="296">
        <v>0</v>
      </c>
      <c r="EY38" s="297">
        <v>0</v>
      </c>
      <c r="EZ38" s="292">
        <v>0</v>
      </c>
      <c r="FA38" s="293">
        <v>0</v>
      </c>
      <c r="FB38" s="294">
        <v>0</v>
      </c>
      <c r="FC38" s="298"/>
      <c r="FD38" s="293">
        <v>434</v>
      </c>
      <c r="FE38" s="293">
        <v>0</v>
      </c>
      <c r="FF38" s="293">
        <v>23374</v>
      </c>
      <c r="FG38" s="293">
        <v>33770</v>
      </c>
      <c r="FH38" s="293">
        <v>26070</v>
      </c>
      <c r="FI38" s="296">
        <v>83648</v>
      </c>
      <c r="FJ38" s="297">
        <v>83648</v>
      </c>
      <c r="FK38" s="292">
        <v>0</v>
      </c>
      <c r="FL38" s="293">
        <v>0</v>
      </c>
      <c r="FM38" s="294">
        <v>0</v>
      </c>
      <c r="FN38" s="298"/>
      <c r="FO38" s="293">
        <v>0</v>
      </c>
      <c r="FP38" s="293">
        <v>0</v>
      </c>
      <c r="FQ38" s="293">
        <v>0</v>
      </c>
      <c r="FR38" s="293">
        <v>0</v>
      </c>
      <c r="FS38" s="293">
        <v>0</v>
      </c>
      <c r="FT38" s="296">
        <v>0</v>
      </c>
      <c r="FU38" s="297">
        <v>0</v>
      </c>
      <c r="FV38" s="292">
        <v>0</v>
      </c>
      <c r="FW38" s="293">
        <v>0</v>
      </c>
      <c r="FX38" s="294">
        <v>0</v>
      </c>
      <c r="FY38" s="295">
        <v>0</v>
      </c>
      <c r="FZ38" s="293">
        <v>8730</v>
      </c>
      <c r="GA38" s="293">
        <v>4513</v>
      </c>
      <c r="GB38" s="293">
        <v>3395</v>
      </c>
      <c r="GC38" s="293">
        <v>34230</v>
      </c>
      <c r="GD38" s="293">
        <v>5820</v>
      </c>
      <c r="GE38" s="296">
        <v>56688</v>
      </c>
      <c r="GF38" s="297">
        <v>56688</v>
      </c>
      <c r="GG38" s="292">
        <v>0</v>
      </c>
      <c r="GH38" s="293">
        <v>0</v>
      </c>
      <c r="GI38" s="294">
        <v>0</v>
      </c>
      <c r="GJ38" s="295">
        <v>0</v>
      </c>
      <c r="GK38" s="293">
        <v>0</v>
      </c>
      <c r="GL38" s="293">
        <v>6600</v>
      </c>
      <c r="GM38" s="293">
        <v>28</v>
      </c>
      <c r="GN38" s="293">
        <v>0</v>
      </c>
      <c r="GO38" s="293">
        <v>0</v>
      </c>
      <c r="GP38" s="296">
        <v>6628</v>
      </c>
      <c r="GQ38" s="297">
        <v>6628</v>
      </c>
      <c r="GR38" s="292">
        <v>0</v>
      </c>
      <c r="GS38" s="293">
        <v>0</v>
      </c>
      <c r="GT38" s="294">
        <v>0</v>
      </c>
      <c r="GU38" s="295">
        <v>0</v>
      </c>
      <c r="GV38" s="293">
        <v>0</v>
      </c>
      <c r="GW38" s="293">
        <v>0</v>
      </c>
      <c r="GX38" s="293">
        <v>0</v>
      </c>
      <c r="GY38" s="293">
        <v>0</v>
      </c>
      <c r="GZ38" s="293">
        <v>0</v>
      </c>
      <c r="HA38" s="296">
        <v>0</v>
      </c>
      <c r="HB38" s="297">
        <v>0</v>
      </c>
      <c r="HC38" s="292">
        <v>0</v>
      </c>
      <c r="HD38" s="293">
        <v>0</v>
      </c>
      <c r="HE38" s="294">
        <v>0</v>
      </c>
      <c r="HF38" s="298"/>
      <c r="HG38" s="293">
        <v>0</v>
      </c>
      <c r="HH38" s="293">
        <v>0</v>
      </c>
      <c r="HI38" s="293">
        <v>0</v>
      </c>
      <c r="HJ38" s="293">
        <v>0</v>
      </c>
      <c r="HK38" s="293">
        <v>0</v>
      </c>
      <c r="HL38" s="296">
        <v>0</v>
      </c>
      <c r="HM38" s="297">
        <v>0</v>
      </c>
      <c r="HN38" s="292">
        <v>0</v>
      </c>
      <c r="HO38" s="293">
        <v>0</v>
      </c>
      <c r="HP38" s="294">
        <v>0</v>
      </c>
      <c r="HQ38" s="295">
        <v>0</v>
      </c>
      <c r="HR38" s="293">
        <v>249097</v>
      </c>
      <c r="HS38" s="293">
        <v>314556</v>
      </c>
      <c r="HT38" s="293">
        <v>1098829</v>
      </c>
      <c r="HU38" s="293">
        <v>1047837</v>
      </c>
      <c r="HV38" s="293">
        <v>788692</v>
      </c>
      <c r="HW38" s="296">
        <v>3499011</v>
      </c>
      <c r="HX38" s="297">
        <v>3499011</v>
      </c>
    </row>
    <row r="39" spans="1:232" ht="21" customHeight="1" x14ac:dyDescent="0.2">
      <c r="A39" s="498" t="s">
        <v>36</v>
      </c>
      <c r="B39" s="292">
        <v>0</v>
      </c>
      <c r="C39" s="293">
        <v>0</v>
      </c>
      <c r="D39" s="294">
        <v>0</v>
      </c>
      <c r="E39" s="295">
        <v>0</v>
      </c>
      <c r="F39" s="293">
        <v>178822</v>
      </c>
      <c r="G39" s="293">
        <v>187515</v>
      </c>
      <c r="H39" s="293">
        <v>1038590</v>
      </c>
      <c r="I39" s="293">
        <v>857002</v>
      </c>
      <c r="J39" s="293">
        <v>702467</v>
      </c>
      <c r="K39" s="296">
        <v>2964396</v>
      </c>
      <c r="L39" s="297">
        <v>2964396</v>
      </c>
      <c r="M39" s="292">
        <v>0</v>
      </c>
      <c r="N39" s="293">
        <v>0</v>
      </c>
      <c r="O39" s="294">
        <v>0</v>
      </c>
      <c r="P39" s="298"/>
      <c r="Q39" s="293">
        <v>0</v>
      </c>
      <c r="R39" s="293">
        <v>32705</v>
      </c>
      <c r="S39" s="293">
        <v>518250</v>
      </c>
      <c r="T39" s="293">
        <v>561440</v>
      </c>
      <c r="U39" s="293">
        <v>455575</v>
      </c>
      <c r="V39" s="296">
        <v>1567970</v>
      </c>
      <c r="W39" s="297">
        <v>1567970</v>
      </c>
      <c r="X39" s="292">
        <v>0</v>
      </c>
      <c r="Y39" s="293">
        <v>0</v>
      </c>
      <c r="Z39" s="294">
        <v>0</v>
      </c>
      <c r="AA39" s="298"/>
      <c r="AB39" s="293">
        <v>165847</v>
      </c>
      <c r="AC39" s="293">
        <v>113315</v>
      </c>
      <c r="AD39" s="293">
        <v>489790</v>
      </c>
      <c r="AE39" s="293">
        <v>196842</v>
      </c>
      <c r="AF39" s="293">
        <v>242367</v>
      </c>
      <c r="AG39" s="296">
        <v>1208161</v>
      </c>
      <c r="AH39" s="297">
        <v>1208161</v>
      </c>
      <c r="AI39" s="292">
        <v>0</v>
      </c>
      <c r="AJ39" s="293">
        <v>0</v>
      </c>
      <c r="AK39" s="294">
        <v>0</v>
      </c>
      <c r="AL39" s="298"/>
      <c r="AM39" s="293">
        <v>0</v>
      </c>
      <c r="AN39" s="293">
        <v>0</v>
      </c>
      <c r="AO39" s="293">
        <v>0</v>
      </c>
      <c r="AP39" s="293">
        <v>0</v>
      </c>
      <c r="AQ39" s="293">
        <v>0</v>
      </c>
      <c r="AR39" s="296">
        <v>0</v>
      </c>
      <c r="AS39" s="297">
        <v>0</v>
      </c>
      <c r="AT39" s="292">
        <v>0</v>
      </c>
      <c r="AU39" s="293">
        <v>0</v>
      </c>
      <c r="AV39" s="294">
        <v>0</v>
      </c>
      <c r="AW39" s="298"/>
      <c r="AX39" s="293">
        <v>0</v>
      </c>
      <c r="AY39" s="293">
        <v>0</v>
      </c>
      <c r="AZ39" s="293">
        <v>0</v>
      </c>
      <c r="BA39" s="293">
        <v>47950</v>
      </c>
      <c r="BB39" s="293">
        <v>0</v>
      </c>
      <c r="BC39" s="296">
        <v>47950</v>
      </c>
      <c r="BD39" s="297">
        <v>47950</v>
      </c>
      <c r="BE39" s="292">
        <v>0</v>
      </c>
      <c r="BF39" s="293">
        <v>0</v>
      </c>
      <c r="BG39" s="294">
        <v>0</v>
      </c>
      <c r="BH39" s="298"/>
      <c r="BI39" s="293">
        <v>0</v>
      </c>
      <c r="BJ39" s="293">
        <v>0</v>
      </c>
      <c r="BK39" s="293">
        <v>0</v>
      </c>
      <c r="BL39" s="293">
        <v>0</v>
      </c>
      <c r="BM39" s="293">
        <v>0</v>
      </c>
      <c r="BN39" s="296">
        <v>0</v>
      </c>
      <c r="BO39" s="297">
        <v>0</v>
      </c>
      <c r="BP39" s="292">
        <v>0</v>
      </c>
      <c r="BQ39" s="293">
        <v>0</v>
      </c>
      <c r="BR39" s="294">
        <v>0</v>
      </c>
      <c r="BS39" s="295">
        <v>0</v>
      </c>
      <c r="BT39" s="293">
        <v>12975</v>
      </c>
      <c r="BU39" s="293">
        <v>41495</v>
      </c>
      <c r="BV39" s="293">
        <v>30550</v>
      </c>
      <c r="BW39" s="293">
        <v>50005</v>
      </c>
      <c r="BX39" s="293">
        <v>4525</v>
      </c>
      <c r="BY39" s="296">
        <v>139550</v>
      </c>
      <c r="BZ39" s="297">
        <v>139550</v>
      </c>
      <c r="CA39" s="292">
        <v>0</v>
      </c>
      <c r="CB39" s="293">
        <v>0</v>
      </c>
      <c r="CC39" s="294">
        <v>0</v>
      </c>
      <c r="CD39" s="295">
        <v>0</v>
      </c>
      <c r="CE39" s="293">
        <v>0</v>
      </c>
      <c r="CF39" s="293">
        <v>0</v>
      </c>
      <c r="CG39" s="293">
        <v>0</v>
      </c>
      <c r="CH39" s="293">
        <v>765</v>
      </c>
      <c r="CI39" s="293">
        <v>0</v>
      </c>
      <c r="CJ39" s="296">
        <v>765</v>
      </c>
      <c r="CK39" s="297">
        <v>765</v>
      </c>
      <c r="CL39" s="292">
        <v>0</v>
      </c>
      <c r="CM39" s="293">
        <v>0</v>
      </c>
      <c r="CN39" s="294">
        <v>0</v>
      </c>
      <c r="CO39" s="295">
        <v>0</v>
      </c>
      <c r="CP39" s="293">
        <v>0</v>
      </c>
      <c r="CQ39" s="293">
        <v>0</v>
      </c>
      <c r="CR39" s="293">
        <v>0</v>
      </c>
      <c r="CS39" s="293">
        <v>0</v>
      </c>
      <c r="CT39" s="293">
        <v>0</v>
      </c>
      <c r="CU39" s="296">
        <v>0</v>
      </c>
      <c r="CV39" s="297">
        <v>0</v>
      </c>
      <c r="CW39" s="292">
        <v>0</v>
      </c>
      <c r="CX39" s="293">
        <v>0</v>
      </c>
      <c r="CY39" s="294">
        <v>0</v>
      </c>
      <c r="CZ39" s="298"/>
      <c r="DA39" s="293">
        <v>0</v>
      </c>
      <c r="DB39" s="293">
        <v>0</v>
      </c>
      <c r="DC39" s="293">
        <v>0</v>
      </c>
      <c r="DD39" s="293">
        <v>0</v>
      </c>
      <c r="DE39" s="293">
        <v>0</v>
      </c>
      <c r="DF39" s="296">
        <v>0</v>
      </c>
      <c r="DG39" s="297">
        <v>0</v>
      </c>
      <c r="DH39" s="292">
        <v>0</v>
      </c>
      <c r="DI39" s="293">
        <v>0</v>
      </c>
      <c r="DJ39" s="294">
        <v>0</v>
      </c>
      <c r="DK39" s="295">
        <v>0</v>
      </c>
      <c r="DL39" s="293">
        <v>35052</v>
      </c>
      <c r="DM39" s="293">
        <v>59555</v>
      </c>
      <c r="DN39" s="293">
        <v>756327</v>
      </c>
      <c r="DO39" s="293">
        <v>873506</v>
      </c>
      <c r="DP39" s="293">
        <v>639602</v>
      </c>
      <c r="DQ39" s="296">
        <v>2364042</v>
      </c>
      <c r="DR39" s="299">
        <v>2364042</v>
      </c>
      <c r="DS39" s="292">
        <v>0</v>
      </c>
      <c r="DT39" s="293">
        <v>0</v>
      </c>
      <c r="DU39" s="294">
        <v>0</v>
      </c>
      <c r="DV39" s="298"/>
      <c r="DW39" s="293">
        <v>0</v>
      </c>
      <c r="DX39" s="293">
        <v>15035</v>
      </c>
      <c r="DY39" s="293">
        <v>616994</v>
      </c>
      <c r="DZ39" s="293">
        <v>770324</v>
      </c>
      <c r="EA39" s="293">
        <v>622480</v>
      </c>
      <c r="EB39" s="296">
        <v>2024833</v>
      </c>
      <c r="EC39" s="297">
        <v>2024833</v>
      </c>
      <c r="ED39" s="292">
        <v>0</v>
      </c>
      <c r="EE39" s="293">
        <v>0</v>
      </c>
      <c r="EF39" s="294">
        <v>0</v>
      </c>
      <c r="EG39" s="298"/>
      <c r="EH39" s="293">
        <v>13857</v>
      </c>
      <c r="EI39" s="293">
        <v>2086</v>
      </c>
      <c r="EJ39" s="293">
        <v>63579</v>
      </c>
      <c r="EK39" s="293">
        <v>24894</v>
      </c>
      <c r="EL39" s="293">
        <v>3528</v>
      </c>
      <c r="EM39" s="296">
        <v>107944</v>
      </c>
      <c r="EN39" s="297">
        <v>107944</v>
      </c>
      <c r="EO39" s="292">
        <v>0</v>
      </c>
      <c r="EP39" s="293">
        <v>0</v>
      </c>
      <c r="EQ39" s="294">
        <v>0</v>
      </c>
      <c r="ER39" s="298"/>
      <c r="ES39" s="293">
        <v>0</v>
      </c>
      <c r="ET39" s="293">
        <v>0</v>
      </c>
      <c r="EU39" s="293">
        <v>0</v>
      </c>
      <c r="EV39" s="293">
        <v>0</v>
      </c>
      <c r="EW39" s="293">
        <v>0</v>
      </c>
      <c r="EX39" s="296">
        <v>0</v>
      </c>
      <c r="EY39" s="297">
        <v>0</v>
      </c>
      <c r="EZ39" s="292">
        <v>0</v>
      </c>
      <c r="FA39" s="293">
        <v>0</v>
      </c>
      <c r="FB39" s="294">
        <v>0</v>
      </c>
      <c r="FC39" s="298"/>
      <c r="FD39" s="293">
        <v>0</v>
      </c>
      <c r="FE39" s="293">
        <v>0</v>
      </c>
      <c r="FF39" s="293">
        <v>0</v>
      </c>
      <c r="FG39" s="293">
        <v>651</v>
      </c>
      <c r="FH39" s="293">
        <v>0</v>
      </c>
      <c r="FI39" s="296">
        <v>651</v>
      </c>
      <c r="FJ39" s="297">
        <v>651</v>
      </c>
      <c r="FK39" s="292">
        <v>0</v>
      </c>
      <c r="FL39" s="293">
        <v>0</v>
      </c>
      <c r="FM39" s="294">
        <v>0</v>
      </c>
      <c r="FN39" s="298"/>
      <c r="FO39" s="293">
        <v>0</v>
      </c>
      <c r="FP39" s="293">
        <v>0</v>
      </c>
      <c r="FQ39" s="293">
        <v>0</v>
      </c>
      <c r="FR39" s="293">
        <v>0</v>
      </c>
      <c r="FS39" s="293">
        <v>0</v>
      </c>
      <c r="FT39" s="296">
        <v>0</v>
      </c>
      <c r="FU39" s="297">
        <v>0</v>
      </c>
      <c r="FV39" s="292">
        <v>0</v>
      </c>
      <c r="FW39" s="293">
        <v>0</v>
      </c>
      <c r="FX39" s="294">
        <v>0</v>
      </c>
      <c r="FY39" s="295">
        <v>0</v>
      </c>
      <c r="FZ39" s="293">
        <v>21195</v>
      </c>
      <c r="GA39" s="293">
        <v>42434</v>
      </c>
      <c r="GB39" s="293">
        <v>75754</v>
      </c>
      <c r="GC39" s="293">
        <v>77574</v>
      </c>
      <c r="GD39" s="293">
        <v>13594</v>
      </c>
      <c r="GE39" s="296">
        <v>230551</v>
      </c>
      <c r="GF39" s="297">
        <v>230551</v>
      </c>
      <c r="GG39" s="292">
        <v>0</v>
      </c>
      <c r="GH39" s="293">
        <v>0</v>
      </c>
      <c r="GI39" s="294">
        <v>0</v>
      </c>
      <c r="GJ39" s="295">
        <v>0</v>
      </c>
      <c r="GK39" s="293">
        <v>0</v>
      </c>
      <c r="GL39" s="293">
        <v>0</v>
      </c>
      <c r="GM39" s="293">
        <v>0</v>
      </c>
      <c r="GN39" s="293">
        <v>63</v>
      </c>
      <c r="GO39" s="293">
        <v>0</v>
      </c>
      <c r="GP39" s="296">
        <v>63</v>
      </c>
      <c r="GQ39" s="297">
        <v>63</v>
      </c>
      <c r="GR39" s="292">
        <v>0</v>
      </c>
      <c r="GS39" s="293">
        <v>0</v>
      </c>
      <c r="GT39" s="294">
        <v>0</v>
      </c>
      <c r="GU39" s="295">
        <v>0</v>
      </c>
      <c r="GV39" s="293">
        <v>0</v>
      </c>
      <c r="GW39" s="293">
        <v>0</v>
      </c>
      <c r="GX39" s="293">
        <v>0</v>
      </c>
      <c r="GY39" s="293">
        <v>0</v>
      </c>
      <c r="GZ39" s="293">
        <v>0</v>
      </c>
      <c r="HA39" s="296">
        <v>0</v>
      </c>
      <c r="HB39" s="297">
        <v>0</v>
      </c>
      <c r="HC39" s="292">
        <v>0</v>
      </c>
      <c r="HD39" s="293">
        <v>0</v>
      </c>
      <c r="HE39" s="294">
        <v>0</v>
      </c>
      <c r="HF39" s="298"/>
      <c r="HG39" s="293">
        <v>0</v>
      </c>
      <c r="HH39" s="293">
        <v>0</v>
      </c>
      <c r="HI39" s="293">
        <v>0</v>
      </c>
      <c r="HJ39" s="293">
        <v>0</v>
      </c>
      <c r="HK39" s="293">
        <v>0</v>
      </c>
      <c r="HL39" s="296">
        <v>0</v>
      </c>
      <c r="HM39" s="297">
        <v>0</v>
      </c>
      <c r="HN39" s="292">
        <v>0</v>
      </c>
      <c r="HO39" s="293">
        <v>0</v>
      </c>
      <c r="HP39" s="294">
        <v>0</v>
      </c>
      <c r="HQ39" s="295">
        <v>0</v>
      </c>
      <c r="HR39" s="293">
        <v>213874</v>
      </c>
      <c r="HS39" s="293">
        <v>247070</v>
      </c>
      <c r="HT39" s="293">
        <v>1794917</v>
      </c>
      <c r="HU39" s="293">
        <v>1730508</v>
      </c>
      <c r="HV39" s="293">
        <v>1342069</v>
      </c>
      <c r="HW39" s="296">
        <v>5328438</v>
      </c>
      <c r="HX39" s="297">
        <v>5328438</v>
      </c>
    </row>
    <row r="40" spans="1:232" ht="21" customHeight="1" thickBot="1" x14ac:dyDescent="0.25">
      <c r="A40" s="499" t="s">
        <v>37</v>
      </c>
      <c r="B40" s="300">
        <v>0</v>
      </c>
      <c r="C40" s="301">
        <v>0</v>
      </c>
      <c r="D40" s="302">
        <v>0</v>
      </c>
      <c r="E40" s="303">
        <v>0</v>
      </c>
      <c r="F40" s="301">
        <v>4225</v>
      </c>
      <c r="G40" s="301">
        <v>0</v>
      </c>
      <c r="H40" s="301">
        <v>116420</v>
      </c>
      <c r="I40" s="301">
        <v>37975</v>
      </c>
      <c r="J40" s="301">
        <v>35340</v>
      </c>
      <c r="K40" s="304">
        <v>193960</v>
      </c>
      <c r="L40" s="305">
        <v>193960</v>
      </c>
      <c r="M40" s="300">
        <v>0</v>
      </c>
      <c r="N40" s="301">
        <v>0</v>
      </c>
      <c r="O40" s="302">
        <v>0</v>
      </c>
      <c r="P40" s="306"/>
      <c r="Q40" s="301">
        <v>0</v>
      </c>
      <c r="R40" s="301">
        <v>0</v>
      </c>
      <c r="S40" s="301">
        <v>75950</v>
      </c>
      <c r="T40" s="301">
        <v>5270</v>
      </c>
      <c r="U40" s="301">
        <v>35340</v>
      </c>
      <c r="V40" s="304">
        <v>116560</v>
      </c>
      <c r="W40" s="305">
        <v>116560</v>
      </c>
      <c r="X40" s="300">
        <v>0</v>
      </c>
      <c r="Y40" s="301">
        <v>0</v>
      </c>
      <c r="Z40" s="302">
        <v>0</v>
      </c>
      <c r="AA40" s="306"/>
      <c r="AB40" s="301">
        <v>0</v>
      </c>
      <c r="AC40" s="301">
        <v>0</v>
      </c>
      <c r="AD40" s="301">
        <v>35475</v>
      </c>
      <c r="AE40" s="301">
        <v>32705</v>
      </c>
      <c r="AF40" s="301">
        <v>0</v>
      </c>
      <c r="AG40" s="304">
        <v>68180</v>
      </c>
      <c r="AH40" s="305">
        <v>68180</v>
      </c>
      <c r="AI40" s="300">
        <v>0</v>
      </c>
      <c r="AJ40" s="301">
        <v>0</v>
      </c>
      <c r="AK40" s="302">
        <v>0</v>
      </c>
      <c r="AL40" s="306"/>
      <c r="AM40" s="301">
        <v>0</v>
      </c>
      <c r="AN40" s="301">
        <v>0</v>
      </c>
      <c r="AO40" s="301">
        <v>0</v>
      </c>
      <c r="AP40" s="301">
        <v>0</v>
      </c>
      <c r="AQ40" s="301">
        <v>0</v>
      </c>
      <c r="AR40" s="304">
        <v>0</v>
      </c>
      <c r="AS40" s="305">
        <v>0</v>
      </c>
      <c r="AT40" s="300">
        <v>0</v>
      </c>
      <c r="AU40" s="301">
        <v>0</v>
      </c>
      <c r="AV40" s="302">
        <v>0</v>
      </c>
      <c r="AW40" s="306"/>
      <c r="AX40" s="301">
        <v>0</v>
      </c>
      <c r="AY40" s="301">
        <v>0</v>
      </c>
      <c r="AZ40" s="301">
        <v>0</v>
      </c>
      <c r="BA40" s="301">
        <v>0</v>
      </c>
      <c r="BB40" s="301">
        <v>0</v>
      </c>
      <c r="BC40" s="304">
        <v>0</v>
      </c>
      <c r="BD40" s="305">
        <v>0</v>
      </c>
      <c r="BE40" s="300">
        <v>0</v>
      </c>
      <c r="BF40" s="301">
        <v>0</v>
      </c>
      <c r="BG40" s="302">
        <v>0</v>
      </c>
      <c r="BH40" s="306"/>
      <c r="BI40" s="301">
        <v>0</v>
      </c>
      <c r="BJ40" s="301">
        <v>0</v>
      </c>
      <c r="BK40" s="301">
        <v>0</v>
      </c>
      <c r="BL40" s="301">
        <v>0</v>
      </c>
      <c r="BM40" s="301">
        <v>0</v>
      </c>
      <c r="BN40" s="304">
        <v>0</v>
      </c>
      <c r="BO40" s="305">
        <v>0</v>
      </c>
      <c r="BP40" s="300">
        <v>0</v>
      </c>
      <c r="BQ40" s="301">
        <v>0</v>
      </c>
      <c r="BR40" s="302">
        <v>0</v>
      </c>
      <c r="BS40" s="303">
        <v>0</v>
      </c>
      <c r="BT40" s="301">
        <v>0</v>
      </c>
      <c r="BU40" s="301">
        <v>0</v>
      </c>
      <c r="BV40" s="301">
        <v>4995</v>
      </c>
      <c r="BW40" s="301">
        <v>0</v>
      </c>
      <c r="BX40" s="301">
        <v>0</v>
      </c>
      <c r="BY40" s="304">
        <v>4995</v>
      </c>
      <c r="BZ40" s="305">
        <v>4995</v>
      </c>
      <c r="CA40" s="300">
        <v>0</v>
      </c>
      <c r="CB40" s="301">
        <v>0</v>
      </c>
      <c r="CC40" s="302">
        <v>0</v>
      </c>
      <c r="CD40" s="303">
        <v>0</v>
      </c>
      <c r="CE40" s="301">
        <v>4225</v>
      </c>
      <c r="CF40" s="301">
        <v>0</v>
      </c>
      <c r="CG40" s="301">
        <v>0</v>
      </c>
      <c r="CH40" s="301">
        <v>0</v>
      </c>
      <c r="CI40" s="301">
        <v>0</v>
      </c>
      <c r="CJ40" s="304">
        <v>4225</v>
      </c>
      <c r="CK40" s="305">
        <v>4225</v>
      </c>
      <c r="CL40" s="300">
        <v>0</v>
      </c>
      <c r="CM40" s="301">
        <v>0</v>
      </c>
      <c r="CN40" s="302">
        <v>0</v>
      </c>
      <c r="CO40" s="303">
        <v>0</v>
      </c>
      <c r="CP40" s="301">
        <v>0</v>
      </c>
      <c r="CQ40" s="301">
        <v>0</v>
      </c>
      <c r="CR40" s="301">
        <v>0</v>
      </c>
      <c r="CS40" s="301">
        <v>0</v>
      </c>
      <c r="CT40" s="301">
        <v>0</v>
      </c>
      <c r="CU40" s="304">
        <v>0</v>
      </c>
      <c r="CV40" s="305">
        <v>0</v>
      </c>
      <c r="CW40" s="300">
        <v>0</v>
      </c>
      <c r="CX40" s="301">
        <v>0</v>
      </c>
      <c r="CY40" s="302">
        <v>0</v>
      </c>
      <c r="CZ40" s="306"/>
      <c r="DA40" s="301">
        <v>0</v>
      </c>
      <c r="DB40" s="301">
        <v>0</v>
      </c>
      <c r="DC40" s="301">
        <v>0</v>
      </c>
      <c r="DD40" s="301">
        <v>0</v>
      </c>
      <c r="DE40" s="301">
        <v>0</v>
      </c>
      <c r="DF40" s="304">
        <v>0</v>
      </c>
      <c r="DG40" s="305">
        <v>0</v>
      </c>
      <c r="DH40" s="300">
        <v>0</v>
      </c>
      <c r="DI40" s="301">
        <v>0</v>
      </c>
      <c r="DJ40" s="302">
        <v>0</v>
      </c>
      <c r="DK40" s="303">
        <v>0</v>
      </c>
      <c r="DL40" s="301">
        <v>35</v>
      </c>
      <c r="DM40" s="301">
        <v>0</v>
      </c>
      <c r="DN40" s="301">
        <v>139836</v>
      </c>
      <c r="DO40" s="301">
        <v>36835</v>
      </c>
      <c r="DP40" s="301">
        <v>30070</v>
      </c>
      <c r="DQ40" s="304">
        <v>206776</v>
      </c>
      <c r="DR40" s="307">
        <v>206776</v>
      </c>
      <c r="DS40" s="300">
        <v>0</v>
      </c>
      <c r="DT40" s="301">
        <v>0</v>
      </c>
      <c r="DU40" s="302">
        <v>0</v>
      </c>
      <c r="DV40" s="306"/>
      <c r="DW40" s="301">
        <v>0</v>
      </c>
      <c r="DX40" s="301">
        <v>0</v>
      </c>
      <c r="DY40" s="301">
        <v>131564</v>
      </c>
      <c r="DZ40" s="301">
        <v>36611</v>
      </c>
      <c r="EA40" s="301">
        <v>30070</v>
      </c>
      <c r="EB40" s="304">
        <v>198245</v>
      </c>
      <c r="EC40" s="305">
        <v>198245</v>
      </c>
      <c r="ED40" s="300">
        <v>0</v>
      </c>
      <c r="EE40" s="301">
        <v>0</v>
      </c>
      <c r="EF40" s="302">
        <v>0</v>
      </c>
      <c r="EG40" s="306"/>
      <c r="EH40" s="301">
        <v>0</v>
      </c>
      <c r="EI40" s="301">
        <v>0</v>
      </c>
      <c r="EJ40" s="301">
        <v>490</v>
      </c>
      <c r="EK40" s="301">
        <v>224</v>
      </c>
      <c r="EL40" s="301">
        <v>0</v>
      </c>
      <c r="EM40" s="304">
        <v>714</v>
      </c>
      <c r="EN40" s="305">
        <v>714</v>
      </c>
      <c r="EO40" s="300">
        <v>0</v>
      </c>
      <c r="EP40" s="301">
        <v>0</v>
      </c>
      <c r="EQ40" s="302">
        <v>0</v>
      </c>
      <c r="ER40" s="306"/>
      <c r="ES40" s="301">
        <v>0</v>
      </c>
      <c r="ET40" s="301">
        <v>0</v>
      </c>
      <c r="EU40" s="301">
        <v>0</v>
      </c>
      <c r="EV40" s="301">
        <v>0</v>
      </c>
      <c r="EW40" s="301">
        <v>0</v>
      </c>
      <c r="EX40" s="304">
        <v>0</v>
      </c>
      <c r="EY40" s="305">
        <v>0</v>
      </c>
      <c r="EZ40" s="300">
        <v>0</v>
      </c>
      <c r="FA40" s="301">
        <v>0</v>
      </c>
      <c r="FB40" s="302">
        <v>0</v>
      </c>
      <c r="FC40" s="306"/>
      <c r="FD40" s="301">
        <v>0</v>
      </c>
      <c r="FE40" s="301">
        <v>0</v>
      </c>
      <c r="FF40" s="301">
        <v>0</v>
      </c>
      <c r="FG40" s="301">
        <v>0</v>
      </c>
      <c r="FH40" s="301">
        <v>0</v>
      </c>
      <c r="FI40" s="304">
        <v>0</v>
      </c>
      <c r="FJ40" s="305">
        <v>0</v>
      </c>
      <c r="FK40" s="300">
        <v>0</v>
      </c>
      <c r="FL40" s="301">
        <v>0</v>
      </c>
      <c r="FM40" s="302">
        <v>0</v>
      </c>
      <c r="FN40" s="306"/>
      <c r="FO40" s="301">
        <v>0</v>
      </c>
      <c r="FP40" s="301">
        <v>0</v>
      </c>
      <c r="FQ40" s="301">
        <v>0</v>
      </c>
      <c r="FR40" s="301">
        <v>0</v>
      </c>
      <c r="FS40" s="301">
        <v>0</v>
      </c>
      <c r="FT40" s="304">
        <v>0</v>
      </c>
      <c r="FU40" s="305">
        <v>0</v>
      </c>
      <c r="FV40" s="300">
        <v>0</v>
      </c>
      <c r="FW40" s="301">
        <v>0</v>
      </c>
      <c r="FX40" s="302">
        <v>0</v>
      </c>
      <c r="FY40" s="303">
        <v>0</v>
      </c>
      <c r="FZ40" s="301">
        <v>0</v>
      </c>
      <c r="GA40" s="301">
        <v>0</v>
      </c>
      <c r="GB40" s="301">
        <v>7782</v>
      </c>
      <c r="GC40" s="301">
        <v>0</v>
      </c>
      <c r="GD40" s="301">
        <v>0</v>
      </c>
      <c r="GE40" s="304">
        <v>7782</v>
      </c>
      <c r="GF40" s="305">
        <v>7782</v>
      </c>
      <c r="GG40" s="300">
        <v>0</v>
      </c>
      <c r="GH40" s="301">
        <v>0</v>
      </c>
      <c r="GI40" s="302">
        <v>0</v>
      </c>
      <c r="GJ40" s="303">
        <v>0</v>
      </c>
      <c r="GK40" s="301">
        <v>35</v>
      </c>
      <c r="GL40" s="301">
        <v>0</v>
      </c>
      <c r="GM40" s="301">
        <v>0</v>
      </c>
      <c r="GN40" s="301">
        <v>0</v>
      </c>
      <c r="GO40" s="301">
        <v>0</v>
      </c>
      <c r="GP40" s="304">
        <v>35</v>
      </c>
      <c r="GQ40" s="305">
        <v>35</v>
      </c>
      <c r="GR40" s="300">
        <v>0</v>
      </c>
      <c r="GS40" s="301">
        <v>0</v>
      </c>
      <c r="GT40" s="302">
        <v>0</v>
      </c>
      <c r="GU40" s="303">
        <v>0</v>
      </c>
      <c r="GV40" s="301">
        <v>0</v>
      </c>
      <c r="GW40" s="301">
        <v>0</v>
      </c>
      <c r="GX40" s="301">
        <v>0</v>
      </c>
      <c r="GY40" s="301">
        <v>0</v>
      </c>
      <c r="GZ40" s="301">
        <v>0</v>
      </c>
      <c r="HA40" s="304">
        <v>0</v>
      </c>
      <c r="HB40" s="305">
        <v>0</v>
      </c>
      <c r="HC40" s="300">
        <v>0</v>
      </c>
      <c r="HD40" s="301">
        <v>0</v>
      </c>
      <c r="HE40" s="302">
        <v>0</v>
      </c>
      <c r="HF40" s="306"/>
      <c r="HG40" s="301">
        <v>0</v>
      </c>
      <c r="HH40" s="301">
        <v>0</v>
      </c>
      <c r="HI40" s="301">
        <v>0</v>
      </c>
      <c r="HJ40" s="301">
        <v>0</v>
      </c>
      <c r="HK40" s="301">
        <v>0</v>
      </c>
      <c r="HL40" s="304">
        <v>0</v>
      </c>
      <c r="HM40" s="305">
        <v>0</v>
      </c>
      <c r="HN40" s="300">
        <v>0</v>
      </c>
      <c r="HO40" s="301">
        <v>0</v>
      </c>
      <c r="HP40" s="302">
        <v>0</v>
      </c>
      <c r="HQ40" s="303">
        <v>0</v>
      </c>
      <c r="HR40" s="301">
        <v>4260</v>
      </c>
      <c r="HS40" s="301">
        <v>0</v>
      </c>
      <c r="HT40" s="301">
        <v>256256</v>
      </c>
      <c r="HU40" s="301">
        <v>74810</v>
      </c>
      <c r="HV40" s="301">
        <v>65410</v>
      </c>
      <c r="HW40" s="304">
        <v>400736</v>
      </c>
      <c r="HX40" s="305">
        <v>400736</v>
      </c>
    </row>
    <row r="41" spans="1:232" x14ac:dyDescent="0.2">
      <c r="A41" s="1" t="s">
        <v>84</v>
      </c>
    </row>
  </sheetData>
  <mergeCells count="88">
    <mergeCell ref="FJ5:FJ6"/>
    <mergeCell ref="HB5:HB6"/>
    <mergeCell ref="HN5:HP5"/>
    <mergeCell ref="HQ5:HW5"/>
    <mergeCell ref="HX5:HX6"/>
    <mergeCell ref="GF5:GF6"/>
    <mergeCell ref="GG5:GI5"/>
    <mergeCell ref="GJ5:GP5"/>
    <mergeCell ref="GQ5:GQ6"/>
    <mergeCell ref="GR5:GT5"/>
    <mergeCell ref="GU5:HA5"/>
    <mergeCell ref="HC5:HE5"/>
    <mergeCell ref="HF5:HL5"/>
    <mergeCell ref="HM5:HM6"/>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FC5:FI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CW5:CY5"/>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P5:BR5"/>
    <mergeCell ref="B5:D5"/>
    <mergeCell ref="E5:K5"/>
    <mergeCell ref="L5:L6"/>
    <mergeCell ref="M5:O5"/>
    <mergeCell ref="P5:V5"/>
    <mergeCell ref="HN3:HX4"/>
    <mergeCell ref="ED4:EN4"/>
    <mergeCell ref="FV4:GF4"/>
    <mergeCell ref="GG4:GQ4"/>
    <mergeCell ref="GR4:HB4"/>
    <mergeCell ref="EZ4:FJ4"/>
    <mergeCell ref="F1:G1"/>
    <mergeCell ref="HC4:HM4"/>
    <mergeCell ref="DH3:HM3"/>
    <mergeCell ref="EO4:EY4"/>
    <mergeCell ref="FK4:FU4"/>
    <mergeCell ref="CW4:DG4"/>
    <mergeCell ref="B3:DG3"/>
    <mergeCell ref="DH4:DR4"/>
    <mergeCell ref="DS4:EC4"/>
    <mergeCell ref="B4:L4"/>
    <mergeCell ref="M4:W4"/>
    <mergeCell ref="X4:AH4"/>
    <mergeCell ref="AI4:AS4"/>
    <mergeCell ref="BE4:BO4"/>
    <mergeCell ref="AT4:BD4"/>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4" max="1048575" man="1"/>
    <brk id="67" max="1048575" man="1"/>
    <brk id="101" max="1048575" man="1"/>
    <brk id="133" max="1048575" man="1"/>
    <brk id="166" max="1048575" man="1"/>
    <brk id="199"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view="pageBreakPreview" zoomScale="60"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88671875" style="44" customWidth="1"/>
    <col min="2" max="2" width="10.7773437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5</v>
      </c>
      <c r="G1" s="524"/>
      <c r="H1" s="248">
        <f>第１表!G2</f>
        <v>5</v>
      </c>
      <c r="I1" s="506">
        <f>H1</f>
        <v>5</v>
      </c>
      <c r="J1" s="506"/>
    </row>
    <row r="2" spans="2:299" ht="24" customHeight="1" thickBot="1" x14ac:dyDescent="0.25">
      <c r="B2" s="20" t="s">
        <v>132</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15" t="s">
        <v>42</v>
      </c>
      <c r="C6" s="51" t="s">
        <v>43</v>
      </c>
      <c r="D6" s="47" t="s">
        <v>44</v>
      </c>
      <c r="E6" s="48" t="s">
        <v>45</v>
      </c>
      <c r="F6" s="52" t="s">
        <v>46</v>
      </c>
      <c r="G6" s="47" t="s">
        <v>47</v>
      </c>
      <c r="H6" s="47" t="s">
        <v>48</v>
      </c>
      <c r="I6" s="47" t="s">
        <v>49</v>
      </c>
      <c r="J6" s="47" t="s">
        <v>50</v>
      </c>
      <c r="K6" s="47" t="s">
        <v>51</v>
      </c>
      <c r="L6" s="48" t="s">
        <v>45</v>
      </c>
      <c r="M6" s="53" t="s">
        <v>52</v>
      </c>
      <c r="N6" s="354" t="s">
        <v>43</v>
      </c>
      <c r="O6" s="355" t="s">
        <v>44</v>
      </c>
      <c r="P6" s="356" t="s">
        <v>45</v>
      </c>
      <c r="Q6" s="357" t="s">
        <v>46</v>
      </c>
      <c r="R6" s="355" t="s">
        <v>47</v>
      </c>
      <c r="S6" s="355" t="s">
        <v>48</v>
      </c>
      <c r="T6" s="355" t="s">
        <v>49</v>
      </c>
      <c r="U6" s="355" t="s">
        <v>50</v>
      </c>
      <c r="V6" s="355" t="s">
        <v>51</v>
      </c>
      <c r="W6" s="356" t="s">
        <v>45</v>
      </c>
      <c r="X6" s="353" t="s">
        <v>52</v>
      </c>
      <c r="Y6" s="354" t="s">
        <v>43</v>
      </c>
      <c r="Z6" s="355" t="s">
        <v>44</v>
      </c>
      <c r="AA6" s="356" t="s">
        <v>45</v>
      </c>
      <c r="AB6" s="357" t="s">
        <v>46</v>
      </c>
      <c r="AC6" s="355" t="s">
        <v>47</v>
      </c>
      <c r="AD6" s="355" t="s">
        <v>48</v>
      </c>
      <c r="AE6" s="355" t="s">
        <v>49</v>
      </c>
      <c r="AF6" s="355" t="s">
        <v>50</v>
      </c>
      <c r="AG6" s="355" t="s">
        <v>51</v>
      </c>
      <c r="AH6" s="356" t="s">
        <v>45</v>
      </c>
      <c r="AI6" s="358" t="s">
        <v>52</v>
      </c>
      <c r="AJ6" s="354" t="s">
        <v>43</v>
      </c>
      <c r="AK6" s="355" t="s">
        <v>44</v>
      </c>
      <c r="AL6" s="356" t="s">
        <v>45</v>
      </c>
      <c r="AM6" s="357" t="s">
        <v>46</v>
      </c>
      <c r="AN6" s="355" t="s">
        <v>47</v>
      </c>
      <c r="AO6" s="355" t="s">
        <v>48</v>
      </c>
      <c r="AP6" s="355" t="s">
        <v>49</v>
      </c>
      <c r="AQ6" s="355" t="s">
        <v>50</v>
      </c>
      <c r="AR6" s="355" t="s">
        <v>51</v>
      </c>
      <c r="AS6" s="356" t="s">
        <v>45</v>
      </c>
      <c r="AT6" s="358" t="s">
        <v>52</v>
      </c>
      <c r="AU6" s="354" t="s">
        <v>43</v>
      </c>
      <c r="AV6" s="355" t="s">
        <v>44</v>
      </c>
      <c r="AW6" s="356" t="s">
        <v>45</v>
      </c>
      <c r="AX6" s="357" t="s">
        <v>46</v>
      </c>
      <c r="AY6" s="355" t="s">
        <v>47</v>
      </c>
      <c r="AZ6" s="355" t="s">
        <v>48</v>
      </c>
      <c r="BA6" s="355" t="s">
        <v>49</v>
      </c>
      <c r="BB6" s="355" t="s">
        <v>50</v>
      </c>
      <c r="BC6" s="355" t="s">
        <v>51</v>
      </c>
      <c r="BD6" s="356" t="s">
        <v>45</v>
      </c>
      <c r="BE6" s="358" t="s">
        <v>52</v>
      </c>
      <c r="BF6" s="354" t="s">
        <v>43</v>
      </c>
      <c r="BG6" s="355" t="s">
        <v>44</v>
      </c>
      <c r="BH6" s="356" t="s">
        <v>45</v>
      </c>
      <c r="BI6" s="357" t="s">
        <v>46</v>
      </c>
      <c r="BJ6" s="355" t="s">
        <v>47</v>
      </c>
      <c r="BK6" s="355" t="s">
        <v>48</v>
      </c>
      <c r="BL6" s="355" t="s">
        <v>49</v>
      </c>
      <c r="BM6" s="355" t="s">
        <v>50</v>
      </c>
      <c r="BN6" s="355" t="s">
        <v>51</v>
      </c>
      <c r="BO6" s="356" t="s">
        <v>45</v>
      </c>
      <c r="BP6" s="358" t="s">
        <v>52</v>
      </c>
      <c r="BQ6" s="354" t="s">
        <v>43</v>
      </c>
      <c r="BR6" s="355" t="s">
        <v>44</v>
      </c>
      <c r="BS6" s="356" t="s">
        <v>45</v>
      </c>
      <c r="BT6" s="357" t="s">
        <v>46</v>
      </c>
      <c r="BU6" s="355" t="s">
        <v>47</v>
      </c>
      <c r="BV6" s="355" t="s">
        <v>48</v>
      </c>
      <c r="BW6" s="355" t="s">
        <v>49</v>
      </c>
      <c r="BX6" s="355" t="s">
        <v>50</v>
      </c>
      <c r="BY6" s="355" t="s">
        <v>51</v>
      </c>
      <c r="BZ6" s="356" t="s">
        <v>45</v>
      </c>
      <c r="CA6" s="358" t="s">
        <v>52</v>
      </c>
      <c r="CB6" s="354" t="s">
        <v>43</v>
      </c>
      <c r="CC6" s="355" t="s">
        <v>44</v>
      </c>
      <c r="CD6" s="356" t="s">
        <v>45</v>
      </c>
      <c r="CE6" s="357" t="s">
        <v>46</v>
      </c>
      <c r="CF6" s="355" t="s">
        <v>47</v>
      </c>
      <c r="CG6" s="355" t="s">
        <v>48</v>
      </c>
      <c r="CH6" s="355" t="s">
        <v>49</v>
      </c>
      <c r="CI6" s="355" t="s">
        <v>50</v>
      </c>
      <c r="CJ6" s="355" t="s">
        <v>51</v>
      </c>
      <c r="CK6" s="356" t="s">
        <v>45</v>
      </c>
      <c r="CL6" s="358" t="s">
        <v>52</v>
      </c>
      <c r="CM6" s="354" t="s">
        <v>43</v>
      </c>
      <c r="CN6" s="355" t="s">
        <v>44</v>
      </c>
      <c r="CO6" s="356" t="s">
        <v>45</v>
      </c>
      <c r="CP6" s="357" t="s">
        <v>46</v>
      </c>
      <c r="CQ6" s="355" t="s">
        <v>47</v>
      </c>
      <c r="CR6" s="355" t="s">
        <v>48</v>
      </c>
      <c r="CS6" s="355" t="s">
        <v>49</v>
      </c>
      <c r="CT6" s="355" t="s">
        <v>50</v>
      </c>
      <c r="CU6" s="355" t="s">
        <v>51</v>
      </c>
      <c r="CV6" s="356" t="s">
        <v>45</v>
      </c>
      <c r="CW6" s="358" t="s">
        <v>52</v>
      </c>
      <c r="CX6" s="51" t="s">
        <v>43</v>
      </c>
      <c r="CY6" s="47" t="s">
        <v>44</v>
      </c>
      <c r="CZ6" s="48" t="s">
        <v>45</v>
      </c>
      <c r="DA6" s="52" t="s">
        <v>46</v>
      </c>
      <c r="DB6" s="47" t="s">
        <v>47</v>
      </c>
      <c r="DC6" s="47" t="s">
        <v>48</v>
      </c>
      <c r="DD6" s="47" t="s">
        <v>49</v>
      </c>
      <c r="DE6" s="47" t="s">
        <v>50</v>
      </c>
      <c r="DF6" s="47" t="s">
        <v>51</v>
      </c>
      <c r="DG6" s="48" t="s">
        <v>45</v>
      </c>
      <c r="DH6" s="53" t="s">
        <v>52</v>
      </c>
      <c r="DI6" s="354" t="s">
        <v>43</v>
      </c>
      <c r="DJ6" s="355" t="s">
        <v>44</v>
      </c>
      <c r="DK6" s="356" t="s">
        <v>45</v>
      </c>
      <c r="DL6" s="357" t="s">
        <v>46</v>
      </c>
      <c r="DM6" s="355" t="s">
        <v>47</v>
      </c>
      <c r="DN6" s="355" t="s">
        <v>48</v>
      </c>
      <c r="DO6" s="355" t="s">
        <v>49</v>
      </c>
      <c r="DP6" s="355" t="s">
        <v>50</v>
      </c>
      <c r="DQ6" s="355" t="s">
        <v>51</v>
      </c>
      <c r="DR6" s="356" t="s">
        <v>45</v>
      </c>
      <c r="DS6" s="358" t="s">
        <v>52</v>
      </c>
      <c r="DT6" s="354" t="s">
        <v>43</v>
      </c>
      <c r="DU6" s="355" t="s">
        <v>44</v>
      </c>
      <c r="DV6" s="356" t="s">
        <v>45</v>
      </c>
      <c r="DW6" s="357" t="s">
        <v>46</v>
      </c>
      <c r="DX6" s="355" t="s">
        <v>47</v>
      </c>
      <c r="DY6" s="355" t="s">
        <v>48</v>
      </c>
      <c r="DZ6" s="355" t="s">
        <v>49</v>
      </c>
      <c r="EA6" s="355" t="s">
        <v>50</v>
      </c>
      <c r="EB6" s="355" t="s">
        <v>51</v>
      </c>
      <c r="EC6" s="356" t="s">
        <v>45</v>
      </c>
      <c r="ED6" s="358" t="s">
        <v>52</v>
      </c>
      <c r="EE6" s="354" t="s">
        <v>43</v>
      </c>
      <c r="EF6" s="355" t="s">
        <v>44</v>
      </c>
      <c r="EG6" s="356" t="s">
        <v>45</v>
      </c>
      <c r="EH6" s="357" t="s">
        <v>46</v>
      </c>
      <c r="EI6" s="355" t="s">
        <v>47</v>
      </c>
      <c r="EJ6" s="355" t="s">
        <v>48</v>
      </c>
      <c r="EK6" s="355" t="s">
        <v>49</v>
      </c>
      <c r="EL6" s="355" t="s">
        <v>50</v>
      </c>
      <c r="EM6" s="355" t="s">
        <v>51</v>
      </c>
      <c r="EN6" s="356" t="s">
        <v>45</v>
      </c>
      <c r="EO6" s="358" t="s">
        <v>52</v>
      </c>
      <c r="EP6" s="354" t="s">
        <v>43</v>
      </c>
      <c r="EQ6" s="355" t="s">
        <v>44</v>
      </c>
      <c r="ER6" s="356" t="s">
        <v>45</v>
      </c>
      <c r="ES6" s="357" t="s">
        <v>46</v>
      </c>
      <c r="ET6" s="355" t="s">
        <v>47</v>
      </c>
      <c r="EU6" s="355" t="s">
        <v>48</v>
      </c>
      <c r="EV6" s="355" t="s">
        <v>49</v>
      </c>
      <c r="EW6" s="355" t="s">
        <v>50</v>
      </c>
      <c r="EX6" s="355" t="s">
        <v>51</v>
      </c>
      <c r="EY6" s="356" t="s">
        <v>45</v>
      </c>
      <c r="EZ6" s="358" t="s">
        <v>52</v>
      </c>
      <c r="FA6" s="354" t="s">
        <v>43</v>
      </c>
      <c r="FB6" s="355" t="s">
        <v>44</v>
      </c>
      <c r="FC6" s="356" t="s">
        <v>45</v>
      </c>
      <c r="FD6" s="357" t="s">
        <v>46</v>
      </c>
      <c r="FE6" s="355" t="s">
        <v>47</v>
      </c>
      <c r="FF6" s="355" t="s">
        <v>48</v>
      </c>
      <c r="FG6" s="355" t="s">
        <v>49</v>
      </c>
      <c r="FH6" s="355" t="s">
        <v>50</v>
      </c>
      <c r="FI6" s="355" t="s">
        <v>51</v>
      </c>
      <c r="FJ6" s="356" t="s">
        <v>45</v>
      </c>
      <c r="FK6" s="358" t="s">
        <v>52</v>
      </c>
      <c r="FL6" s="354" t="s">
        <v>43</v>
      </c>
      <c r="FM6" s="355" t="s">
        <v>44</v>
      </c>
      <c r="FN6" s="356" t="s">
        <v>45</v>
      </c>
      <c r="FO6" s="357" t="s">
        <v>46</v>
      </c>
      <c r="FP6" s="355" t="s">
        <v>47</v>
      </c>
      <c r="FQ6" s="355" t="s">
        <v>48</v>
      </c>
      <c r="FR6" s="355" t="s">
        <v>49</v>
      </c>
      <c r="FS6" s="355" t="s">
        <v>50</v>
      </c>
      <c r="FT6" s="355" t="s">
        <v>51</v>
      </c>
      <c r="FU6" s="356" t="s">
        <v>45</v>
      </c>
      <c r="FV6" s="358" t="s">
        <v>52</v>
      </c>
      <c r="FW6" s="354" t="s">
        <v>43</v>
      </c>
      <c r="FX6" s="355" t="s">
        <v>44</v>
      </c>
      <c r="FY6" s="356" t="s">
        <v>45</v>
      </c>
      <c r="FZ6" s="357" t="s">
        <v>46</v>
      </c>
      <c r="GA6" s="355" t="s">
        <v>47</v>
      </c>
      <c r="GB6" s="355" t="s">
        <v>48</v>
      </c>
      <c r="GC6" s="355" t="s">
        <v>49</v>
      </c>
      <c r="GD6" s="355" t="s">
        <v>50</v>
      </c>
      <c r="GE6" s="355" t="s">
        <v>51</v>
      </c>
      <c r="GF6" s="356" t="s">
        <v>45</v>
      </c>
      <c r="GG6" s="358" t="s">
        <v>52</v>
      </c>
      <c r="GH6" s="354" t="s">
        <v>43</v>
      </c>
      <c r="GI6" s="355" t="s">
        <v>44</v>
      </c>
      <c r="GJ6" s="356" t="s">
        <v>45</v>
      </c>
      <c r="GK6" s="357" t="s">
        <v>46</v>
      </c>
      <c r="GL6" s="355" t="s">
        <v>47</v>
      </c>
      <c r="GM6" s="355" t="s">
        <v>48</v>
      </c>
      <c r="GN6" s="355" t="s">
        <v>49</v>
      </c>
      <c r="GO6" s="355" t="s">
        <v>50</v>
      </c>
      <c r="GP6" s="355" t="s">
        <v>51</v>
      </c>
      <c r="GQ6" s="356" t="s">
        <v>45</v>
      </c>
      <c r="GR6" s="358" t="s">
        <v>52</v>
      </c>
      <c r="GS6" s="51" t="s">
        <v>43</v>
      </c>
      <c r="GT6" s="47" t="s">
        <v>44</v>
      </c>
      <c r="GU6" s="48" t="s">
        <v>45</v>
      </c>
      <c r="GV6" s="52" t="s">
        <v>46</v>
      </c>
      <c r="GW6" s="47" t="s">
        <v>47</v>
      </c>
      <c r="GX6" s="47" t="s">
        <v>48</v>
      </c>
      <c r="GY6" s="47" t="s">
        <v>49</v>
      </c>
      <c r="GZ6" s="47" t="s">
        <v>50</v>
      </c>
      <c r="HA6" s="47" t="s">
        <v>51</v>
      </c>
      <c r="HB6" s="48" t="s">
        <v>45</v>
      </c>
      <c r="HC6" s="53" t="s">
        <v>52</v>
      </c>
      <c r="HD6" s="354" t="s">
        <v>43</v>
      </c>
      <c r="HE6" s="355" t="s">
        <v>44</v>
      </c>
      <c r="HF6" s="356" t="s">
        <v>45</v>
      </c>
      <c r="HG6" s="357" t="s">
        <v>46</v>
      </c>
      <c r="HH6" s="355" t="s">
        <v>47</v>
      </c>
      <c r="HI6" s="355" t="s">
        <v>48</v>
      </c>
      <c r="HJ6" s="355" t="s">
        <v>49</v>
      </c>
      <c r="HK6" s="355" t="s">
        <v>50</v>
      </c>
      <c r="HL6" s="355" t="s">
        <v>51</v>
      </c>
      <c r="HM6" s="356" t="s">
        <v>45</v>
      </c>
      <c r="HN6" s="358" t="s">
        <v>52</v>
      </c>
      <c r="HO6" s="354" t="s">
        <v>43</v>
      </c>
      <c r="HP6" s="355" t="s">
        <v>44</v>
      </c>
      <c r="HQ6" s="356" t="s">
        <v>45</v>
      </c>
      <c r="HR6" s="357" t="s">
        <v>46</v>
      </c>
      <c r="HS6" s="355" t="s">
        <v>47</v>
      </c>
      <c r="HT6" s="355" t="s">
        <v>48</v>
      </c>
      <c r="HU6" s="355" t="s">
        <v>49</v>
      </c>
      <c r="HV6" s="355" t="s">
        <v>50</v>
      </c>
      <c r="HW6" s="355" t="s">
        <v>51</v>
      </c>
      <c r="HX6" s="356" t="s">
        <v>45</v>
      </c>
      <c r="HY6" s="358" t="s">
        <v>52</v>
      </c>
      <c r="HZ6" s="354" t="s">
        <v>43</v>
      </c>
      <c r="IA6" s="355" t="s">
        <v>44</v>
      </c>
      <c r="IB6" s="356" t="s">
        <v>45</v>
      </c>
      <c r="IC6" s="357" t="s">
        <v>46</v>
      </c>
      <c r="ID6" s="355" t="s">
        <v>47</v>
      </c>
      <c r="IE6" s="355" t="s">
        <v>48</v>
      </c>
      <c r="IF6" s="355" t="s">
        <v>49</v>
      </c>
      <c r="IG6" s="355" t="s">
        <v>50</v>
      </c>
      <c r="IH6" s="355" t="s">
        <v>51</v>
      </c>
      <c r="II6" s="356" t="s">
        <v>45</v>
      </c>
      <c r="IJ6" s="358" t="s">
        <v>52</v>
      </c>
      <c r="IK6" s="354" t="s">
        <v>43</v>
      </c>
      <c r="IL6" s="355" t="s">
        <v>44</v>
      </c>
      <c r="IM6" s="356" t="s">
        <v>45</v>
      </c>
      <c r="IN6" s="357" t="s">
        <v>46</v>
      </c>
      <c r="IO6" s="355" t="s">
        <v>47</v>
      </c>
      <c r="IP6" s="355" t="s">
        <v>48</v>
      </c>
      <c r="IQ6" s="355" t="s">
        <v>49</v>
      </c>
      <c r="IR6" s="355" t="s">
        <v>50</v>
      </c>
      <c r="IS6" s="355" t="s">
        <v>51</v>
      </c>
      <c r="IT6" s="356" t="s">
        <v>45</v>
      </c>
      <c r="IU6" s="358" t="s">
        <v>52</v>
      </c>
      <c r="IV6" s="354" t="s">
        <v>43</v>
      </c>
      <c r="IW6" s="355" t="s">
        <v>44</v>
      </c>
      <c r="IX6" s="356" t="s">
        <v>45</v>
      </c>
      <c r="IY6" s="357" t="s">
        <v>46</v>
      </c>
      <c r="IZ6" s="355" t="s">
        <v>47</v>
      </c>
      <c r="JA6" s="355" t="s">
        <v>48</v>
      </c>
      <c r="JB6" s="355" t="s">
        <v>49</v>
      </c>
      <c r="JC6" s="355" t="s">
        <v>50</v>
      </c>
      <c r="JD6" s="355" t="s">
        <v>51</v>
      </c>
      <c r="JE6" s="356" t="s">
        <v>45</v>
      </c>
      <c r="JF6" s="358" t="s">
        <v>52</v>
      </c>
      <c r="JG6" s="354" t="s">
        <v>43</v>
      </c>
      <c r="JH6" s="355" t="s">
        <v>44</v>
      </c>
      <c r="JI6" s="356" t="s">
        <v>45</v>
      </c>
      <c r="JJ6" s="357" t="s">
        <v>46</v>
      </c>
      <c r="JK6" s="355" t="s">
        <v>47</v>
      </c>
      <c r="JL6" s="355" t="s">
        <v>48</v>
      </c>
      <c r="JM6" s="355" t="s">
        <v>49</v>
      </c>
      <c r="JN6" s="355" t="s">
        <v>50</v>
      </c>
      <c r="JO6" s="355" t="s">
        <v>51</v>
      </c>
      <c r="JP6" s="356" t="s">
        <v>45</v>
      </c>
      <c r="JQ6" s="358" t="s">
        <v>52</v>
      </c>
      <c r="JR6" s="354" t="s">
        <v>43</v>
      </c>
      <c r="JS6" s="355" t="s">
        <v>44</v>
      </c>
      <c r="JT6" s="356" t="s">
        <v>45</v>
      </c>
      <c r="JU6" s="357" t="s">
        <v>46</v>
      </c>
      <c r="JV6" s="355" t="s">
        <v>47</v>
      </c>
      <c r="JW6" s="355" t="s">
        <v>48</v>
      </c>
      <c r="JX6" s="355" t="s">
        <v>49</v>
      </c>
      <c r="JY6" s="355" t="s">
        <v>50</v>
      </c>
      <c r="JZ6" s="355" t="s">
        <v>51</v>
      </c>
      <c r="KA6" s="356" t="s">
        <v>45</v>
      </c>
      <c r="KB6" s="358" t="s">
        <v>52</v>
      </c>
      <c r="KC6" s="354" t="s">
        <v>43</v>
      </c>
      <c r="KD6" s="355" t="s">
        <v>44</v>
      </c>
      <c r="KE6" s="356" t="s">
        <v>45</v>
      </c>
      <c r="KF6" s="357" t="s">
        <v>46</v>
      </c>
      <c r="KG6" s="355" t="s">
        <v>47</v>
      </c>
      <c r="KH6" s="355" t="s">
        <v>48</v>
      </c>
      <c r="KI6" s="355" t="s">
        <v>49</v>
      </c>
      <c r="KJ6" s="355" t="s">
        <v>50</v>
      </c>
      <c r="KK6" s="355" t="s">
        <v>51</v>
      </c>
      <c r="KL6" s="356" t="s">
        <v>45</v>
      </c>
      <c r="KM6" s="358" t="s">
        <v>52</v>
      </c>
    </row>
    <row r="7" spans="2:299" ht="21" customHeight="1" x14ac:dyDescent="0.2">
      <c r="B7" s="125" t="s">
        <v>4</v>
      </c>
      <c r="C7" s="312">
        <v>4253</v>
      </c>
      <c r="D7" s="78">
        <v>4038</v>
      </c>
      <c r="E7" s="79">
        <v>8291</v>
      </c>
      <c r="F7" s="240"/>
      <c r="G7" s="78">
        <v>5896</v>
      </c>
      <c r="H7" s="78">
        <v>5152</v>
      </c>
      <c r="I7" s="78">
        <v>3509</v>
      </c>
      <c r="J7" s="78">
        <v>2894</v>
      </c>
      <c r="K7" s="78">
        <v>1690</v>
      </c>
      <c r="L7" s="80">
        <v>19141</v>
      </c>
      <c r="M7" s="81">
        <v>27432</v>
      </c>
      <c r="N7" s="66">
        <v>48</v>
      </c>
      <c r="O7" s="67">
        <v>66</v>
      </c>
      <c r="P7" s="68">
        <v>114</v>
      </c>
      <c r="Q7" s="243"/>
      <c r="R7" s="67">
        <v>92</v>
      </c>
      <c r="S7" s="67">
        <v>104</v>
      </c>
      <c r="T7" s="67">
        <v>60</v>
      </c>
      <c r="U7" s="67">
        <v>43</v>
      </c>
      <c r="V7" s="67">
        <v>37</v>
      </c>
      <c r="W7" s="68">
        <v>336</v>
      </c>
      <c r="X7" s="69">
        <v>450</v>
      </c>
      <c r="Y7" s="66">
        <v>174</v>
      </c>
      <c r="Z7" s="67">
        <v>186</v>
      </c>
      <c r="AA7" s="68">
        <v>360</v>
      </c>
      <c r="AB7" s="243"/>
      <c r="AC7" s="67">
        <v>244</v>
      </c>
      <c r="AD7" s="67">
        <v>232</v>
      </c>
      <c r="AE7" s="67">
        <v>160</v>
      </c>
      <c r="AF7" s="67">
        <v>136</v>
      </c>
      <c r="AG7" s="67">
        <v>103</v>
      </c>
      <c r="AH7" s="68">
        <v>875</v>
      </c>
      <c r="AI7" s="69">
        <v>1235</v>
      </c>
      <c r="AJ7" s="66">
        <v>362</v>
      </c>
      <c r="AK7" s="67">
        <v>344</v>
      </c>
      <c r="AL7" s="68">
        <v>706</v>
      </c>
      <c r="AM7" s="243"/>
      <c r="AN7" s="67">
        <v>433</v>
      </c>
      <c r="AO7" s="67">
        <v>382</v>
      </c>
      <c r="AP7" s="67">
        <v>283</v>
      </c>
      <c r="AQ7" s="67">
        <v>232</v>
      </c>
      <c r="AR7" s="67">
        <v>155</v>
      </c>
      <c r="AS7" s="68">
        <v>1485</v>
      </c>
      <c r="AT7" s="69">
        <v>2191</v>
      </c>
      <c r="AU7" s="66">
        <v>797</v>
      </c>
      <c r="AV7" s="67">
        <v>754</v>
      </c>
      <c r="AW7" s="68">
        <v>1551</v>
      </c>
      <c r="AX7" s="243"/>
      <c r="AY7" s="67">
        <v>1134</v>
      </c>
      <c r="AZ7" s="67">
        <v>938</v>
      </c>
      <c r="BA7" s="67">
        <v>547</v>
      </c>
      <c r="BB7" s="67">
        <v>440</v>
      </c>
      <c r="BC7" s="67">
        <v>294</v>
      </c>
      <c r="BD7" s="68">
        <v>3353</v>
      </c>
      <c r="BE7" s="69">
        <v>4904</v>
      </c>
      <c r="BF7" s="66">
        <v>1541</v>
      </c>
      <c r="BG7" s="67">
        <v>1348</v>
      </c>
      <c r="BH7" s="68">
        <v>2889</v>
      </c>
      <c r="BI7" s="243"/>
      <c r="BJ7" s="67">
        <v>1986</v>
      </c>
      <c r="BK7" s="67">
        <v>1551</v>
      </c>
      <c r="BL7" s="67">
        <v>1047</v>
      </c>
      <c r="BM7" s="67">
        <v>858</v>
      </c>
      <c r="BN7" s="67">
        <v>508</v>
      </c>
      <c r="BO7" s="68">
        <v>5950</v>
      </c>
      <c r="BP7" s="69">
        <v>8839</v>
      </c>
      <c r="BQ7" s="66">
        <v>1331</v>
      </c>
      <c r="BR7" s="67">
        <v>1340</v>
      </c>
      <c r="BS7" s="68">
        <v>2671</v>
      </c>
      <c r="BT7" s="243"/>
      <c r="BU7" s="67">
        <v>2007</v>
      </c>
      <c r="BV7" s="67">
        <v>1945</v>
      </c>
      <c r="BW7" s="67">
        <v>1412</v>
      </c>
      <c r="BX7" s="67">
        <v>1185</v>
      </c>
      <c r="BY7" s="67">
        <v>593</v>
      </c>
      <c r="BZ7" s="68">
        <v>7142</v>
      </c>
      <c r="CA7" s="69">
        <v>9813</v>
      </c>
      <c r="CB7" s="66">
        <v>0</v>
      </c>
      <c r="CC7" s="67">
        <v>0</v>
      </c>
      <c r="CD7" s="68">
        <v>0</v>
      </c>
      <c r="CE7" s="243"/>
      <c r="CF7" s="67">
        <v>0</v>
      </c>
      <c r="CG7" s="67">
        <v>0</v>
      </c>
      <c r="CH7" s="67">
        <v>0</v>
      </c>
      <c r="CI7" s="67">
        <v>0</v>
      </c>
      <c r="CJ7" s="67">
        <v>0</v>
      </c>
      <c r="CK7" s="68">
        <v>0</v>
      </c>
      <c r="CL7" s="69">
        <v>0</v>
      </c>
      <c r="CM7" s="66">
        <v>4253</v>
      </c>
      <c r="CN7" s="67">
        <v>4038</v>
      </c>
      <c r="CO7" s="68">
        <v>8291</v>
      </c>
      <c r="CP7" s="243"/>
      <c r="CQ7" s="67">
        <v>5896</v>
      </c>
      <c r="CR7" s="67">
        <v>5152</v>
      </c>
      <c r="CS7" s="67">
        <v>3509</v>
      </c>
      <c r="CT7" s="67">
        <v>2894</v>
      </c>
      <c r="CU7" s="67">
        <v>1690</v>
      </c>
      <c r="CV7" s="68">
        <v>19141</v>
      </c>
      <c r="CW7" s="69">
        <v>27432</v>
      </c>
      <c r="CX7" s="122">
        <v>616</v>
      </c>
      <c r="CY7" s="78">
        <v>654</v>
      </c>
      <c r="CZ7" s="79">
        <v>1270</v>
      </c>
      <c r="DA7" s="240"/>
      <c r="DB7" s="78">
        <v>813</v>
      </c>
      <c r="DC7" s="78">
        <v>762</v>
      </c>
      <c r="DD7" s="78">
        <v>514</v>
      </c>
      <c r="DE7" s="78">
        <v>553</v>
      </c>
      <c r="DF7" s="78">
        <v>352</v>
      </c>
      <c r="DG7" s="80">
        <v>2994</v>
      </c>
      <c r="DH7" s="81">
        <v>4264</v>
      </c>
      <c r="DI7" s="66">
        <v>14</v>
      </c>
      <c r="DJ7" s="67">
        <v>16</v>
      </c>
      <c r="DK7" s="68">
        <v>30</v>
      </c>
      <c r="DL7" s="243"/>
      <c r="DM7" s="67">
        <v>13</v>
      </c>
      <c r="DN7" s="67">
        <v>12</v>
      </c>
      <c r="DO7" s="67">
        <v>5</v>
      </c>
      <c r="DP7" s="67">
        <v>11</v>
      </c>
      <c r="DQ7" s="67">
        <v>7</v>
      </c>
      <c r="DR7" s="68">
        <v>48</v>
      </c>
      <c r="DS7" s="69">
        <v>78</v>
      </c>
      <c r="DT7" s="66">
        <v>42</v>
      </c>
      <c r="DU7" s="67">
        <v>50</v>
      </c>
      <c r="DV7" s="68">
        <v>92</v>
      </c>
      <c r="DW7" s="243"/>
      <c r="DX7" s="67">
        <v>32</v>
      </c>
      <c r="DY7" s="67">
        <v>26</v>
      </c>
      <c r="DZ7" s="67">
        <v>17</v>
      </c>
      <c r="EA7" s="67">
        <v>21</v>
      </c>
      <c r="EB7" s="67">
        <v>8</v>
      </c>
      <c r="EC7" s="68">
        <v>104</v>
      </c>
      <c r="ED7" s="69">
        <v>196</v>
      </c>
      <c r="EE7" s="66">
        <v>78</v>
      </c>
      <c r="EF7" s="67">
        <v>79</v>
      </c>
      <c r="EG7" s="68">
        <v>157</v>
      </c>
      <c r="EH7" s="243"/>
      <c r="EI7" s="67">
        <v>71</v>
      </c>
      <c r="EJ7" s="67">
        <v>67</v>
      </c>
      <c r="EK7" s="67">
        <v>47</v>
      </c>
      <c r="EL7" s="67">
        <v>18</v>
      </c>
      <c r="EM7" s="67">
        <v>22</v>
      </c>
      <c r="EN7" s="68">
        <v>225</v>
      </c>
      <c r="EO7" s="69">
        <v>382</v>
      </c>
      <c r="EP7" s="66">
        <v>173</v>
      </c>
      <c r="EQ7" s="67">
        <v>145</v>
      </c>
      <c r="ER7" s="68">
        <v>318</v>
      </c>
      <c r="ES7" s="243"/>
      <c r="ET7" s="67">
        <v>151</v>
      </c>
      <c r="EU7" s="67">
        <v>109</v>
      </c>
      <c r="EV7" s="67">
        <v>62</v>
      </c>
      <c r="EW7" s="67">
        <v>63</v>
      </c>
      <c r="EX7" s="67">
        <v>38</v>
      </c>
      <c r="EY7" s="68">
        <v>423</v>
      </c>
      <c r="EZ7" s="69">
        <v>741</v>
      </c>
      <c r="FA7" s="66">
        <v>171</v>
      </c>
      <c r="FB7" s="67">
        <v>202</v>
      </c>
      <c r="FC7" s="68">
        <v>373</v>
      </c>
      <c r="FD7" s="243"/>
      <c r="FE7" s="67">
        <v>257</v>
      </c>
      <c r="FF7" s="67">
        <v>218</v>
      </c>
      <c r="FG7" s="67">
        <v>129</v>
      </c>
      <c r="FH7" s="67">
        <v>127</v>
      </c>
      <c r="FI7" s="67">
        <v>95</v>
      </c>
      <c r="FJ7" s="68">
        <v>826</v>
      </c>
      <c r="FK7" s="69">
        <v>1199</v>
      </c>
      <c r="FL7" s="66">
        <v>138</v>
      </c>
      <c r="FM7" s="67">
        <v>162</v>
      </c>
      <c r="FN7" s="68">
        <v>300</v>
      </c>
      <c r="FO7" s="243"/>
      <c r="FP7" s="67">
        <v>289</v>
      </c>
      <c r="FQ7" s="67">
        <v>330</v>
      </c>
      <c r="FR7" s="67">
        <v>254</v>
      </c>
      <c r="FS7" s="67">
        <v>313</v>
      </c>
      <c r="FT7" s="67">
        <v>182</v>
      </c>
      <c r="FU7" s="68">
        <v>1368</v>
      </c>
      <c r="FV7" s="69">
        <v>1668</v>
      </c>
      <c r="FW7" s="66">
        <v>0</v>
      </c>
      <c r="FX7" s="67">
        <v>0</v>
      </c>
      <c r="FY7" s="68">
        <v>0</v>
      </c>
      <c r="FZ7" s="243"/>
      <c r="GA7" s="67">
        <v>0</v>
      </c>
      <c r="GB7" s="67">
        <v>0</v>
      </c>
      <c r="GC7" s="67">
        <v>0</v>
      </c>
      <c r="GD7" s="67">
        <v>0</v>
      </c>
      <c r="GE7" s="67">
        <v>0</v>
      </c>
      <c r="GF7" s="68">
        <v>0</v>
      </c>
      <c r="GG7" s="69">
        <v>0</v>
      </c>
      <c r="GH7" s="66">
        <v>616</v>
      </c>
      <c r="GI7" s="67">
        <v>654</v>
      </c>
      <c r="GJ7" s="68">
        <v>1270</v>
      </c>
      <c r="GK7" s="243"/>
      <c r="GL7" s="67">
        <v>813</v>
      </c>
      <c r="GM7" s="67">
        <v>762</v>
      </c>
      <c r="GN7" s="67">
        <v>514</v>
      </c>
      <c r="GO7" s="67">
        <v>553</v>
      </c>
      <c r="GP7" s="67">
        <v>352</v>
      </c>
      <c r="GQ7" s="68">
        <v>2994</v>
      </c>
      <c r="GR7" s="69">
        <v>4264</v>
      </c>
      <c r="GS7" s="122">
        <v>4869</v>
      </c>
      <c r="GT7" s="78">
        <v>4692</v>
      </c>
      <c r="GU7" s="79">
        <v>9561</v>
      </c>
      <c r="GV7" s="240"/>
      <c r="GW7" s="78">
        <v>6709</v>
      </c>
      <c r="GX7" s="78">
        <v>5914</v>
      </c>
      <c r="GY7" s="78">
        <v>4023</v>
      </c>
      <c r="GZ7" s="78">
        <v>3447</v>
      </c>
      <c r="HA7" s="78">
        <v>2042</v>
      </c>
      <c r="HB7" s="80">
        <v>22135</v>
      </c>
      <c r="HC7" s="81">
        <v>31696</v>
      </c>
      <c r="HD7" s="66">
        <v>62</v>
      </c>
      <c r="HE7" s="67">
        <v>82</v>
      </c>
      <c r="HF7" s="68">
        <v>144</v>
      </c>
      <c r="HG7" s="243"/>
      <c r="HH7" s="67">
        <v>105</v>
      </c>
      <c r="HI7" s="67">
        <v>116</v>
      </c>
      <c r="HJ7" s="67">
        <v>65</v>
      </c>
      <c r="HK7" s="67">
        <v>54</v>
      </c>
      <c r="HL7" s="67">
        <v>44</v>
      </c>
      <c r="HM7" s="68">
        <v>384</v>
      </c>
      <c r="HN7" s="69">
        <v>528</v>
      </c>
      <c r="HO7" s="66">
        <v>216</v>
      </c>
      <c r="HP7" s="67">
        <v>236</v>
      </c>
      <c r="HQ7" s="68">
        <v>452</v>
      </c>
      <c r="HR7" s="243"/>
      <c r="HS7" s="67">
        <v>276</v>
      </c>
      <c r="HT7" s="67">
        <v>258</v>
      </c>
      <c r="HU7" s="67">
        <v>177</v>
      </c>
      <c r="HV7" s="67">
        <v>157</v>
      </c>
      <c r="HW7" s="67">
        <v>111</v>
      </c>
      <c r="HX7" s="68">
        <v>979</v>
      </c>
      <c r="HY7" s="69">
        <v>1431</v>
      </c>
      <c r="HZ7" s="66">
        <v>440</v>
      </c>
      <c r="IA7" s="67">
        <v>423</v>
      </c>
      <c r="IB7" s="68">
        <v>863</v>
      </c>
      <c r="IC7" s="243"/>
      <c r="ID7" s="67">
        <v>504</v>
      </c>
      <c r="IE7" s="67">
        <v>449</v>
      </c>
      <c r="IF7" s="67">
        <v>330</v>
      </c>
      <c r="IG7" s="67">
        <v>250</v>
      </c>
      <c r="IH7" s="67">
        <v>177</v>
      </c>
      <c r="II7" s="68">
        <v>1710</v>
      </c>
      <c r="IJ7" s="69">
        <v>2573</v>
      </c>
      <c r="IK7" s="66">
        <v>970</v>
      </c>
      <c r="IL7" s="67">
        <v>899</v>
      </c>
      <c r="IM7" s="68">
        <v>1869</v>
      </c>
      <c r="IN7" s="243"/>
      <c r="IO7" s="67">
        <v>1285</v>
      </c>
      <c r="IP7" s="67">
        <v>1047</v>
      </c>
      <c r="IQ7" s="67">
        <v>609</v>
      </c>
      <c r="IR7" s="67">
        <v>503</v>
      </c>
      <c r="IS7" s="67">
        <v>332</v>
      </c>
      <c r="IT7" s="68">
        <v>3776</v>
      </c>
      <c r="IU7" s="69">
        <v>5645</v>
      </c>
      <c r="IV7" s="66">
        <v>1712</v>
      </c>
      <c r="IW7" s="67">
        <v>1550</v>
      </c>
      <c r="IX7" s="68">
        <v>3262</v>
      </c>
      <c r="IY7" s="243"/>
      <c r="IZ7" s="67">
        <v>2243</v>
      </c>
      <c r="JA7" s="67">
        <v>1769</v>
      </c>
      <c r="JB7" s="67">
        <v>1176</v>
      </c>
      <c r="JC7" s="67">
        <v>985</v>
      </c>
      <c r="JD7" s="67">
        <v>603</v>
      </c>
      <c r="JE7" s="68">
        <v>6776</v>
      </c>
      <c r="JF7" s="69">
        <v>10038</v>
      </c>
      <c r="JG7" s="66">
        <v>1469</v>
      </c>
      <c r="JH7" s="67">
        <v>1502</v>
      </c>
      <c r="JI7" s="68">
        <v>2971</v>
      </c>
      <c r="JJ7" s="243"/>
      <c r="JK7" s="67">
        <v>2296</v>
      </c>
      <c r="JL7" s="67">
        <v>2275</v>
      </c>
      <c r="JM7" s="67">
        <v>1666</v>
      </c>
      <c r="JN7" s="67">
        <v>1498</v>
      </c>
      <c r="JO7" s="67">
        <v>775</v>
      </c>
      <c r="JP7" s="68">
        <v>8510</v>
      </c>
      <c r="JQ7" s="69">
        <v>11481</v>
      </c>
      <c r="JR7" s="66">
        <v>0</v>
      </c>
      <c r="JS7" s="67">
        <v>0</v>
      </c>
      <c r="JT7" s="68">
        <v>0</v>
      </c>
      <c r="JU7" s="243"/>
      <c r="JV7" s="67">
        <v>0</v>
      </c>
      <c r="JW7" s="67">
        <v>0</v>
      </c>
      <c r="JX7" s="67">
        <v>0</v>
      </c>
      <c r="JY7" s="67">
        <v>0</v>
      </c>
      <c r="JZ7" s="67">
        <v>0</v>
      </c>
      <c r="KA7" s="68">
        <v>0</v>
      </c>
      <c r="KB7" s="69">
        <v>0</v>
      </c>
      <c r="KC7" s="66">
        <v>4869</v>
      </c>
      <c r="KD7" s="67">
        <v>4692</v>
      </c>
      <c r="KE7" s="68">
        <v>9561</v>
      </c>
      <c r="KF7" s="243"/>
      <c r="KG7" s="67">
        <v>6709</v>
      </c>
      <c r="KH7" s="67">
        <v>5914</v>
      </c>
      <c r="KI7" s="67">
        <v>4023</v>
      </c>
      <c r="KJ7" s="67">
        <v>3447</v>
      </c>
      <c r="KK7" s="67">
        <v>2042</v>
      </c>
      <c r="KL7" s="68">
        <v>22135</v>
      </c>
      <c r="KM7" s="69">
        <v>31696</v>
      </c>
    </row>
    <row r="8" spans="2:299" ht="21" customHeight="1" x14ac:dyDescent="0.2">
      <c r="B8" s="126" t="s">
        <v>5</v>
      </c>
      <c r="C8" s="313">
        <v>1821</v>
      </c>
      <c r="D8" s="82">
        <v>2022</v>
      </c>
      <c r="E8" s="83">
        <v>3843</v>
      </c>
      <c r="F8" s="241"/>
      <c r="G8" s="82">
        <v>2185</v>
      </c>
      <c r="H8" s="82">
        <v>2394</v>
      </c>
      <c r="I8" s="82">
        <v>1603</v>
      </c>
      <c r="J8" s="82">
        <v>1224</v>
      </c>
      <c r="K8" s="82">
        <v>747</v>
      </c>
      <c r="L8" s="84">
        <v>8153</v>
      </c>
      <c r="M8" s="85">
        <v>11996</v>
      </c>
      <c r="N8" s="70">
        <v>18</v>
      </c>
      <c r="O8" s="71">
        <v>30</v>
      </c>
      <c r="P8" s="72">
        <v>48</v>
      </c>
      <c r="Q8" s="244"/>
      <c r="R8" s="71">
        <v>34</v>
      </c>
      <c r="S8" s="71">
        <v>46</v>
      </c>
      <c r="T8" s="71">
        <v>23</v>
      </c>
      <c r="U8" s="71">
        <v>22</v>
      </c>
      <c r="V8" s="71">
        <v>19</v>
      </c>
      <c r="W8" s="72">
        <v>144</v>
      </c>
      <c r="X8" s="73">
        <v>192</v>
      </c>
      <c r="Y8" s="70">
        <v>70</v>
      </c>
      <c r="Z8" s="71">
        <v>93</v>
      </c>
      <c r="AA8" s="72">
        <v>163</v>
      </c>
      <c r="AB8" s="244"/>
      <c r="AC8" s="71">
        <v>77</v>
      </c>
      <c r="AD8" s="71">
        <v>116</v>
      </c>
      <c r="AE8" s="71">
        <v>77</v>
      </c>
      <c r="AF8" s="71">
        <v>50</v>
      </c>
      <c r="AG8" s="71">
        <v>45</v>
      </c>
      <c r="AH8" s="72">
        <v>365</v>
      </c>
      <c r="AI8" s="73">
        <v>528</v>
      </c>
      <c r="AJ8" s="70">
        <v>147</v>
      </c>
      <c r="AK8" s="71">
        <v>171</v>
      </c>
      <c r="AL8" s="72">
        <v>318</v>
      </c>
      <c r="AM8" s="244"/>
      <c r="AN8" s="71">
        <v>156</v>
      </c>
      <c r="AO8" s="71">
        <v>160</v>
      </c>
      <c r="AP8" s="71">
        <v>118</v>
      </c>
      <c r="AQ8" s="71">
        <v>83</v>
      </c>
      <c r="AR8" s="71">
        <v>63</v>
      </c>
      <c r="AS8" s="72">
        <v>580</v>
      </c>
      <c r="AT8" s="73">
        <v>898</v>
      </c>
      <c r="AU8" s="70">
        <v>332</v>
      </c>
      <c r="AV8" s="71">
        <v>359</v>
      </c>
      <c r="AW8" s="72">
        <v>691</v>
      </c>
      <c r="AX8" s="244"/>
      <c r="AY8" s="71">
        <v>393</v>
      </c>
      <c r="AZ8" s="71">
        <v>388</v>
      </c>
      <c r="BA8" s="71">
        <v>235</v>
      </c>
      <c r="BB8" s="71">
        <v>187</v>
      </c>
      <c r="BC8" s="71">
        <v>119</v>
      </c>
      <c r="BD8" s="72">
        <v>1322</v>
      </c>
      <c r="BE8" s="73">
        <v>2013</v>
      </c>
      <c r="BF8" s="70">
        <v>668</v>
      </c>
      <c r="BG8" s="71">
        <v>675</v>
      </c>
      <c r="BH8" s="72">
        <v>1343</v>
      </c>
      <c r="BI8" s="244"/>
      <c r="BJ8" s="71">
        <v>796</v>
      </c>
      <c r="BK8" s="71">
        <v>733</v>
      </c>
      <c r="BL8" s="71">
        <v>490</v>
      </c>
      <c r="BM8" s="71">
        <v>367</v>
      </c>
      <c r="BN8" s="71">
        <v>215</v>
      </c>
      <c r="BO8" s="72">
        <v>2601</v>
      </c>
      <c r="BP8" s="73">
        <v>3944</v>
      </c>
      <c r="BQ8" s="70">
        <v>586</v>
      </c>
      <c r="BR8" s="71">
        <v>694</v>
      </c>
      <c r="BS8" s="72">
        <v>1280</v>
      </c>
      <c r="BT8" s="244"/>
      <c r="BU8" s="71">
        <v>729</v>
      </c>
      <c r="BV8" s="71">
        <v>951</v>
      </c>
      <c r="BW8" s="71">
        <v>660</v>
      </c>
      <c r="BX8" s="71">
        <v>515</v>
      </c>
      <c r="BY8" s="71">
        <v>286</v>
      </c>
      <c r="BZ8" s="72">
        <v>3141</v>
      </c>
      <c r="CA8" s="73">
        <v>4421</v>
      </c>
      <c r="CB8" s="70">
        <v>0</v>
      </c>
      <c r="CC8" s="71">
        <v>0</v>
      </c>
      <c r="CD8" s="72">
        <v>0</v>
      </c>
      <c r="CE8" s="244"/>
      <c r="CF8" s="71">
        <v>0</v>
      </c>
      <c r="CG8" s="71">
        <v>0</v>
      </c>
      <c r="CH8" s="71">
        <v>0</v>
      </c>
      <c r="CI8" s="71">
        <v>0</v>
      </c>
      <c r="CJ8" s="71">
        <v>0</v>
      </c>
      <c r="CK8" s="72">
        <v>0</v>
      </c>
      <c r="CL8" s="73">
        <v>0</v>
      </c>
      <c r="CM8" s="70">
        <v>1821</v>
      </c>
      <c r="CN8" s="71">
        <v>2022</v>
      </c>
      <c r="CO8" s="72">
        <v>3843</v>
      </c>
      <c r="CP8" s="244"/>
      <c r="CQ8" s="71">
        <v>2185</v>
      </c>
      <c r="CR8" s="71">
        <v>2394</v>
      </c>
      <c r="CS8" s="71">
        <v>1603</v>
      </c>
      <c r="CT8" s="71">
        <v>1224</v>
      </c>
      <c r="CU8" s="71">
        <v>747</v>
      </c>
      <c r="CV8" s="72">
        <v>8153</v>
      </c>
      <c r="CW8" s="73">
        <v>11996</v>
      </c>
      <c r="CX8" s="123">
        <v>244</v>
      </c>
      <c r="CY8" s="82">
        <v>326</v>
      </c>
      <c r="CZ8" s="83">
        <v>570</v>
      </c>
      <c r="DA8" s="241"/>
      <c r="DB8" s="82">
        <v>293</v>
      </c>
      <c r="DC8" s="82">
        <v>358</v>
      </c>
      <c r="DD8" s="82">
        <v>218</v>
      </c>
      <c r="DE8" s="82">
        <v>249</v>
      </c>
      <c r="DF8" s="82">
        <v>159</v>
      </c>
      <c r="DG8" s="84">
        <v>1277</v>
      </c>
      <c r="DH8" s="85">
        <v>1847</v>
      </c>
      <c r="DI8" s="70">
        <v>7</v>
      </c>
      <c r="DJ8" s="71">
        <v>9</v>
      </c>
      <c r="DK8" s="72">
        <v>16</v>
      </c>
      <c r="DL8" s="244"/>
      <c r="DM8" s="71">
        <v>5</v>
      </c>
      <c r="DN8" s="71">
        <v>6</v>
      </c>
      <c r="DO8" s="71">
        <v>3</v>
      </c>
      <c r="DP8" s="71">
        <v>4</v>
      </c>
      <c r="DQ8" s="71">
        <v>3</v>
      </c>
      <c r="DR8" s="72">
        <v>21</v>
      </c>
      <c r="DS8" s="73">
        <v>37</v>
      </c>
      <c r="DT8" s="70">
        <v>15</v>
      </c>
      <c r="DU8" s="71">
        <v>26</v>
      </c>
      <c r="DV8" s="72">
        <v>41</v>
      </c>
      <c r="DW8" s="244"/>
      <c r="DX8" s="71">
        <v>10</v>
      </c>
      <c r="DY8" s="71">
        <v>11</v>
      </c>
      <c r="DZ8" s="71">
        <v>7</v>
      </c>
      <c r="EA8" s="71">
        <v>8</v>
      </c>
      <c r="EB8" s="71">
        <v>5</v>
      </c>
      <c r="EC8" s="72">
        <v>41</v>
      </c>
      <c r="ED8" s="73">
        <v>82</v>
      </c>
      <c r="EE8" s="70">
        <v>30</v>
      </c>
      <c r="EF8" s="71">
        <v>44</v>
      </c>
      <c r="EG8" s="72">
        <v>74</v>
      </c>
      <c r="EH8" s="244"/>
      <c r="EI8" s="71">
        <v>23</v>
      </c>
      <c r="EJ8" s="71">
        <v>31</v>
      </c>
      <c r="EK8" s="71">
        <v>17</v>
      </c>
      <c r="EL8" s="71">
        <v>8</v>
      </c>
      <c r="EM8" s="71">
        <v>12</v>
      </c>
      <c r="EN8" s="72">
        <v>91</v>
      </c>
      <c r="EO8" s="73">
        <v>165</v>
      </c>
      <c r="EP8" s="70">
        <v>70</v>
      </c>
      <c r="EQ8" s="71">
        <v>64</v>
      </c>
      <c r="ER8" s="72">
        <v>134</v>
      </c>
      <c r="ES8" s="244"/>
      <c r="ET8" s="71">
        <v>57</v>
      </c>
      <c r="EU8" s="71">
        <v>49</v>
      </c>
      <c r="EV8" s="71">
        <v>26</v>
      </c>
      <c r="EW8" s="71">
        <v>35</v>
      </c>
      <c r="EX8" s="71">
        <v>20</v>
      </c>
      <c r="EY8" s="72">
        <v>187</v>
      </c>
      <c r="EZ8" s="73">
        <v>321</v>
      </c>
      <c r="FA8" s="70">
        <v>72</v>
      </c>
      <c r="FB8" s="71">
        <v>98</v>
      </c>
      <c r="FC8" s="72">
        <v>170</v>
      </c>
      <c r="FD8" s="244"/>
      <c r="FE8" s="71">
        <v>95</v>
      </c>
      <c r="FF8" s="71">
        <v>95</v>
      </c>
      <c r="FG8" s="71">
        <v>55</v>
      </c>
      <c r="FH8" s="71">
        <v>54</v>
      </c>
      <c r="FI8" s="71">
        <v>38</v>
      </c>
      <c r="FJ8" s="72">
        <v>337</v>
      </c>
      <c r="FK8" s="73">
        <v>507</v>
      </c>
      <c r="FL8" s="70">
        <v>50</v>
      </c>
      <c r="FM8" s="71">
        <v>85</v>
      </c>
      <c r="FN8" s="72">
        <v>135</v>
      </c>
      <c r="FO8" s="244"/>
      <c r="FP8" s="71">
        <v>103</v>
      </c>
      <c r="FQ8" s="71">
        <v>166</v>
      </c>
      <c r="FR8" s="71">
        <v>110</v>
      </c>
      <c r="FS8" s="71">
        <v>140</v>
      </c>
      <c r="FT8" s="71">
        <v>81</v>
      </c>
      <c r="FU8" s="72">
        <v>600</v>
      </c>
      <c r="FV8" s="73">
        <v>735</v>
      </c>
      <c r="FW8" s="70">
        <v>0</v>
      </c>
      <c r="FX8" s="71">
        <v>0</v>
      </c>
      <c r="FY8" s="72">
        <v>0</v>
      </c>
      <c r="FZ8" s="244"/>
      <c r="GA8" s="71">
        <v>0</v>
      </c>
      <c r="GB8" s="71">
        <v>0</v>
      </c>
      <c r="GC8" s="71">
        <v>0</v>
      </c>
      <c r="GD8" s="71">
        <v>0</v>
      </c>
      <c r="GE8" s="71">
        <v>0</v>
      </c>
      <c r="GF8" s="72">
        <v>0</v>
      </c>
      <c r="GG8" s="73">
        <v>0</v>
      </c>
      <c r="GH8" s="70">
        <v>244</v>
      </c>
      <c r="GI8" s="71">
        <v>326</v>
      </c>
      <c r="GJ8" s="72">
        <v>570</v>
      </c>
      <c r="GK8" s="244"/>
      <c r="GL8" s="71">
        <v>293</v>
      </c>
      <c r="GM8" s="71">
        <v>358</v>
      </c>
      <c r="GN8" s="71">
        <v>218</v>
      </c>
      <c r="GO8" s="71">
        <v>249</v>
      </c>
      <c r="GP8" s="71">
        <v>159</v>
      </c>
      <c r="GQ8" s="72">
        <v>1277</v>
      </c>
      <c r="GR8" s="73">
        <v>1847</v>
      </c>
      <c r="GS8" s="123">
        <v>2065</v>
      </c>
      <c r="GT8" s="82">
        <v>2348</v>
      </c>
      <c r="GU8" s="83">
        <v>4413</v>
      </c>
      <c r="GV8" s="241"/>
      <c r="GW8" s="82">
        <v>2478</v>
      </c>
      <c r="GX8" s="82">
        <v>2752</v>
      </c>
      <c r="GY8" s="82">
        <v>1821</v>
      </c>
      <c r="GZ8" s="82">
        <v>1473</v>
      </c>
      <c r="HA8" s="82">
        <v>906</v>
      </c>
      <c r="HB8" s="84">
        <v>9430</v>
      </c>
      <c r="HC8" s="85">
        <v>13843</v>
      </c>
      <c r="HD8" s="70">
        <v>25</v>
      </c>
      <c r="HE8" s="71">
        <v>39</v>
      </c>
      <c r="HF8" s="72">
        <v>64</v>
      </c>
      <c r="HG8" s="244"/>
      <c r="HH8" s="71">
        <v>39</v>
      </c>
      <c r="HI8" s="71">
        <v>52</v>
      </c>
      <c r="HJ8" s="71">
        <v>26</v>
      </c>
      <c r="HK8" s="71">
        <v>26</v>
      </c>
      <c r="HL8" s="71">
        <v>22</v>
      </c>
      <c r="HM8" s="72">
        <v>165</v>
      </c>
      <c r="HN8" s="73">
        <v>229</v>
      </c>
      <c r="HO8" s="70">
        <v>85</v>
      </c>
      <c r="HP8" s="71">
        <v>119</v>
      </c>
      <c r="HQ8" s="72">
        <v>204</v>
      </c>
      <c r="HR8" s="244"/>
      <c r="HS8" s="71">
        <v>87</v>
      </c>
      <c r="HT8" s="71">
        <v>127</v>
      </c>
      <c r="HU8" s="71">
        <v>84</v>
      </c>
      <c r="HV8" s="71">
        <v>58</v>
      </c>
      <c r="HW8" s="71">
        <v>50</v>
      </c>
      <c r="HX8" s="72">
        <v>406</v>
      </c>
      <c r="HY8" s="73">
        <v>610</v>
      </c>
      <c r="HZ8" s="70">
        <v>177</v>
      </c>
      <c r="IA8" s="71">
        <v>215</v>
      </c>
      <c r="IB8" s="72">
        <v>392</v>
      </c>
      <c r="IC8" s="244"/>
      <c r="ID8" s="71">
        <v>179</v>
      </c>
      <c r="IE8" s="71">
        <v>191</v>
      </c>
      <c r="IF8" s="71">
        <v>135</v>
      </c>
      <c r="IG8" s="71">
        <v>91</v>
      </c>
      <c r="IH8" s="71">
        <v>75</v>
      </c>
      <c r="II8" s="72">
        <v>671</v>
      </c>
      <c r="IJ8" s="73">
        <v>1063</v>
      </c>
      <c r="IK8" s="70">
        <v>402</v>
      </c>
      <c r="IL8" s="71">
        <v>423</v>
      </c>
      <c r="IM8" s="72">
        <v>825</v>
      </c>
      <c r="IN8" s="244"/>
      <c r="IO8" s="71">
        <v>450</v>
      </c>
      <c r="IP8" s="71">
        <v>437</v>
      </c>
      <c r="IQ8" s="71">
        <v>261</v>
      </c>
      <c r="IR8" s="71">
        <v>222</v>
      </c>
      <c r="IS8" s="71">
        <v>139</v>
      </c>
      <c r="IT8" s="72">
        <v>1509</v>
      </c>
      <c r="IU8" s="73">
        <v>2334</v>
      </c>
      <c r="IV8" s="70">
        <v>740</v>
      </c>
      <c r="IW8" s="71">
        <v>773</v>
      </c>
      <c r="IX8" s="72">
        <v>1513</v>
      </c>
      <c r="IY8" s="244"/>
      <c r="IZ8" s="71">
        <v>891</v>
      </c>
      <c r="JA8" s="71">
        <v>828</v>
      </c>
      <c r="JB8" s="71">
        <v>545</v>
      </c>
      <c r="JC8" s="71">
        <v>421</v>
      </c>
      <c r="JD8" s="71">
        <v>253</v>
      </c>
      <c r="JE8" s="72">
        <v>2938</v>
      </c>
      <c r="JF8" s="73">
        <v>4451</v>
      </c>
      <c r="JG8" s="70">
        <v>636</v>
      </c>
      <c r="JH8" s="71">
        <v>779</v>
      </c>
      <c r="JI8" s="72">
        <v>1415</v>
      </c>
      <c r="JJ8" s="244"/>
      <c r="JK8" s="71">
        <v>832</v>
      </c>
      <c r="JL8" s="71">
        <v>1117</v>
      </c>
      <c r="JM8" s="71">
        <v>770</v>
      </c>
      <c r="JN8" s="71">
        <v>655</v>
      </c>
      <c r="JO8" s="71">
        <v>367</v>
      </c>
      <c r="JP8" s="72">
        <v>3741</v>
      </c>
      <c r="JQ8" s="73">
        <v>5156</v>
      </c>
      <c r="JR8" s="70">
        <v>0</v>
      </c>
      <c r="JS8" s="71">
        <v>0</v>
      </c>
      <c r="JT8" s="72">
        <v>0</v>
      </c>
      <c r="JU8" s="244"/>
      <c r="JV8" s="71">
        <v>0</v>
      </c>
      <c r="JW8" s="71">
        <v>0</v>
      </c>
      <c r="JX8" s="71">
        <v>0</v>
      </c>
      <c r="JY8" s="71">
        <v>0</v>
      </c>
      <c r="JZ8" s="71">
        <v>0</v>
      </c>
      <c r="KA8" s="72">
        <v>0</v>
      </c>
      <c r="KB8" s="73">
        <v>0</v>
      </c>
      <c r="KC8" s="70">
        <v>2065</v>
      </c>
      <c r="KD8" s="71">
        <v>2348</v>
      </c>
      <c r="KE8" s="72">
        <v>4413</v>
      </c>
      <c r="KF8" s="244"/>
      <c r="KG8" s="71">
        <v>2478</v>
      </c>
      <c r="KH8" s="71">
        <v>2752</v>
      </c>
      <c r="KI8" s="71">
        <v>1821</v>
      </c>
      <c r="KJ8" s="71">
        <v>1473</v>
      </c>
      <c r="KK8" s="71">
        <v>906</v>
      </c>
      <c r="KL8" s="72">
        <v>9430</v>
      </c>
      <c r="KM8" s="73">
        <v>13843</v>
      </c>
    </row>
    <row r="9" spans="2:299" ht="21" customHeight="1" x14ac:dyDescent="0.2">
      <c r="B9" s="126" t="s">
        <v>6</v>
      </c>
      <c r="C9" s="313">
        <v>486</v>
      </c>
      <c r="D9" s="82">
        <v>374</v>
      </c>
      <c r="E9" s="83">
        <v>860</v>
      </c>
      <c r="F9" s="241"/>
      <c r="G9" s="82">
        <v>801</v>
      </c>
      <c r="H9" s="82">
        <v>541</v>
      </c>
      <c r="I9" s="82">
        <v>379</v>
      </c>
      <c r="J9" s="82">
        <v>374</v>
      </c>
      <c r="K9" s="82">
        <v>233</v>
      </c>
      <c r="L9" s="84">
        <v>2328</v>
      </c>
      <c r="M9" s="85">
        <v>3188</v>
      </c>
      <c r="N9" s="70">
        <v>7</v>
      </c>
      <c r="O9" s="71">
        <v>8</v>
      </c>
      <c r="P9" s="72">
        <v>15</v>
      </c>
      <c r="Q9" s="244"/>
      <c r="R9" s="71">
        <v>15</v>
      </c>
      <c r="S9" s="71">
        <v>10</v>
      </c>
      <c r="T9" s="71">
        <v>9</v>
      </c>
      <c r="U9" s="71">
        <v>1</v>
      </c>
      <c r="V9" s="71">
        <v>4</v>
      </c>
      <c r="W9" s="72">
        <v>39</v>
      </c>
      <c r="X9" s="73">
        <v>54</v>
      </c>
      <c r="Y9" s="70">
        <v>18</v>
      </c>
      <c r="Z9" s="71">
        <v>16</v>
      </c>
      <c r="AA9" s="72">
        <v>34</v>
      </c>
      <c r="AB9" s="244"/>
      <c r="AC9" s="71">
        <v>40</v>
      </c>
      <c r="AD9" s="71">
        <v>23</v>
      </c>
      <c r="AE9" s="71">
        <v>15</v>
      </c>
      <c r="AF9" s="71">
        <v>26</v>
      </c>
      <c r="AG9" s="71">
        <v>21</v>
      </c>
      <c r="AH9" s="72">
        <v>125</v>
      </c>
      <c r="AI9" s="73">
        <v>159</v>
      </c>
      <c r="AJ9" s="70">
        <v>39</v>
      </c>
      <c r="AK9" s="71">
        <v>36</v>
      </c>
      <c r="AL9" s="72">
        <v>75</v>
      </c>
      <c r="AM9" s="244"/>
      <c r="AN9" s="71">
        <v>66</v>
      </c>
      <c r="AO9" s="71">
        <v>37</v>
      </c>
      <c r="AP9" s="71">
        <v>31</v>
      </c>
      <c r="AQ9" s="71">
        <v>27</v>
      </c>
      <c r="AR9" s="71">
        <v>23</v>
      </c>
      <c r="AS9" s="72">
        <v>184</v>
      </c>
      <c r="AT9" s="73">
        <v>259</v>
      </c>
      <c r="AU9" s="70">
        <v>88</v>
      </c>
      <c r="AV9" s="71">
        <v>57</v>
      </c>
      <c r="AW9" s="72">
        <v>145</v>
      </c>
      <c r="AX9" s="244"/>
      <c r="AY9" s="71">
        <v>149</v>
      </c>
      <c r="AZ9" s="71">
        <v>102</v>
      </c>
      <c r="BA9" s="71">
        <v>64</v>
      </c>
      <c r="BB9" s="71">
        <v>34</v>
      </c>
      <c r="BC9" s="71">
        <v>39</v>
      </c>
      <c r="BD9" s="72">
        <v>388</v>
      </c>
      <c r="BE9" s="73">
        <v>533</v>
      </c>
      <c r="BF9" s="70">
        <v>176</v>
      </c>
      <c r="BG9" s="71">
        <v>113</v>
      </c>
      <c r="BH9" s="72">
        <v>289</v>
      </c>
      <c r="BI9" s="244"/>
      <c r="BJ9" s="71">
        <v>256</v>
      </c>
      <c r="BK9" s="71">
        <v>167</v>
      </c>
      <c r="BL9" s="71">
        <v>104</v>
      </c>
      <c r="BM9" s="71">
        <v>106</v>
      </c>
      <c r="BN9" s="71">
        <v>69</v>
      </c>
      <c r="BO9" s="72">
        <v>702</v>
      </c>
      <c r="BP9" s="73">
        <v>991</v>
      </c>
      <c r="BQ9" s="70">
        <v>158</v>
      </c>
      <c r="BR9" s="71">
        <v>144</v>
      </c>
      <c r="BS9" s="72">
        <v>302</v>
      </c>
      <c r="BT9" s="244"/>
      <c r="BU9" s="71">
        <v>275</v>
      </c>
      <c r="BV9" s="71">
        <v>202</v>
      </c>
      <c r="BW9" s="71">
        <v>156</v>
      </c>
      <c r="BX9" s="71">
        <v>180</v>
      </c>
      <c r="BY9" s="71">
        <v>77</v>
      </c>
      <c r="BZ9" s="72">
        <v>890</v>
      </c>
      <c r="CA9" s="73">
        <v>1192</v>
      </c>
      <c r="CB9" s="70">
        <v>0</v>
      </c>
      <c r="CC9" s="71">
        <v>0</v>
      </c>
      <c r="CD9" s="72">
        <v>0</v>
      </c>
      <c r="CE9" s="244"/>
      <c r="CF9" s="71">
        <v>0</v>
      </c>
      <c r="CG9" s="71">
        <v>0</v>
      </c>
      <c r="CH9" s="71">
        <v>0</v>
      </c>
      <c r="CI9" s="71">
        <v>0</v>
      </c>
      <c r="CJ9" s="71">
        <v>0</v>
      </c>
      <c r="CK9" s="72">
        <v>0</v>
      </c>
      <c r="CL9" s="73">
        <v>0</v>
      </c>
      <c r="CM9" s="70">
        <v>486</v>
      </c>
      <c r="CN9" s="71">
        <v>374</v>
      </c>
      <c r="CO9" s="72">
        <v>860</v>
      </c>
      <c r="CP9" s="244"/>
      <c r="CQ9" s="71">
        <v>801</v>
      </c>
      <c r="CR9" s="71">
        <v>541</v>
      </c>
      <c r="CS9" s="71">
        <v>379</v>
      </c>
      <c r="CT9" s="71">
        <v>374</v>
      </c>
      <c r="CU9" s="71">
        <v>233</v>
      </c>
      <c r="CV9" s="72">
        <v>2328</v>
      </c>
      <c r="CW9" s="73">
        <v>3188</v>
      </c>
      <c r="CX9" s="123">
        <v>101</v>
      </c>
      <c r="CY9" s="82">
        <v>89</v>
      </c>
      <c r="CZ9" s="83">
        <v>190</v>
      </c>
      <c r="DA9" s="241"/>
      <c r="DB9" s="82">
        <v>127</v>
      </c>
      <c r="DC9" s="82">
        <v>111</v>
      </c>
      <c r="DD9" s="82">
        <v>85</v>
      </c>
      <c r="DE9" s="82">
        <v>80</v>
      </c>
      <c r="DF9" s="82">
        <v>54</v>
      </c>
      <c r="DG9" s="84">
        <v>457</v>
      </c>
      <c r="DH9" s="85">
        <v>647</v>
      </c>
      <c r="DI9" s="70">
        <v>3</v>
      </c>
      <c r="DJ9" s="71">
        <v>1</v>
      </c>
      <c r="DK9" s="72">
        <v>4</v>
      </c>
      <c r="DL9" s="244"/>
      <c r="DM9" s="71">
        <v>1</v>
      </c>
      <c r="DN9" s="71">
        <v>1</v>
      </c>
      <c r="DO9" s="71">
        <v>0</v>
      </c>
      <c r="DP9" s="71">
        <v>4</v>
      </c>
      <c r="DQ9" s="71">
        <v>1</v>
      </c>
      <c r="DR9" s="72">
        <v>7</v>
      </c>
      <c r="DS9" s="73">
        <v>11</v>
      </c>
      <c r="DT9" s="70">
        <v>6</v>
      </c>
      <c r="DU9" s="71">
        <v>8</v>
      </c>
      <c r="DV9" s="72">
        <v>14</v>
      </c>
      <c r="DW9" s="244"/>
      <c r="DX9" s="71">
        <v>6</v>
      </c>
      <c r="DY9" s="71">
        <v>3</v>
      </c>
      <c r="DZ9" s="71">
        <v>1</v>
      </c>
      <c r="EA9" s="71">
        <v>5</v>
      </c>
      <c r="EB9" s="71">
        <v>1</v>
      </c>
      <c r="EC9" s="72">
        <v>16</v>
      </c>
      <c r="ED9" s="73">
        <v>30</v>
      </c>
      <c r="EE9" s="70">
        <v>15</v>
      </c>
      <c r="EF9" s="71">
        <v>7</v>
      </c>
      <c r="EG9" s="72">
        <v>22</v>
      </c>
      <c r="EH9" s="244"/>
      <c r="EI9" s="71">
        <v>12</v>
      </c>
      <c r="EJ9" s="71">
        <v>5</v>
      </c>
      <c r="EK9" s="71">
        <v>8</v>
      </c>
      <c r="EL9" s="71">
        <v>3</v>
      </c>
      <c r="EM9" s="71">
        <v>0</v>
      </c>
      <c r="EN9" s="72">
        <v>28</v>
      </c>
      <c r="EO9" s="73">
        <v>50</v>
      </c>
      <c r="EP9" s="70">
        <v>32</v>
      </c>
      <c r="EQ9" s="71">
        <v>26</v>
      </c>
      <c r="ER9" s="72">
        <v>58</v>
      </c>
      <c r="ES9" s="244"/>
      <c r="ET9" s="71">
        <v>25</v>
      </c>
      <c r="EU9" s="71">
        <v>16</v>
      </c>
      <c r="EV9" s="71">
        <v>11</v>
      </c>
      <c r="EW9" s="71">
        <v>7</v>
      </c>
      <c r="EX9" s="71">
        <v>8</v>
      </c>
      <c r="EY9" s="72">
        <v>67</v>
      </c>
      <c r="EZ9" s="73">
        <v>125</v>
      </c>
      <c r="FA9" s="70">
        <v>25</v>
      </c>
      <c r="FB9" s="71">
        <v>28</v>
      </c>
      <c r="FC9" s="72">
        <v>53</v>
      </c>
      <c r="FD9" s="244"/>
      <c r="FE9" s="71">
        <v>42</v>
      </c>
      <c r="FF9" s="71">
        <v>37</v>
      </c>
      <c r="FG9" s="71">
        <v>28</v>
      </c>
      <c r="FH9" s="71">
        <v>18</v>
      </c>
      <c r="FI9" s="71">
        <v>17</v>
      </c>
      <c r="FJ9" s="72">
        <v>142</v>
      </c>
      <c r="FK9" s="73">
        <v>195</v>
      </c>
      <c r="FL9" s="70">
        <v>20</v>
      </c>
      <c r="FM9" s="71">
        <v>19</v>
      </c>
      <c r="FN9" s="72">
        <v>39</v>
      </c>
      <c r="FO9" s="244"/>
      <c r="FP9" s="71">
        <v>41</v>
      </c>
      <c r="FQ9" s="71">
        <v>49</v>
      </c>
      <c r="FR9" s="71">
        <v>37</v>
      </c>
      <c r="FS9" s="71">
        <v>43</v>
      </c>
      <c r="FT9" s="71">
        <v>27</v>
      </c>
      <c r="FU9" s="72">
        <v>197</v>
      </c>
      <c r="FV9" s="73">
        <v>236</v>
      </c>
      <c r="FW9" s="70">
        <v>0</v>
      </c>
      <c r="FX9" s="71">
        <v>0</v>
      </c>
      <c r="FY9" s="72">
        <v>0</v>
      </c>
      <c r="FZ9" s="244"/>
      <c r="GA9" s="71">
        <v>0</v>
      </c>
      <c r="GB9" s="71">
        <v>0</v>
      </c>
      <c r="GC9" s="71">
        <v>0</v>
      </c>
      <c r="GD9" s="71">
        <v>0</v>
      </c>
      <c r="GE9" s="71">
        <v>0</v>
      </c>
      <c r="GF9" s="72">
        <v>0</v>
      </c>
      <c r="GG9" s="73">
        <v>0</v>
      </c>
      <c r="GH9" s="70">
        <v>101</v>
      </c>
      <c r="GI9" s="71">
        <v>89</v>
      </c>
      <c r="GJ9" s="72">
        <v>190</v>
      </c>
      <c r="GK9" s="244"/>
      <c r="GL9" s="71">
        <v>127</v>
      </c>
      <c r="GM9" s="71">
        <v>111</v>
      </c>
      <c r="GN9" s="71">
        <v>85</v>
      </c>
      <c r="GO9" s="71">
        <v>80</v>
      </c>
      <c r="GP9" s="71">
        <v>54</v>
      </c>
      <c r="GQ9" s="72">
        <v>457</v>
      </c>
      <c r="GR9" s="73">
        <v>647</v>
      </c>
      <c r="GS9" s="123">
        <v>587</v>
      </c>
      <c r="GT9" s="82">
        <v>463</v>
      </c>
      <c r="GU9" s="83">
        <v>1050</v>
      </c>
      <c r="GV9" s="241"/>
      <c r="GW9" s="82">
        <v>928</v>
      </c>
      <c r="GX9" s="82">
        <v>652</v>
      </c>
      <c r="GY9" s="82">
        <v>464</v>
      </c>
      <c r="GZ9" s="82">
        <v>454</v>
      </c>
      <c r="HA9" s="82">
        <v>287</v>
      </c>
      <c r="HB9" s="84">
        <v>2785</v>
      </c>
      <c r="HC9" s="85">
        <v>3835</v>
      </c>
      <c r="HD9" s="70">
        <v>10</v>
      </c>
      <c r="HE9" s="71">
        <v>9</v>
      </c>
      <c r="HF9" s="72">
        <v>19</v>
      </c>
      <c r="HG9" s="244"/>
      <c r="HH9" s="71">
        <v>16</v>
      </c>
      <c r="HI9" s="71">
        <v>11</v>
      </c>
      <c r="HJ9" s="71">
        <v>9</v>
      </c>
      <c r="HK9" s="71">
        <v>5</v>
      </c>
      <c r="HL9" s="71">
        <v>5</v>
      </c>
      <c r="HM9" s="72">
        <v>46</v>
      </c>
      <c r="HN9" s="73">
        <v>65</v>
      </c>
      <c r="HO9" s="70">
        <v>24</v>
      </c>
      <c r="HP9" s="71">
        <v>24</v>
      </c>
      <c r="HQ9" s="72">
        <v>48</v>
      </c>
      <c r="HR9" s="244"/>
      <c r="HS9" s="71">
        <v>46</v>
      </c>
      <c r="HT9" s="71">
        <v>26</v>
      </c>
      <c r="HU9" s="71">
        <v>16</v>
      </c>
      <c r="HV9" s="71">
        <v>31</v>
      </c>
      <c r="HW9" s="71">
        <v>22</v>
      </c>
      <c r="HX9" s="72">
        <v>141</v>
      </c>
      <c r="HY9" s="73">
        <v>189</v>
      </c>
      <c r="HZ9" s="70">
        <v>54</v>
      </c>
      <c r="IA9" s="71">
        <v>43</v>
      </c>
      <c r="IB9" s="72">
        <v>97</v>
      </c>
      <c r="IC9" s="244"/>
      <c r="ID9" s="71">
        <v>78</v>
      </c>
      <c r="IE9" s="71">
        <v>42</v>
      </c>
      <c r="IF9" s="71">
        <v>39</v>
      </c>
      <c r="IG9" s="71">
        <v>30</v>
      </c>
      <c r="IH9" s="71">
        <v>23</v>
      </c>
      <c r="II9" s="72">
        <v>212</v>
      </c>
      <c r="IJ9" s="73">
        <v>309</v>
      </c>
      <c r="IK9" s="70">
        <v>120</v>
      </c>
      <c r="IL9" s="71">
        <v>83</v>
      </c>
      <c r="IM9" s="72">
        <v>203</v>
      </c>
      <c r="IN9" s="244"/>
      <c r="IO9" s="71">
        <v>174</v>
      </c>
      <c r="IP9" s="71">
        <v>118</v>
      </c>
      <c r="IQ9" s="71">
        <v>75</v>
      </c>
      <c r="IR9" s="71">
        <v>41</v>
      </c>
      <c r="IS9" s="71">
        <v>47</v>
      </c>
      <c r="IT9" s="72">
        <v>455</v>
      </c>
      <c r="IU9" s="73">
        <v>658</v>
      </c>
      <c r="IV9" s="70">
        <v>201</v>
      </c>
      <c r="IW9" s="71">
        <v>141</v>
      </c>
      <c r="IX9" s="72">
        <v>342</v>
      </c>
      <c r="IY9" s="244"/>
      <c r="IZ9" s="71">
        <v>298</v>
      </c>
      <c r="JA9" s="71">
        <v>204</v>
      </c>
      <c r="JB9" s="71">
        <v>132</v>
      </c>
      <c r="JC9" s="71">
        <v>124</v>
      </c>
      <c r="JD9" s="71">
        <v>86</v>
      </c>
      <c r="JE9" s="72">
        <v>844</v>
      </c>
      <c r="JF9" s="73">
        <v>1186</v>
      </c>
      <c r="JG9" s="70">
        <v>178</v>
      </c>
      <c r="JH9" s="71">
        <v>163</v>
      </c>
      <c r="JI9" s="72">
        <v>341</v>
      </c>
      <c r="JJ9" s="244"/>
      <c r="JK9" s="71">
        <v>316</v>
      </c>
      <c r="JL9" s="71">
        <v>251</v>
      </c>
      <c r="JM9" s="71">
        <v>193</v>
      </c>
      <c r="JN9" s="71">
        <v>223</v>
      </c>
      <c r="JO9" s="71">
        <v>104</v>
      </c>
      <c r="JP9" s="72">
        <v>1087</v>
      </c>
      <c r="JQ9" s="73">
        <v>1428</v>
      </c>
      <c r="JR9" s="70">
        <v>0</v>
      </c>
      <c r="JS9" s="71">
        <v>0</v>
      </c>
      <c r="JT9" s="72">
        <v>0</v>
      </c>
      <c r="JU9" s="244"/>
      <c r="JV9" s="71">
        <v>0</v>
      </c>
      <c r="JW9" s="71">
        <v>0</v>
      </c>
      <c r="JX9" s="71">
        <v>0</v>
      </c>
      <c r="JY9" s="71">
        <v>0</v>
      </c>
      <c r="JZ9" s="71">
        <v>0</v>
      </c>
      <c r="KA9" s="72">
        <v>0</v>
      </c>
      <c r="KB9" s="73">
        <v>0</v>
      </c>
      <c r="KC9" s="70">
        <v>587</v>
      </c>
      <c r="KD9" s="71">
        <v>463</v>
      </c>
      <c r="KE9" s="72">
        <v>1050</v>
      </c>
      <c r="KF9" s="244"/>
      <c r="KG9" s="71">
        <v>928</v>
      </c>
      <c r="KH9" s="71">
        <v>652</v>
      </c>
      <c r="KI9" s="71">
        <v>464</v>
      </c>
      <c r="KJ9" s="71">
        <v>454</v>
      </c>
      <c r="KK9" s="71">
        <v>287</v>
      </c>
      <c r="KL9" s="72">
        <v>2785</v>
      </c>
      <c r="KM9" s="73">
        <v>3835</v>
      </c>
    </row>
    <row r="10" spans="2:299" ht="21" customHeight="1" x14ac:dyDescent="0.2">
      <c r="B10" s="126" t="s">
        <v>14</v>
      </c>
      <c r="C10" s="313">
        <v>243</v>
      </c>
      <c r="D10" s="82">
        <v>321</v>
      </c>
      <c r="E10" s="83">
        <v>564</v>
      </c>
      <c r="F10" s="241"/>
      <c r="G10" s="82">
        <v>389</v>
      </c>
      <c r="H10" s="82">
        <v>431</v>
      </c>
      <c r="I10" s="82">
        <v>294</v>
      </c>
      <c r="J10" s="82">
        <v>211</v>
      </c>
      <c r="K10" s="82">
        <v>128</v>
      </c>
      <c r="L10" s="84">
        <v>1453</v>
      </c>
      <c r="M10" s="85">
        <v>2017</v>
      </c>
      <c r="N10" s="70">
        <v>2</v>
      </c>
      <c r="O10" s="71">
        <v>8</v>
      </c>
      <c r="P10" s="72">
        <v>10</v>
      </c>
      <c r="Q10" s="244"/>
      <c r="R10" s="71">
        <v>3</v>
      </c>
      <c r="S10" s="71">
        <v>11</v>
      </c>
      <c r="T10" s="71">
        <v>5</v>
      </c>
      <c r="U10" s="71">
        <v>4</v>
      </c>
      <c r="V10" s="71">
        <v>2</v>
      </c>
      <c r="W10" s="72">
        <v>25</v>
      </c>
      <c r="X10" s="73">
        <v>35</v>
      </c>
      <c r="Y10" s="70">
        <v>16</v>
      </c>
      <c r="Z10" s="71">
        <v>16</v>
      </c>
      <c r="AA10" s="72">
        <v>32</v>
      </c>
      <c r="AB10" s="244"/>
      <c r="AC10" s="71">
        <v>10</v>
      </c>
      <c r="AD10" s="71">
        <v>17</v>
      </c>
      <c r="AE10" s="71">
        <v>14</v>
      </c>
      <c r="AF10" s="71">
        <v>11</v>
      </c>
      <c r="AG10" s="71">
        <v>11</v>
      </c>
      <c r="AH10" s="72">
        <v>63</v>
      </c>
      <c r="AI10" s="73">
        <v>95</v>
      </c>
      <c r="AJ10" s="70">
        <v>22</v>
      </c>
      <c r="AK10" s="71">
        <v>30</v>
      </c>
      <c r="AL10" s="72">
        <v>52</v>
      </c>
      <c r="AM10" s="244"/>
      <c r="AN10" s="71">
        <v>26</v>
      </c>
      <c r="AO10" s="71">
        <v>43</v>
      </c>
      <c r="AP10" s="71">
        <v>23</v>
      </c>
      <c r="AQ10" s="71">
        <v>24</v>
      </c>
      <c r="AR10" s="71">
        <v>13</v>
      </c>
      <c r="AS10" s="72">
        <v>129</v>
      </c>
      <c r="AT10" s="73">
        <v>181</v>
      </c>
      <c r="AU10" s="70">
        <v>52</v>
      </c>
      <c r="AV10" s="71">
        <v>82</v>
      </c>
      <c r="AW10" s="72">
        <v>134</v>
      </c>
      <c r="AX10" s="244"/>
      <c r="AY10" s="71">
        <v>82</v>
      </c>
      <c r="AZ10" s="71">
        <v>99</v>
      </c>
      <c r="BA10" s="71">
        <v>51</v>
      </c>
      <c r="BB10" s="71">
        <v>39</v>
      </c>
      <c r="BC10" s="71">
        <v>18</v>
      </c>
      <c r="BD10" s="72">
        <v>289</v>
      </c>
      <c r="BE10" s="73">
        <v>423</v>
      </c>
      <c r="BF10" s="70">
        <v>87</v>
      </c>
      <c r="BG10" s="71">
        <v>94</v>
      </c>
      <c r="BH10" s="72">
        <v>181</v>
      </c>
      <c r="BI10" s="244"/>
      <c r="BJ10" s="71">
        <v>123</v>
      </c>
      <c r="BK10" s="71">
        <v>129</v>
      </c>
      <c r="BL10" s="71">
        <v>83</v>
      </c>
      <c r="BM10" s="71">
        <v>61</v>
      </c>
      <c r="BN10" s="71">
        <v>41</v>
      </c>
      <c r="BO10" s="72">
        <v>437</v>
      </c>
      <c r="BP10" s="73">
        <v>618</v>
      </c>
      <c r="BQ10" s="70">
        <v>64</v>
      </c>
      <c r="BR10" s="71">
        <v>91</v>
      </c>
      <c r="BS10" s="72">
        <v>155</v>
      </c>
      <c r="BT10" s="244"/>
      <c r="BU10" s="71">
        <v>145</v>
      </c>
      <c r="BV10" s="71">
        <v>132</v>
      </c>
      <c r="BW10" s="71">
        <v>118</v>
      </c>
      <c r="BX10" s="71">
        <v>72</v>
      </c>
      <c r="BY10" s="71">
        <v>43</v>
      </c>
      <c r="BZ10" s="72">
        <v>510</v>
      </c>
      <c r="CA10" s="73">
        <v>665</v>
      </c>
      <c r="CB10" s="70">
        <v>0</v>
      </c>
      <c r="CC10" s="71">
        <v>0</v>
      </c>
      <c r="CD10" s="72">
        <v>0</v>
      </c>
      <c r="CE10" s="244"/>
      <c r="CF10" s="71">
        <v>0</v>
      </c>
      <c r="CG10" s="71">
        <v>0</v>
      </c>
      <c r="CH10" s="71">
        <v>0</v>
      </c>
      <c r="CI10" s="71">
        <v>0</v>
      </c>
      <c r="CJ10" s="71">
        <v>0</v>
      </c>
      <c r="CK10" s="72">
        <v>0</v>
      </c>
      <c r="CL10" s="73">
        <v>0</v>
      </c>
      <c r="CM10" s="70">
        <v>243</v>
      </c>
      <c r="CN10" s="71">
        <v>321</v>
      </c>
      <c r="CO10" s="72">
        <v>564</v>
      </c>
      <c r="CP10" s="244"/>
      <c r="CQ10" s="71">
        <v>389</v>
      </c>
      <c r="CR10" s="71">
        <v>431</v>
      </c>
      <c r="CS10" s="71">
        <v>294</v>
      </c>
      <c r="CT10" s="71">
        <v>211</v>
      </c>
      <c r="CU10" s="71">
        <v>128</v>
      </c>
      <c r="CV10" s="72">
        <v>1453</v>
      </c>
      <c r="CW10" s="73">
        <v>2017</v>
      </c>
      <c r="CX10" s="123">
        <v>37</v>
      </c>
      <c r="CY10" s="82">
        <v>44</v>
      </c>
      <c r="CZ10" s="83">
        <v>81</v>
      </c>
      <c r="DA10" s="241"/>
      <c r="DB10" s="82">
        <v>43</v>
      </c>
      <c r="DC10" s="82">
        <v>51</v>
      </c>
      <c r="DD10" s="82">
        <v>30</v>
      </c>
      <c r="DE10" s="82">
        <v>32</v>
      </c>
      <c r="DF10" s="82">
        <v>16</v>
      </c>
      <c r="DG10" s="84">
        <v>172</v>
      </c>
      <c r="DH10" s="85">
        <v>253</v>
      </c>
      <c r="DI10" s="70">
        <v>0</v>
      </c>
      <c r="DJ10" s="71">
        <v>2</v>
      </c>
      <c r="DK10" s="72">
        <v>2</v>
      </c>
      <c r="DL10" s="244"/>
      <c r="DM10" s="71">
        <v>1</v>
      </c>
      <c r="DN10" s="71">
        <v>0</v>
      </c>
      <c r="DO10" s="71">
        <v>0</v>
      </c>
      <c r="DP10" s="71">
        <v>1</v>
      </c>
      <c r="DQ10" s="71">
        <v>0</v>
      </c>
      <c r="DR10" s="72">
        <v>2</v>
      </c>
      <c r="DS10" s="73">
        <v>4</v>
      </c>
      <c r="DT10" s="70">
        <v>3</v>
      </c>
      <c r="DU10" s="71">
        <v>2</v>
      </c>
      <c r="DV10" s="72">
        <v>5</v>
      </c>
      <c r="DW10" s="244"/>
      <c r="DX10" s="71">
        <v>4</v>
      </c>
      <c r="DY10" s="71">
        <v>2</v>
      </c>
      <c r="DZ10" s="71">
        <v>0</v>
      </c>
      <c r="EA10" s="71">
        <v>1</v>
      </c>
      <c r="EB10" s="71">
        <v>1</v>
      </c>
      <c r="EC10" s="72">
        <v>8</v>
      </c>
      <c r="ED10" s="73">
        <v>13</v>
      </c>
      <c r="EE10" s="70">
        <v>9</v>
      </c>
      <c r="EF10" s="71">
        <v>7</v>
      </c>
      <c r="EG10" s="72">
        <v>16</v>
      </c>
      <c r="EH10" s="244"/>
      <c r="EI10" s="71">
        <v>7</v>
      </c>
      <c r="EJ10" s="71">
        <v>8</v>
      </c>
      <c r="EK10" s="71">
        <v>4</v>
      </c>
      <c r="EL10" s="71">
        <v>1</v>
      </c>
      <c r="EM10" s="71">
        <v>0</v>
      </c>
      <c r="EN10" s="72">
        <v>20</v>
      </c>
      <c r="EO10" s="73">
        <v>36</v>
      </c>
      <c r="EP10" s="70">
        <v>8</v>
      </c>
      <c r="EQ10" s="71">
        <v>12</v>
      </c>
      <c r="ER10" s="72">
        <v>20</v>
      </c>
      <c r="ES10" s="244"/>
      <c r="ET10" s="71">
        <v>8</v>
      </c>
      <c r="EU10" s="71">
        <v>6</v>
      </c>
      <c r="EV10" s="71">
        <v>4</v>
      </c>
      <c r="EW10" s="71">
        <v>3</v>
      </c>
      <c r="EX10" s="71">
        <v>2</v>
      </c>
      <c r="EY10" s="72">
        <v>23</v>
      </c>
      <c r="EZ10" s="73">
        <v>43</v>
      </c>
      <c r="FA10" s="70">
        <v>11</v>
      </c>
      <c r="FB10" s="71">
        <v>11</v>
      </c>
      <c r="FC10" s="72">
        <v>22</v>
      </c>
      <c r="FD10" s="244"/>
      <c r="FE10" s="71">
        <v>12</v>
      </c>
      <c r="FF10" s="71">
        <v>15</v>
      </c>
      <c r="FG10" s="71">
        <v>5</v>
      </c>
      <c r="FH10" s="71">
        <v>11</v>
      </c>
      <c r="FI10" s="71">
        <v>4</v>
      </c>
      <c r="FJ10" s="72">
        <v>47</v>
      </c>
      <c r="FK10" s="73">
        <v>69</v>
      </c>
      <c r="FL10" s="70">
        <v>6</v>
      </c>
      <c r="FM10" s="71">
        <v>10</v>
      </c>
      <c r="FN10" s="72">
        <v>16</v>
      </c>
      <c r="FO10" s="244"/>
      <c r="FP10" s="71">
        <v>11</v>
      </c>
      <c r="FQ10" s="71">
        <v>20</v>
      </c>
      <c r="FR10" s="71">
        <v>17</v>
      </c>
      <c r="FS10" s="71">
        <v>15</v>
      </c>
      <c r="FT10" s="71">
        <v>9</v>
      </c>
      <c r="FU10" s="72">
        <v>72</v>
      </c>
      <c r="FV10" s="73">
        <v>88</v>
      </c>
      <c r="FW10" s="70">
        <v>0</v>
      </c>
      <c r="FX10" s="71">
        <v>0</v>
      </c>
      <c r="FY10" s="72">
        <v>0</v>
      </c>
      <c r="FZ10" s="244"/>
      <c r="GA10" s="71">
        <v>0</v>
      </c>
      <c r="GB10" s="71">
        <v>0</v>
      </c>
      <c r="GC10" s="71">
        <v>0</v>
      </c>
      <c r="GD10" s="71">
        <v>0</v>
      </c>
      <c r="GE10" s="71">
        <v>0</v>
      </c>
      <c r="GF10" s="72">
        <v>0</v>
      </c>
      <c r="GG10" s="73">
        <v>0</v>
      </c>
      <c r="GH10" s="70">
        <v>37</v>
      </c>
      <c r="GI10" s="71">
        <v>44</v>
      </c>
      <c r="GJ10" s="72">
        <v>81</v>
      </c>
      <c r="GK10" s="244"/>
      <c r="GL10" s="71">
        <v>43</v>
      </c>
      <c r="GM10" s="71">
        <v>51</v>
      </c>
      <c r="GN10" s="71">
        <v>30</v>
      </c>
      <c r="GO10" s="71">
        <v>32</v>
      </c>
      <c r="GP10" s="71">
        <v>16</v>
      </c>
      <c r="GQ10" s="72">
        <v>172</v>
      </c>
      <c r="GR10" s="73">
        <v>253</v>
      </c>
      <c r="GS10" s="123">
        <v>280</v>
      </c>
      <c r="GT10" s="82">
        <v>365</v>
      </c>
      <c r="GU10" s="83">
        <v>645</v>
      </c>
      <c r="GV10" s="241"/>
      <c r="GW10" s="82">
        <v>432</v>
      </c>
      <c r="GX10" s="82">
        <v>482</v>
      </c>
      <c r="GY10" s="82">
        <v>324</v>
      </c>
      <c r="GZ10" s="82">
        <v>243</v>
      </c>
      <c r="HA10" s="82">
        <v>144</v>
      </c>
      <c r="HB10" s="84">
        <v>1625</v>
      </c>
      <c r="HC10" s="85">
        <v>2270</v>
      </c>
      <c r="HD10" s="70">
        <v>2</v>
      </c>
      <c r="HE10" s="71">
        <v>10</v>
      </c>
      <c r="HF10" s="72">
        <v>12</v>
      </c>
      <c r="HG10" s="244"/>
      <c r="HH10" s="71">
        <v>4</v>
      </c>
      <c r="HI10" s="71">
        <v>11</v>
      </c>
      <c r="HJ10" s="71">
        <v>5</v>
      </c>
      <c r="HK10" s="71">
        <v>5</v>
      </c>
      <c r="HL10" s="71">
        <v>2</v>
      </c>
      <c r="HM10" s="72">
        <v>27</v>
      </c>
      <c r="HN10" s="73">
        <v>39</v>
      </c>
      <c r="HO10" s="70">
        <v>19</v>
      </c>
      <c r="HP10" s="71">
        <v>18</v>
      </c>
      <c r="HQ10" s="72">
        <v>37</v>
      </c>
      <c r="HR10" s="244"/>
      <c r="HS10" s="71">
        <v>14</v>
      </c>
      <c r="HT10" s="71">
        <v>19</v>
      </c>
      <c r="HU10" s="71">
        <v>14</v>
      </c>
      <c r="HV10" s="71">
        <v>12</v>
      </c>
      <c r="HW10" s="71">
        <v>12</v>
      </c>
      <c r="HX10" s="72">
        <v>71</v>
      </c>
      <c r="HY10" s="73">
        <v>108</v>
      </c>
      <c r="HZ10" s="70">
        <v>31</v>
      </c>
      <c r="IA10" s="71">
        <v>37</v>
      </c>
      <c r="IB10" s="72">
        <v>68</v>
      </c>
      <c r="IC10" s="244"/>
      <c r="ID10" s="71">
        <v>33</v>
      </c>
      <c r="IE10" s="71">
        <v>51</v>
      </c>
      <c r="IF10" s="71">
        <v>27</v>
      </c>
      <c r="IG10" s="71">
        <v>25</v>
      </c>
      <c r="IH10" s="71">
        <v>13</v>
      </c>
      <c r="II10" s="72">
        <v>149</v>
      </c>
      <c r="IJ10" s="73">
        <v>217</v>
      </c>
      <c r="IK10" s="70">
        <v>60</v>
      </c>
      <c r="IL10" s="71">
        <v>94</v>
      </c>
      <c r="IM10" s="72">
        <v>154</v>
      </c>
      <c r="IN10" s="244"/>
      <c r="IO10" s="71">
        <v>90</v>
      </c>
      <c r="IP10" s="71">
        <v>105</v>
      </c>
      <c r="IQ10" s="71">
        <v>55</v>
      </c>
      <c r="IR10" s="71">
        <v>42</v>
      </c>
      <c r="IS10" s="71">
        <v>20</v>
      </c>
      <c r="IT10" s="72">
        <v>312</v>
      </c>
      <c r="IU10" s="73">
        <v>466</v>
      </c>
      <c r="IV10" s="70">
        <v>98</v>
      </c>
      <c r="IW10" s="71">
        <v>105</v>
      </c>
      <c r="IX10" s="72">
        <v>203</v>
      </c>
      <c r="IY10" s="244"/>
      <c r="IZ10" s="71">
        <v>135</v>
      </c>
      <c r="JA10" s="71">
        <v>144</v>
      </c>
      <c r="JB10" s="71">
        <v>88</v>
      </c>
      <c r="JC10" s="71">
        <v>72</v>
      </c>
      <c r="JD10" s="71">
        <v>45</v>
      </c>
      <c r="JE10" s="72">
        <v>484</v>
      </c>
      <c r="JF10" s="73">
        <v>687</v>
      </c>
      <c r="JG10" s="70">
        <v>70</v>
      </c>
      <c r="JH10" s="71">
        <v>101</v>
      </c>
      <c r="JI10" s="72">
        <v>171</v>
      </c>
      <c r="JJ10" s="244"/>
      <c r="JK10" s="71">
        <v>156</v>
      </c>
      <c r="JL10" s="71">
        <v>152</v>
      </c>
      <c r="JM10" s="71">
        <v>135</v>
      </c>
      <c r="JN10" s="71">
        <v>87</v>
      </c>
      <c r="JO10" s="71">
        <v>52</v>
      </c>
      <c r="JP10" s="72">
        <v>582</v>
      </c>
      <c r="JQ10" s="73">
        <v>753</v>
      </c>
      <c r="JR10" s="70">
        <v>0</v>
      </c>
      <c r="JS10" s="71">
        <v>0</v>
      </c>
      <c r="JT10" s="72">
        <v>0</v>
      </c>
      <c r="JU10" s="244"/>
      <c r="JV10" s="71">
        <v>0</v>
      </c>
      <c r="JW10" s="71">
        <v>0</v>
      </c>
      <c r="JX10" s="71">
        <v>0</v>
      </c>
      <c r="JY10" s="71">
        <v>0</v>
      </c>
      <c r="JZ10" s="71">
        <v>0</v>
      </c>
      <c r="KA10" s="72">
        <v>0</v>
      </c>
      <c r="KB10" s="73">
        <v>0</v>
      </c>
      <c r="KC10" s="70">
        <v>280</v>
      </c>
      <c r="KD10" s="71">
        <v>365</v>
      </c>
      <c r="KE10" s="72">
        <v>645</v>
      </c>
      <c r="KF10" s="244"/>
      <c r="KG10" s="71">
        <v>432</v>
      </c>
      <c r="KH10" s="71">
        <v>482</v>
      </c>
      <c r="KI10" s="71">
        <v>324</v>
      </c>
      <c r="KJ10" s="71">
        <v>243</v>
      </c>
      <c r="KK10" s="71">
        <v>144</v>
      </c>
      <c r="KL10" s="72">
        <v>1625</v>
      </c>
      <c r="KM10" s="73">
        <v>2270</v>
      </c>
    </row>
    <row r="11" spans="2:299" ht="21" customHeight="1" x14ac:dyDescent="0.2">
      <c r="B11" s="126" t="s">
        <v>7</v>
      </c>
      <c r="C11" s="313">
        <v>262</v>
      </c>
      <c r="D11" s="82">
        <v>169</v>
      </c>
      <c r="E11" s="83">
        <v>431</v>
      </c>
      <c r="F11" s="241"/>
      <c r="G11" s="82">
        <v>523</v>
      </c>
      <c r="H11" s="82">
        <v>353</v>
      </c>
      <c r="I11" s="82">
        <v>198</v>
      </c>
      <c r="J11" s="82">
        <v>166</v>
      </c>
      <c r="K11" s="82">
        <v>93</v>
      </c>
      <c r="L11" s="84">
        <v>1333</v>
      </c>
      <c r="M11" s="85">
        <v>1764</v>
      </c>
      <c r="N11" s="70">
        <v>4</v>
      </c>
      <c r="O11" s="71">
        <v>1</v>
      </c>
      <c r="P11" s="72">
        <v>5</v>
      </c>
      <c r="Q11" s="244"/>
      <c r="R11" s="71">
        <v>5</v>
      </c>
      <c r="S11" s="71">
        <v>6</v>
      </c>
      <c r="T11" s="71">
        <v>3</v>
      </c>
      <c r="U11" s="71">
        <v>2</v>
      </c>
      <c r="V11" s="71">
        <v>1</v>
      </c>
      <c r="W11" s="72">
        <v>17</v>
      </c>
      <c r="X11" s="73">
        <v>22</v>
      </c>
      <c r="Y11" s="70">
        <v>13</v>
      </c>
      <c r="Z11" s="71">
        <v>6</v>
      </c>
      <c r="AA11" s="72">
        <v>19</v>
      </c>
      <c r="AB11" s="244"/>
      <c r="AC11" s="71">
        <v>24</v>
      </c>
      <c r="AD11" s="71">
        <v>13</v>
      </c>
      <c r="AE11" s="71">
        <v>11</v>
      </c>
      <c r="AF11" s="71">
        <v>5</v>
      </c>
      <c r="AG11" s="71">
        <v>3</v>
      </c>
      <c r="AH11" s="72">
        <v>56</v>
      </c>
      <c r="AI11" s="73">
        <v>75</v>
      </c>
      <c r="AJ11" s="70">
        <v>17</v>
      </c>
      <c r="AK11" s="71">
        <v>13</v>
      </c>
      <c r="AL11" s="72">
        <v>30</v>
      </c>
      <c r="AM11" s="244"/>
      <c r="AN11" s="71">
        <v>39</v>
      </c>
      <c r="AO11" s="71">
        <v>35</v>
      </c>
      <c r="AP11" s="71">
        <v>15</v>
      </c>
      <c r="AQ11" s="71">
        <v>16</v>
      </c>
      <c r="AR11" s="71">
        <v>11</v>
      </c>
      <c r="AS11" s="72">
        <v>116</v>
      </c>
      <c r="AT11" s="73">
        <v>146</v>
      </c>
      <c r="AU11" s="70">
        <v>37</v>
      </c>
      <c r="AV11" s="71">
        <v>28</v>
      </c>
      <c r="AW11" s="72">
        <v>65</v>
      </c>
      <c r="AX11" s="244"/>
      <c r="AY11" s="71">
        <v>98</v>
      </c>
      <c r="AZ11" s="71">
        <v>70</v>
      </c>
      <c r="BA11" s="71">
        <v>38</v>
      </c>
      <c r="BB11" s="71">
        <v>33</v>
      </c>
      <c r="BC11" s="71">
        <v>25</v>
      </c>
      <c r="BD11" s="72">
        <v>264</v>
      </c>
      <c r="BE11" s="73">
        <v>329</v>
      </c>
      <c r="BF11" s="70">
        <v>101</v>
      </c>
      <c r="BG11" s="71">
        <v>70</v>
      </c>
      <c r="BH11" s="72">
        <v>171</v>
      </c>
      <c r="BI11" s="244"/>
      <c r="BJ11" s="71">
        <v>162</v>
      </c>
      <c r="BK11" s="71">
        <v>106</v>
      </c>
      <c r="BL11" s="71">
        <v>63</v>
      </c>
      <c r="BM11" s="71">
        <v>43</v>
      </c>
      <c r="BN11" s="71">
        <v>27</v>
      </c>
      <c r="BO11" s="72">
        <v>401</v>
      </c>
      <c r="BP11" s="73">
        <v>572</v>
      </c>
      <c r="BQ11" s="70">
        <v>90</v>
      </c>
      <c r="BR11" s="71">
        <v>51</v>
      </c>
      <c r="BS11" s="72">
        <v>141</v>
      </c>
      <c r="BT11" s="244"/>
      <c r="BU11" s="71">
        <v>195</v>
      </c>
      <c r="BV11" s="71">
        <v>123</v>
      </c>
      <c r="BW11" s="71">
        <v>68</v>
      </c>
      <c r="BX11" s="71">
        <v>67</v>
      </c>
      <c r="BY11" s="71">
        <v>26</v>
      </c>
      <c r="BZ11" s="72">
        <v>479</v>
      </c>
      <c r="CA11" s="73">
        <v>620</v>
      </c>
      <c r="CB11" s="70">
        <v>0</v>
      </c>
      <c r="CC11" s="71">
        <v>0</v>
      </c>
      <c r="CD11" s="72">
        <v>0</v>
      </c>
      <c r="CE11" s="244"/>
      <c r="CF11" s="71">
        <v>0</v>
      </c>
      <c r="CG11" s="71">
        <v>0</v>
      </c>
      <c r="CH11" s="71">
        <v>0</v>
      </c>
      <c r="CI11" s="71">
        <v>0</v>
      </c>
      <c r="CJ11" s="71">
        <v>0</v>
      </c>
      <c r="CK11" s="72">
        <v>0</v>
      </c>
      <c r="CL11" s="73">
        <v>0</v>
      </c>
      <c r="CM11" s="70">
        <v>262</v>
      </c>
      <c r="CN11" s="71">
        <v>169</v>
      </c>
      <c r="CO11" s="72">
        <v>431</v>
      </c>
      <c r="CP11" s="244"/>
      <c r="CQ11" s="71">
        <v>523</v>
      </c>
      <c r="CR11" s="71">
        <v>353</v>
      </c>
      <c r="CS11" s="71">
        <v>198</v>
      </c>
      <c r="CT11" s="71">
        <v>166</v>
      </c>
      <c r="CU11" s="71">
        <v>93</v>
      </c>
      <c r="CV11" s="72">
        <v>1333</v>
      </c>
      <c r="CW11" s="73">
        <v>1764</v>
      </c>
      <c r="CX11" s="123">
        <v>38</v>
      </c>
      <c r="CY11" s="82">
        <v>25</v>
      </c>
      <c r="CZ11" s="83">
        <v>63</v>
      </c>
      <c r="DA11" s="241"/>
      <c r="DB11" s="82">
        <v>79</v>
      </c>
      <c r="DC11" s="82">
        <v>36</v>
      </c>
      <c r="DD11" s="82">
        <v>31</v>
      </c>
      <c r="DE11" s="82">
        <v>28</v>
      </c>
      <c r="DF11" s="82">
        <v>20</v>
      </c>
      <c r="DG11" s="84">
        <v>194</v>
      </c>
      <c r="DH11" s="85">
        <v>257</v>
      </c>
      <c r="DI11" s="70">
        <v>0</v>
      </c>
      <c r="DJ11" s="71">
        <v>0</v>
      </c>
      <c r="DK11" s="72">
        <v>0</v>
      </c>
      <c r="DL11" s="244"/>
      <c r="DM11" s="71">
        <v>2</v>
      </c>
      <c r="DN11" s="71">
        <v>0</v>
      </c>
      <c r="DO11" s="71">
        <v>0</v>
      </c>
      <c r="DP11" s="71">
        <v>0</v>
      </c>
      <c r="DQ11" s="71">
        <v>1</v>
      </c>
      <c r="DR11" s="72">
        <v>3</v>
      </c>
      <c r="DS11" s="73">
        <v>3</v>
      </c>
      <c r="DT11" s="70">
        <v>5</v>
      </c>
      <c r="DU11" s="71">
        <v>1</v>
      </c>
      <c r="DV11" s="72">
        <v>6</v>
      </c>
      <c r="DW11" s="244"/>
      <c r="DX11" s="71">
        <v>3</v>
      </c>
      <c r="DY11" s="71">
        <v>3</v>
      </c>
      <c r="DZ11" s="71">
        <v>1</v>
      </c>
      <c r="EA11" s="71">
        <v>3</v>
      </c>
      <c r="EB11" s="71">
        <v>0</v>
      </c>
      <c r="EC11" s="72">
        <v>10</v>
      </c>
      <c r="ED11" s="73">
        <v>16</v>
      </c>
      <c r="EE11" s="70">
        <v>6</v>
      </c>
      <c r="EF11" s="71">
        <v>3</v>
      </c>
      <c r="EG11" s="72">
        <v>9</v>
      </c>
      <c r="EH11" s="244"/>
      <c r="EI11" s="71">
        <v>4</v>
      </c>
      <c r="EJ11" s="71">
        <v>3</v>
      </c>
      <c r="EK11" s="71">
        <v>3</v>
      </c>
      <c r="EL11" s="71">
        <v>2</v>
      </c>
      <c r="EM11" s="71">
        <v>2</v>
      </c>
      <c r="EN11" s="72">
        <v>14</v>
      </c>
      <c r="EO11" s="73">
        <v>23</v>
      </c>
      <c r="EP11" s="70">
        <v>8</v>
      </c>
      <c r="EQ11" s="71">
        <v>4</v>
      </c>
      <c r="ER11" s="72">
        <v>12</v>
      </c>
      <c r="ES11" s="244"/>
      <c r="ET11" s="71">
        <v>18</v>
      </c>
      <c r="EU11" s="71">
        <v>4</v>
      </c>
      <c r="EV11" s="71">
        <v>2</v>
      </c>
      <c r="EW11" s="71">
        <v>3</v>
      </c>
      <c r="EX11" s="71">
        <v>2</v>
      </c>
      <c r="EY11" s="72">
        <v>29</v>
      </c>
      <c r="EZ11" s="73">
        <v>41</v>
      </c>
      <c r="FA11" s="70">
        <v>10</v>
      </c>
      <c r="FB11" s="71">
        <v>12</v>
      </c>
      <c r="FC11" s="72">
        <v>22</v>
      </c>
      <c r="FD11" s="244"/>
      <c r="FE11" s="71">
        <v>21</v>
      </c>
      <c r="FF11" s="71">
        <v>8</v>
      </c>
      <c r="FG11" s="71">
        <v>8</v>
      </c>
      <c r="FH11" s="71">
        <v>7</v>
      </c>
      <c r="FI11" s="71">
        <v>7</v>
      </c>
      <c r="FJ11" s="72">
        <v>51</v>
      </c>
      <c r="FK11" s="73">
        <v>73</v>
      </c>
      <c r="FL11" s="70">
        <v>9</v>
      </c>
      <c r="FM11" s="71">
        <v>5</v>
      </c>
      <c r="FN11" s="72">
        <v>14</v>
      </c>
      <c r="FO11" s="244"/>
      <c r="FP11" s="71">
        <v>31</v>
      </c>
      <c r="FQ11" s="71">
        <v>18</v>
      </c>
      <c r="FR11" s="71">
        <v>17</v>
      </c>
      <c r="FS11" s="71">
        <v>13</v>
      </c>
      <c r="FT11" s="71">
        <v>8</v>
      </c>
      <c r="FU11" s="72">
        <v>87</v>
      </c>
      <c r="FV11" s="73">
        <v>101</v>
      </c>
      <c r="FW11" s="70">
        <v>0</v>
      </c>
      <c r="FX11" s="71">
        <v>0</v>
      </c>
      <c r="FY11" s="72">
        <v>0</v>
      </c>
      <c r="FZ11" s="244"/>
      <c r="GA11" s="71">
        <v>0</v>
      </c>
      <c r="GB11" s="71">
        <v>0</v>
      </c>
      <c r="GC11" s="71">
        <v>0</v>
      </c>
      <c r="GD11" s="71">
        <v>0</v>
      </c>
      <c r="GE11" s="71">
        <v>0</v>
      </c>
      <c r="GF11" s="72">
        <v>0</v>
      </c>
      <c r="GG11" s="73">
        <v>0</v>
      </c>
      <c r="GH11" s="70">
        <v>38</v>
      </c>
      <c r="GI11" s="71">
        <v>25</v>
      </c>
      <c r="GJ11" s="72">
        <v>63</v>
      </c>
      <c r="GK11" s="244"/>
      <c r="GL11" s="71">
        <v>79</v>
      </c>
      <c r="GM11" s="71">
        <v>36</v>
      </c>
      <c r="GN11" s="71">
        <v>31</v>
      </c>
      <c r="GO11" s="71">
        <v>28</v>
      </c>
      <c r="GP11" s="71">
        <v>20</v>
      </c>
      <c r="GQ11" s="72">
        <v>194</v>
      </c>
      <c r="GR11" s="73">
        <v>257</v>
      </c>
      <c r="GS11" s="123">
        <v>300</v>
      </c>
      <c r="GT11" s="82">
        <v>194</v>
      </c>
      <c r="GU11" s="83">
        <v>494</v>
      </c>
      <c r="GV11" s="241"/>
      <c r="GW11" s="82">
        <v>602</v>
      </c>
      <c r="GX11" s="82">
        <v>389</v>
      </c>
      <c r="GY11" s="82">
        <v>229</v>
      </c>
      <c r="GZ11" s="82">
        <v>194</v>
      </c>
      <c r="HA11" s="82">
        <v>113</v>
      </c>
      <c r="HB11" s="84">
        <v>1527</v>
      </c>
      <c r="HC11" s="85">
        <v>2021</v>
      </c>
      <c r="HD11" s="70">
        <v>4</v>
      </c>
      <c r="HE11" s="71">
        <v>1</v>
      </c>
      <c r="HF11" s="72">
        <v>5</v>
      </c>
      <c r="HG11" s="244"/>
      <c r="HH11" s="71">
        <v>7</v>
      </c>
      <c r="HI11" s="71">
        <v>6</v>
      </c>
      <c r="HJ11" s="71">
        <v>3</v>
      </c>
      <c r="HK11" s="71">
        <v>2</v>
      </c>
      <c r="HL11" s="71">
        <v>2</v>
      </c>
      <c r="HM11" s="72">
        <v>20</v>
      </c>
      <c r="HN11" s="73">
        <v>25</v>
      </c>
      <c r="HO11" s="70">
        <v>18</v>
      </c>
      <c r="HP11" s="71">
        <v>7</v>
      </c>
      <c r="HQ11" s="72">
        <v>25</v>
      </c>
      <c r="HR11" s="244"/>
      <c r="HS11" s="71">
        <v>27</v>
      </c>
      <c r="HT11" s="71">
        <v>16</v>
      </c>
      <c r="HU11" s="71">
        <v>12</v>
      </c>
      <c r="HV11" s="71">
        <v>8</v>
      </c>
      <c r="HW11" s="71">
        <v>3</v>
      </c>
      <c r="HX11" s="72">
        <v>66</v>
      </c>
      <c r="HY11" s="73">
        <v>91</v>
      </c>
      <c r="HZ11" s="70">
        <v>23</v>
      </c>
      <c r="IA11" s="71">
        <v>16</v>
      </c>
      <c r="IB11" s="72">
        <v>39</v>
      </c>
      <c r="IC11" s="244"/>
      <c r="ID11" s="71">
        <v>43</v>
      </c>
      <c r="IE11" s="71">
        <v>38</v>
      </c>
      <c r="IF11" s="71">
        <v>18</v>
      </c>
      <c r="IG11" s="71">
        <v>18</v>
      </c>
      <c r="IH11" s="71">
        <v>13</v>
      </c>
      <c r="II11" s="72">
        <v>130</v>
      </c>
      <c r="IJ11" s="73">
        <v>169</v>
      </c>
      <c r="IK11" s="70">
        <v>45</v>
      </c>
      <c r="IL11" s="71">
        <v>32</v>
      </c>
      <c r="IM11" s="72">
        <v>77</v>
      </c>
      <c r="IN11" s="244"/>
      <c r="IO11" s="71">
        <v>116</v>
      </c>
      <c r="IP11" s="71">
        <v>74</v>
      </c>
      <c r="IQ11" s="71">
        <v>40</v>
      </c>
      <c r="IR11" s="71">
        <v>36</v>
      </c>
      <c r="IS11" s="71">
        <v>27</v>
      </c>
      <c r="IT11" s="72">
        <v>293</v>
      </c>
      <c r="IU11" s="73">
        <v>370</v>
      </c>
      <c r="IV11" s="70">
        <v>111</v>
      </c>
      <c r="IW11" s="71">
        <v>82</v>
      </c>
      <c r="IX11" s="72">
        <v>193</v>
      </c>
      <c r="IY11" s="244"/>
      <c r="IZ11" s="71">
        <v>183</v>
      </c>
      <c r="JA11" s="71">
        <v>114</v>
      </c>
      <c r="JB11" s="71">
        <v>71</v>
      </c>
      <c r="JC11" s="71">
        <v>50</v>
      </c>
      <c r="JD11" s="71">
        <v>34</v>
      </c>
      <c r="JE11" s="72">
        <v>452</v>
      </c>
      <c r="JF11" s="73">
        <v>645</v>
      </c>
      <c r="JG11" s="70">
        <v>99</v>
      </c>
      <c r="JH11" s="71">
        <v>56</v>
      </c>
      <c r="JI11" s="72">
        <v>155</v>
      </c>
      <c r="JJ11" s="244"/>
      <c r="JK11" s="71">
        <v>226</v>
      </c>
      <c r="JL11" s="71">
        <v>141</v>
      </c>
      <c r="JM11" s="71">
        <v>85</v>
      </c>
      <c r="JN11" s="71">
        <v>80</v>
      </c>
      <c r="JO11" s="71">
        <v>34</v>
      </c>
      <c r="JP11" s="72">
        <v>566</v>
      </c>
      <c r="JQ11" s="73">
        <v>721</v>
      </c>
      <c r="JR11" s="70">
        <v>0</v>
      </c>
      <c r="JS11" s="71">
        <v>0</v>
      </c>
      <c r="JT11" s="72">
        <v>0</v>
      </c>
      <c r="JU11" s="244"/>
      <c r="JV11" s="71">
        <v>0</v>
      </c>
      <c r="JW11" s="71">
        <v>0</v>
      </c>
      <c r="JX11" s="71">
        <v>0</v>
      </c>
      <c r="JY11" s="71">
        <v>0</v>
      </c>
      <c r="JZ11" s="71">
        <v>0</v>
      </c>
      <c r="KA11" s="72">
        <v>0</v>
      </c>
      <c r="KB11" s="73">
        <v>0</v>
      </c>
      <c r="KC11" s="70">
        <v>300</v>
      </c>
      <c r="KD11" s="71">
        <v>194</v>
      </c>
      <c r="KE11" s="72">
        <v>494</v>
      </c>
      <c r="KF11" s="244"/>
      <c r="KG11" s="71">
        <v>602</v>
      </c>
      <c r="KH11" s="71">
        <v>389</v>
      </c>
      <c r="KI11" s="71">
        <v>229</v>
      </c>
      <c r="KJ11" s="71">
        <v>194</v>
      </c>
      <c r="KK11" s="71">
        <v>113</v>
      </c>
      <c r="KL11" s="72">
        <v>1527</v>
      </c>
      <c r="KM11" s="73">
        <v>2021</v>
      </c>
    </row>
    <row r="12" spans="2:299" ht="21" customHeight="1" x14ac:dyDescent="0.2">
      <c r="B12" s="126" t="s">
        <v>8</v>
      </c>
      <c r="C12" s="313">
        <v>99</v>
      </c>
      <c r="D12" s="82">
        <v>69</v>
      </c>
      <c r="E12" s="83">
        <v>168</v>
      </c>
      <c r="F12" s="241"/>
      <c r="G12" s="82">
        <v>156</v>
      </c>
      <c r="H12" s="82">
        <v>104</v>
      </c>
      <c r="I12" s="82">
        <v>96</v>
      </c>
      <c r="J12" s="82">
        <v>61</v>
      </c>
      <c r="K12" s="82">
        <v>46</v>
      </c>
      <c r="L12" s="84">
        <v>463</v>
      </c>
      <c r="M12" s="85">
        <v>631</v>
      </c>
      <c r="N12" s="70">
        <v>3</v>
      </c>
      <c r="O12" s="71">
        <v>3</v>
      </c>
      <c r="P12" s="72">
        <v>6</v>
      </c>
      <c r="Q12" s="244"/>
      <c r="R12" s="71">
        <v>6</v>
      </c>
      <c r="S12" s="71">
        <v>4</v>
      </c>
      <c r="T12" s="71">
        <v>2</v>
      </c>
      <c r="U12" s="71">
        <v>2</v>
      </c>
      <c r="V12" s="71">
        <v>1</v>
      </c>
      <c r="W12" s="72">
        <v>15</v>
      </c>
      <c r="X12" s="73">
        <v>21</v>
      </c>
      <c r="Y12" s="70">
        <v>2</v>
      </c>
      <c r="Z12" s="71">
        <v>4</v>
      </c>
      <c r="AA12" s="72">
        <v>6</v>
      </c>
      <c r="AB12" s="244"/>
      <c r="AC12" s="71">
        <v>9</v>
      </c>
      <c r="AD12" s="71">
        <v>12</v>
      </c>
      <c r="AE12" s="71">
        <v>1</v>
      </c>
      <c r="AF12" s="71">
        <v>5</v>
      </c>
      <c r="AG12" s="71">
        <v>1</v>
      </c>
      <c r="AH12" s="72">
        <v>28</v>
      </c>
      <c r="AI12" s="73">
        <v>34</v>
      </c>
      <c r="AJ12" s="70">
        <v>8</v>
      </c>
      <c r="AK12" s="71">
        <v>4</v>
      </c>
      <c r="AL12" s="72">
        <v>12</v>
      </c>
      <c r="AM12" s="244"/>
      <c r="AN12" s="71">
        <v>14</v>
      </c>
      <c r="AO12" s="71">
        <v>9</v>
      </c>
      <c r="AP12" s="71">
        <v>6</v>
      </c>
      <c r="AQ12" s="71">
        <v>6</v>
      </c>
      <c r="AR12" s="71">
        <v>5</v>
      </c>
      <c r="AS12" s="72">
        <v>40</v>
      </c>
      <c r="AT12" s="73">
        <v>52</v>
      </c>
      <c r="AU12" s="70">
        <v>19</v>
      </c>
      <c r="AV12" s="71">
        <v>7</v>
      </c>
      <c r="AW12" s="72">
        <v>26</v>
      </c>
      <c r="AX12" s="244"/>
      <c r="AY12" s="71">
        <v>29</v>
      </c>
      <c r="AZ12" s="71">
        <v>20</v>
      </c>
      <c r="BA12" s="71">
        <v>14</v>
      </c>
      <c r="BB12" s="71">
        <v>8</v>
      </c>
      <c r="BC12" s="71">
        <v>11</v>
      </c>
      <c r="BD12" s="72">
        <v>82</v>
      </c>
      <c r="BE12" s="73">
        <v>108</v>
      </c>
      <c r="BF12" s="70">
        <v>34</v>
      </c>
      <c r="BG12" s="71">
        <v>24</v>
      </c>
      <c r="BH12" s="72">
        <v>58</v>
      </c>
      <c r="BI12" s="244"/>
      <c r="BJ12" s="71">
        <v>45</v>
      </c>
      <c r="BK12" s="71">
        <v>20</v>
      </c>
      <c r="BL12" s="71">
        <v>22</v>
      </c>
      <c r="BM12" s="71">
        <v>16</v>
      </c>
      <c r="BN12" s="71">
        <v>11</v>
      </c>
      <c r="BO12" s="72">
        <v>114</v>
      </c>
      <c r="BP12" s="73">
        <v>172</v>
      </c>
      <c r="BQ12" s="70">
        <v>33</v>
      </c>
      <c r="BR12" s="71">
        <v>27</v>
      </c>
      <c r="BS12" s="72">
        <v>60</v>
      </c>
      <c r="BT12" s="244"/>
      <c r="BU12" s="71">
        <v>53</v>
      </c>
      <c r="BV12" s="71">
        <v>39</v>
      </c>
      <c r="BW12" s="71">
        <v>51</v>
      </c>
      <c r="BX12" s="71">
        <v>24</v>
      </c>
      <c r="BY12" s="71">
        <v>17</v>
      </c>
      <c r="BZ12" s="72">
        <v>184</v>
      </c>
      <c r="CA12" s="73">
        <v>244</v>
      </c>
      <c r="CB12" s="70">
        <v>0</v>
      </c>
      <c r="CC12" s="71">
        <v>0</v>
      </c>
      <c r="CD12" s="72">
        <v>0</v>
      </c>
      <c r="CE12" s="244"/>
      <c r="CF12" s="71">
        <v>0</v>
      </c>
      <c r="CG12" s="71">
        <v>0</v>
      </c>
      <c r="CH12" s="71">
        <v>0</v>
      </c>
      <c r="CI12" s="71">
        <v>0</v>
      </c>
      <c r="CJ12" s="71">
        <v>0</v>
      </c>
      <c r="CK12" s="72">
        <v>0</v>
      </c>
      <c r="CL12" s="73">
        <v>0</v>
      </c>
      <c r="CM12" s="70">
        <v>99</v>
      </c>
      <c r="CN12" s="71">
        <v>69</v>
      </c>
      <c r="CO12" s="72">
        <v>168</v>
      </c>
      <c r="CP12" s="244"/>
      <c r="CQ12" s="71">
        <v>156</v>
      </c>
      <c r="CR12" s="71">
        <v>104</v>
      </c>
      <c r="CS12" s="71">
        <v>96</v>
      </c>
      <c r="CT12" s="71">
        <v>61</v>
      </c>
      <c r="CU12" s="71">
        <v>46</v>
      </c>
      <c r="CV12" s="72">
        <v>463</v>
      </c>
      <c r="CW12" s="73">
        <v>631</v>
      </c>
      <c r="CX12" s="123">
        <v>15</v>
      </c>
      <c r="CY12" s="82">
        <v>5</v>
      </c>
      <c r="CZ12" s="83">
        <v>20</v>
      </c>
      <c r="DA12" s="241"/>
      <c r="DB12" s="82">
        <v>20</v>
      </c>
      <c r="DC12" s="82">
        <v>27</v>
      </c>
      <c r="DD12" s="82">
        <v>16</v>
      </c>
      <c r="DE12" s="82">
        <v>12</v>
      </c>
      <c r="DF12" s="82">
        <v>6</v>
      </c>
      <c r="DG12" s="84">
        <v>81</v>
      </c>
      <c r="DH12" s="85">
        <v>101</v>
      </c>
      <c r="DI12" s="70">
        <v>2</v>
      </c>
      <c r="DJ12" s="71">
        <v>0</v>
      </c>
      <c r="DK12" s="72">
        <v>2</v>
      </c>
      <c r="DL12" s="244"/>
      <c r="DM12" s="71">
        <v>0</v>
      </c>
      <c r="DN12" s="71">
        <v>1</v>
      </c>
      <c r="DO12" s="71">
        <v>0</v>
      </c>
      <c r="DP12" s="71">
        <v>0</v>
      </c>
      <c r="DQ12" s="71">
        <v>0</v>
      </c>
      <c r="DR12" s="72">
        <v>1</v>
      </c>
      <c r="DS12" s="73">
        <v>3</v>
      </c>
      <c r="DT12" s="70">
        <v>1</v>
      </c>
      <c r="DU12" s="71">
        <v>0</v>
      </c>
      <c r="DV12" s="72">
        <v>1</v>
      </c>
      <c r="DW12" s="244"/>
      <c r="DX12" s="71">
        <v>1</v>
      </c>
      <c r="DY12" s="71">
        <v>0</v>
      </c>
      <c r="DZ12" s="71">
        <v>0</v>
      </c>
      <c r="EA12" s="71">
        <v>1</v>
      </c>
      <c r="EB12" s="71">
        <v>1</v>
      </c>
      <c r="EC12" s="72">
        <v>3</v>
      </c>
      <c r="ED12" s="73">
        <v>4</v>
      </c>
      <c r="EE12" s="70">
        <v>2</v>
      </c>
      <c r="EF12" s="71">
        <v>2</v>
      </c>
      <c r="EG12" s="72">
        <v>4</v>
      </c>
      <c r="EH12" s="244"/>
      <c r="EI12" s="71">
        <v>2</v>
      </c>
      <c r="EJ12" s="71">
        <v>3</v>
      </c>
      <c r="EK12" s="71">
        <v>0</v>
      </c>
      <c r="EL12" s="71">
        <v>1</v>
      </c>
      <c r="EM12" s="71">
        <v>1</v>
      </c>
      <c r="EN12" s="72">
        <v>7</v>
      </c>
      <c r="EO12" s="73">
        <v>11</v>
      </c>
      <c r="EP12" s="70">
        <v>3</v>
      </c>
      <c r="EQ12" s="71">
        <v>2</v>
      </c>
      <c r="ER12" s="72">
        <v>5</v>
      </c>
      <c r="ES12" s="244"/>
      <c r="ET12" s="71">
        <v>1</v>
      </c>
      <c r="EU12" s="71">
        <v>3</v>
      </c>
      <c r="EV12" s="71">
        <v>4</v>
      </c>
      <c r="EW12" s="71">
        <v>0</v>
      </c>
      <c r="EX12" s="71">
        <v>0</v>
      </c>
      <c r="EY12" s="72">
        <v>8</v>
      </c>
      <c r="EZ12" s="73">
        <v>13</v>
      </c>
      <c r="FA12" s="70">
        <v>3</v>
      </c>
      <c r="FB12" s="71">
        <v>1</v>
      </c>
      <c r="FC12" s="72">
        <v>4</v>
      </c>
      <c r="FD12" s="244"/>
      <c r="FE12" s="71">
        <v>7</v>
      </c>
      <c r="FF12" s="71">
        <v>8</v>
      </c>
      <c r="FG12" s="71">
        <v>2</v>
      </c>
      <c r="FH12" s="71">
        <v>1</v>
      </c>
      <c r="FI12" s="71">
        <v>3</v>
      </c>
      <c r="FJ12" s="72">
        <v>21</v>
      </c>
      <c r="FK12" s="73">
        <v>25</v>
      </c>
      <c r="FL12" s="70">
        <v>4</v>
      </c>
      <c r="FM12" s="71">
        <v>0</v>
      </c>
      <c r="FN12" s="72">
        <v>4</v>
      </c>
      <c r="FO12" s="244"/>
      <c r="FP12" s="71">
        <v>9</v>
      </c>
      <c r="FQ12" s="71">
        <v>12</v>
      </c>
      <c r="FR12" s="71">
        <v>10</v>
      </c>
      <c r="FS12" s="71">
        <v>9</v>
      </c>
      <c r="FT12" s="71">
        <v>1</v>
      </c>
      <c r="FU12" s="72">
        <v>41</v>
      </c>
      <c r="FV12" s="73">
        <v>45</v>
      </c>
      <c r="FW12" s="70">
        <v>0</v>
      </c>
      <c r="FX12" s="71">
        <v>0</v>
      </c>
      <c r="FY12" s="72">
        <v>0</v>
      </c>
      <c r="FZ12" s="244"/>
      <c r="GA12" s="71">
        <v>0</v>
      </c>
      <c r="GB12" s="71">
        <v>0</v>
      </c>
      <c r="GC12" s="71">
        <v>0</v>
      </c>
      <c r="GD12" s="71">
        <v>0</v>
      </c>
      <c r="GE12" s="71">
        <v>0</v>
      </c>
      <c r="GF12" s="72">
        <v>0</v>
      </c>
      <c r="GG12" s="73">
        <v>0</v>
      </c>
      <c r="GH12" s="70">
        <v>15</v>
      </c>
      <c r="GI12" s="71">
        <v>5</v>
      </c>
      <c r="GJ12" s="72">
        <v>20</v>
      </c>
      <c r="GK12" s="244"/>
      <c r="GL12" s="71">
        <v>20</v>
      </c>
      <c r="GM12" s="71">
        <v>27</v>
      </c>
      <c r="GN12" s="71">
        <v>16</v>
      </c>
      <c r="GO12" s="71">
        <v>12</v>
      </c>
      <c r="GP12" s="71">
        <v>6</v>
      </c>
      <c r="GQ12" s="72">
        <v>81</v>
      </c>
      <c r="GR12" s="73">
        <v>101</v>
      </c>
      <c r="GS12" s="123">
        <v>114</v>
      </c>
      <c r="GT12" s="82">
        <v>74</v>
      </c>
      <c r="GU12" s="83">
        <v>188</v>
      </c>
      <c r="GV12" s="241"/>
      <c r="GW12" s="82">
        <v>176</v>
      </c>
      <c r="GX12" s="82">
        <v>131</v>
      </c>
      <c r="GY12" s="82">
        <v>112</v>
      </c>
      <c r="GZ12" s="82">
        <v>73</v>
      </c>
      <c r="HA12" s="82">
        <v>52</v>
      </c>
      <c r="HB12" s="84">
        <v>544</v>
      </c>
      <c r="HC12" s="85">
        <v>732</v>
      </c>
      <c r="HD12" s="70">
        <v>5</v>
      </c>
      <c r="HE12" s="71">
        <v>3</v>
      </c>
      <c r="HF12" s="72">
        <v>8</v>
      </c>
      <c r="HG12" s="244"/>
      <c r="HH12" s="71">
        <v>6</v>
      </c>
      <c r="HI12" s="71">
        <v>5</v>
      </c>
      <c r="HJ12" s="71">
        <v>2</v>
      </c>
      <c r="HK12" s="71">
        <v>2</v>
      </c>
      <c r="HL12" s="71">
        <v>1</v>
      </c>
      <c r="HM12" s="72">
        <v>16</v>
      </c>
      <c r="HN12" s="73">
        <v>24</v>
      </c>
      <c r="HO12" s="70">
        <v>3</v>
      </c>
      <c r="HP12" s="71">
        <v>4</v>
      </c>
      <c r="HQ12" s="72">
        <v>7</v>
      </c>
      <c r="HR12" s="244"/>
      <c r="HS12" s="71">
        <v>10</v>
      </c>
      <c r="HT12" s="71">
        <v>12</v>
      </c>
      <c r="HU12" s="71">
        <v>1</v>
      </c>
      <c r="HV12" s="71">
        <v>6</v>
      </c>
      <c r="HW12" s="71">
        <v>2</v>
      </c>
      <c r="HX12" s="72">
        <v>31</v>
      </c>
      <c r="HY12" s="73">
        <v>38</v>
      </c>
      <c r="HZ12" s="70">
        <v>10</v>
      </c>
      <c r="IA12" s="71">
        <v>6</v>
      </c>
      <c r="IB12" s="72">
        <v>16</v>
      </c>
      <c r="IC12" s="244"/>
      <c r="ID12" s="71">
        <v>16</v>
      </c>
      <c r="IE12" s="71">
        <v>12</v>
      </c>
      <c r="IF12" s="71">
        <v>6</v>
      </c>
      <c r="IG12" s="71">
        <v>7</v>
      </c>
      <c r="IH12" s="71">
        <v>6</v>
      </c>
      <c r="II12" s="72">
        <v>47</v>
      </c>
      <c r="IJ12" s="73">
        <v>63</v>
      </c>
      <c r="IK12" s="70">
        <v>22</v>
      </c>
      <c r="IL12" s="71">
        <v>9</v>
      </c>
      <c r="IM12" s="72">
        <v>31</v>
      </c>
      <c r="IN12" s="244"/>
      <c r="IO12" s="71">
        <v>30</v>
      </c>
      <c r="IP12" s="71">
        <v>23</v>
      </c>
      <c r="IQ12" s="71">
        <v>18</v>
      </c>
      <c r="IR12" s="71">
        <v>8</v>
      </c>
      <c r="IS12" s="71">
        <v>11</v>
      </c>
      <c r="IT12" s="72">
        <v>90</v>
      </c>
      <c r="IU12" s="73">
        <v>121</v>
      </c>
      <c r="IV12" s="70">
        <v>37</v>
      </c>
      <c r="IW12" s="71">
        <v>25</v>
      </c>
      <c r="IX12" s="72">
        <v>62</v>
      </c>
      <c r="IY12" s="244"/>
      <c r="IZ12" s="71">
        <v>52</v>
      </c>
      <c r="JA12" s="71">
        <v>28</v>
      </c>
      <c r="JB12" s="71">
        <v>24</v>
      </c>
      <c r="JC12" s="71">
        <v>17</v>
      </c>
      <c r="JD12" s="71">
        <v>14</v>
      </c>
      <c r="JE12" s="72">
        <v>135</v>
      </c>
      <c r="JF12" s="73">
        <v>197</v>
      </c>
      <c r="JG12" s="70">
        <v>37</v>
      </c>
      <c r="JH12" s="71">
        <v>27</v>
      </c>
      <c r="JI12" s="72">
        <v>64</v>
      </c>
      <c r="JJ12" s="244"/>
      <c r="JK12" s="71">
        <v>62</v>
      </c>
      <c r="JL12" s="71">
        <v>51</v>
      </c>
      <c r="JM12" s="71">
        <v>61</v>
      </c>
      <c r="JN12" s="71">
        <v>33</v>
      </c>
      <c r="JO12" s="71">
        <v>18</v>
      </c>
      <c r="JP12" s="72">
        <v>225</v>
      </c>
      <c r="JQ12" s="73">
        <v>289</v>
      </c>
      <c r="JR12" s="70">
        <v>0</v>
      </c>
      <c r="JS12" s="71">
        <v>0</v>
      </c>
      <c r="JT12" s="72">
        <v>0</v>
      </c>
      <c r="JU12" s="244"/>
      <c r="JV12" s="71">
        <v>0</v>
      </c>
      <c r="JW12" s="71">
        <v>0</v>
      </c>
      <c r="JX12" s="71">
        <v>0</v>
      </c>
      <c r="JY12" s="71">
        <v>0</v>
      </c>
      <c r="JZ12" s="71">
        <v>0</v>
      </c>
      <c r="KA12" s="72">
        <v>0</v>
      </c>
      <c r="KB12" s="73">
        <v>0</v>
      </c>
      <c r="KC12" s="70">
        <v>114</v>
      </c>
      <c r="KD12" s="71">
        <v>74</v>
      </c>
      <c r="KE12" s="72">
        <v>188</v>
      </c>
      <c r="KF12" s="244"/>
      <c r="KG12" s="71">
        <v>176</v>
      </c>
      <c r="KH12" s="71">
        <v>131</v>
      </c>
      <c r="KI12" s="71">
        <v>112</v>
      </c>
      <c r="KJ12" s="71">
        <v>73</v>
      </c>
      <c r="KK12" s="71">
        <v>52</v>
      </c>
      <c r="KL12" s="72">
        <v>544</v>
      </c>
      <c r="KM12" s="73">
        <v>732</v>
      </c>
    </row>
    <row r="13" spans="2:299" ht="21" customHeight="1" x14ac:dyDescent="0.2">
      <c r="B13" s="126" t="s">
        <v>9</v>
      </c>
      <c r="C13" s="313">
        <v>186</v>
      </c>
      <c r="D13" s="82">
        <v>105</v>
      </c>
      <c r="E13" s="83">
        <v>291</v>
      </c>
      <c r="F13" s="241"/>
      <c r="G13" s="82">
        <v>218</v>
      </c>
      <c r="H13" s="82">
        <v>135</v>
      </c>
      <c r="I13" s="82">
        <v>117</v>
      </c>
      <c r="J13" s="82">
        <v>96</v>
      </c>
      <c r="K13" s="82">
        <v>52</v>
      </c>
      <c r="L13" s="84">
        <v>618</v>
      </c>
      <c r="M13" s="85">
        <v>909</v>
      </c>
      <c r="N13" s="70">
        <v>0</v>
      </c>
      <c r="O13" s="71">
        <v>0</v>
      </c>
      <c r="P13" s="72">
        <v>0</v>
      </c>
      <c r="Q13" s="244"/>
      <c r="R13" s="71">
        <v>0</v>
      </c>
      <c r="S13" s="71">
        <v>2</v>
      </c>
      <c r="T13" s="71">
        <v>2</v>
      </c>
      <c r="U13" s="71">
        <v>0</v>
      </c>
      <c r="V13" s="71">
        <v>1</v>
      </c>
      <c r="W13" s="72">
        <v>5</v>
      </c>
      <c r="X13" s="73">
        <v>5</v>
      </c>
      <c r="Y13" s="70">
        <v>7</v>
      </c>
      <c r="Z13" s="71">
        <v>2</v>
      </c>
      <c r="AA13" s="72">
        <v>9</v>
      </c>
      <c r="AB13" s="244"/>
      <c r="AC13" s="71">
        <v>5</v>
      </c>
      <c r="AD13" s="71">
        <v>5</v>
      </c>
      <c r="AE13" s="71">
        <v>0</v>
      </c>
      <c r="AF13" s="71">
        <v>1</v>
      </c>
      <c r="AG13" s="71">
        <v>1</v>
      </c>
      <c r="AH13" s="72">
        <v>12</v>
      </c>
      <c r="AI13" s="73">
        <v>21</v>
      </c>
      <c r="AJ13" s="70">
        <v>14</v>
      </c>
      <c r="AK13" s="71">
        <v>6</v>
      </c>
      <c r="AL13" s="72">
        <v>20</v>
      </c>
      <c r="AM13" s="244"/>
      <c r="AN13" s="71">
        <v>12</v>
      </c>
      <c r="AO13" s="71">
        <v>8</v>
      </c>
      <c r="AP13" s="71">
        <v>8</v>
      </c>
      <c r="AQ13" s="71">
        <v>8</v>
      </c>
      <c r="AR13" s="71">
        <v>7</v>
      </c>
      <c r="AS13" s="72">
        <v>43</v>
      </c>
      <c r="AT13" s="73">
        <v>63</v>
      </c>
      <c r="AU13" s="70">
        <v>31</v>
      </c>
      <c r="AV13" s="71">
        <v>19</v>
      </c>
      <c r="AW13" s="72">
        <v>50</v>
      </c>
      <c r="AX13" s="244"/>
      <c r="AY13" s="71">
        <v>30</v>
      </c>
      <c r="AZ13" s="71">
        <v>19</v>
      </c>
      <c r="BA13" s="71">
        <v>12</v>
      </c>
      <c r="BB13" s="71">
        <v>10</v>
      </c>
      <c r="BC13" s="71">
        <v>6</v>
      </c>
      <c r="BD13" s="72">
        <v>77</v>
      </c>
      <c r="BE13" s="73">
        <v>127</v>
      </c>
      <c r="BF13" s="70">
        <v>72</v>
      </c>
      <c r="BG13" s="71">
        <v>39</v>
      </c>
      <c r="BH13" s="72">
        <v>111</v>
      </c>
      <c r="BI13" s="244"/>
      <c r="BJ13" s="71">
        <v>79</v>
      </c>
      <c r="BK13" s="71">
        <v>41</v>
      </c>
      <c r="BL13" s="71">
        <v>37</v>
      </c>
      <c r="BM13" s="71">
        <v>34</v>
      </c>
      <c r="BN13" s="71">
        <v>12</v>
      </c>
      <c r="BO13" s="72">
        <v>203</v>
      </c>
      <c r="BP13" s="73">
        <v>314</v>
      </c>
      <c r="BQ13" s="70">
        <v>62</v>
      </c>
      <c r="BR13" s="71">
        <v>39</v>
      </c>
      <c r="BS13" s="72">
        <v>101</v>
      </c>
      <c r="BT13" s="244"/>
      <c r="BU13" s="71">
        <v>92</v>
      </c>
      <c r="BV13" s="71">
        <v>60</v>
      </c>
      <c r="BW13" s="71">
        <v>58</v>
      </c>
      <c r="BX13" s="71">
        <v>43</v>
      </c>
      <c r="BY13" s="71">
        <v>25</v>
      </c>
      <c r="BZ13" s="72">
        <v>278</v>
      </c>
      <c r="CA13" s="73">
        <v>379</v>
      </c>
      <c r="CB13" s="70">
        <v>0</v>
      </c>
      <c r="CC13" s="71">
        <v>0</v>
      </c>
      <c r="CD13" s="72">
        <v>0</v>
      </c>
      <c r="CE13" s="244"/>
      <c r="CF13" s="71">
        <v>0</v>
      </c>
      <c r="CG13" s="71">
        <v>0</v>
      </c>
      <c r="CH13" s="71">
        <v>0</v>
      </c>
      <c r="CI13" s="71">
        <v>0</v>
      </c>
      <c r="CJ13" s="71">
        <v>0</v>
      </c>
      <c r="CK13" s="72">
        <v>0</v>
      </c>
      <c r="CL13" s="73">
        <v>0</v>
      </c>
      <c r="CM13" s="70">
        <v>186</v>
      </c>
      <c r="CN13" s="71">
        <v>105</v>
      </c>
      <c r="CO13" s="72">
        <v>291</v>
      </c>
      <c r="CP13" s="244"/>
      <c r="CQ13" s="71">
        <v>218</v>
      </c>
      <c r="CR13" s="71">
        <v>135</v>
      </c>
      <c r="CS13" s="71">
        <v>117</v>
      </c>
      <c r="CT13" s="71">
        <v>96</v>
      </c>
      <c r="CU13" s="71">
        <v>52</v>
      </c>
      <c r="CV13" s="72">
        <v>618</v>
      </c>
      <c r="CW13" s="73">
        <v>909</v>
      </c>
      <c r="CX13" s="123">
        <v>31</v>
      </c>
      <c r="CY13" s="82">
        <v>21</v>
      </c>
      <c r="CZ13" s="83">
        <v>52</v>
      </c>
      <c r="DA13" s="241"/>
      <c r="DB13" s="82">
        <v>31</v>
      </c>
      <c r="DC13" s="82">
        <v>21</v>
      </c>
      <c r="DD13" s="82">
        <v>21</v>
      </c>
      <c r="DE13" s="82">
        <v>17</v>
      </c>
      <c r="DF13" s="82">
        <v>9</v>
      </c>
      <c r="DG13" s="84">
        <v>99</v>
      </c>
      <c r="DH13" s="85">
        <v>151</v>
      </c>
      <c r="DI13" s="70">
        <v>1</v>
      </c>
      <c r="DJ13" s="71">
        <v>0</v>
      </c>
      <c r="DK13" s="72">
        <v>1</v>
      </c>
      <c r="DL13" s="244"/>
      <c r="DM13" s="71">
        <v>0</v>
      </c>
      <c r="DN13" s="71">
        <v>0</v>
      </c>
      <c r="DO13" s="71">
        <v>1</v>
      </c>
      <c r="DP13" s="71">
        <v>0</v>
      </c>
      <c r="DQ13" s="71">
        <v>0</v>
      </c>
      <c r="DR13" s="72">
        <v>1</v>
      </c>
      <c r="DS13" s="73">
        <v>2</v>
      </c>
      <c r="DT13" s="70">
        <v>3</v>
      </c>
      <c r="DU13" s="71">
        <v>4</v>
      </c>
      <c r="DV13" s="72">
        <v>7</v>
      </c>
      <c r="DW13" s="244"/>
      <c r="DX13" s="71">
        <v>0</v>
      </c>
      <c r="DY13" s="71">
        <v>1</v>
      </c>
      <c r="DZ13" s="71">
        <v>1</v>
      </c>
      <c r="EA13" s="71">
        <v>0</v>
      </c>
      <c r="EB13" s="71">
        <v>0</v>
      </c>
      <c r="EC13" s="72">
        <v>2</v>
      </c>
      <c r="ED13" s="73">
        <v>9</v>
      </c>
      <c r="EE13" s="70">
        <v>4</v>
      </c>
      <c r="EF13" s="71">
        <v>0</v>
      </c>
      <c r="EG13" s="72">
        <v>4</v>
      </c>
      <c r="EH13" s="244"/>
      <c r="EI13" s="71">
        <v>3</v>
      </c>
      <c r="EJ13" s="71">
        <v>1</v>
      </c>
      <c r="EK13" s="71">
        <v>1</v>
      </c>
      <c r="EL13" s="71">
        <v>1</v>
      </c>
      <c r="EM13" s="71">
        <v>2</v>
      </c>
      <c r="EN13" s="72">
        <v>8</v>
      </c>
      <c r="EO13" s="73">
        <v>12</v>
      </c>
      <c r="EP13" s="70">
        <v>9</v>
      </c>
      <c r="EQ13" s="71">
        <v>4</v>
      </c>
      <c r="ER13" s="72">
        <v>13</v>
      </c>
      <c r="ES13" s="244"/>
      <c r="ET13" s="71">
        <v>9</v>
      </c>
      <c r="EU13" s="71">
        <v>1</v>
      </c>
      <c r="EV13" s="71">
        <v>1</v>
      </c>
      <c r="EW13" s="71">
        <v>1</v>
      </c>
      <c r="EX13" s="71">
        <v>0</v>
      </c>
      <c r="EY13" s="72">
        <v>12</v>
      </c>
      <c r="EZ13" s="73">
        <v>25</v>
      </c>
      <c r="FA13" s="70">
        <v>7</v>
      </c>
      <c r="FB13" s="71">
        <v>9</v>
      </c>
      <c r="FC13" s="72">
        <v>16</v>
      </c>
      <c r="FD13" s="244"/>
      <c r="FE13" s="71">
        <v>8</v>
      </c>
      <c r="FF13" s="71">
        <v>9</v>
      </c>
      <c r="FG13" s="71">
        <v>4</v>
      </c>
      <c r="FH13" s="71">
        <v>5</v>
      </c>
      <c r="FI13" s="71">
        <v>4</v>
      </c>
      <c r="FJ13" s="72">
        <v>30</v>
      </c>
      <c r="FK13" s="73">
        <v>46</v>
      </c>
      <c r="FL13" s="70">
        <v>7</v>
      </c>
      <c r="FM13" s="71">
        <v>4</v>
      </c>
      <c r="FN13" s="72">
        <v>11</v>
      </c>
      <c r="FO13" s="244"/>
      <c r="FP13" s="71">
        <v>11</v>
      </c>
      <c r="FQ13" s="71">
        <v>9</v>
      </c>
      <c r="FR13" s="71">
        <v>13</v>
      </c>
      <c r="FS13" s="71">
        <v>10</v>
      </c>
      <c r="FT13" s="71">
        <v>3</v>
      </c>
      <c r="FU13" s="72">
        <v>46</v>
      </c>
      <c r="FV13" s="73">
        <v>57</v>
      </c>
      <c r="FW13" s="70">
        <v>0</v>
      </c>
      <c r="FX13" s="71">
        <v>0</v>
      </c>
      <c r="FY13" s="72">
        <v>0</v>
      </c>
      <c r="FZ13" s="244"/>
      <c r="GA13" s="71">
        <v>0</v>
      </c>
      <c r="GB13" s="71">
        <v>0</v>
      </c>
      <c r="GC13" s="71">
        <v>0</v>
      </c>
      <c r="GD13" s="71">
        <v>0</v>
      </c>
      <c r="GE13" s="71">
        <v>0</v>
      </c>
      <c r="GF13" s="72">
        <v>0</v>
      </c>
      <c r="GG13" s="73">
        <v>0</v>
      </c>
      <c r="GH13" s="70">
        <v>31</v>
      </c>
      <c r="GI13" s="71">
        <v>21</v>
      </c>
      <c r="GJ13" s="72">
        <v>52</v>
      </c>
      <c r="GK13" s="244"/>
      <c r="GL13" s="71">
        <v>31</v>
      </c>
      <c r="GM13" s="71">
        <v>21</v>
      </c>
      <c r="GN13" s="71">
        <v>21</v>
      </c>
      <c r="GO13" s="71">
        <v>17</v>
      </c>
      <c r="GP13" s="71">
        <v>9</v>
      </c>
      <c r="GQ13" s="72">
        <v>99</v>
      </c>
      <c r="GR13" s="73">
        <v>151</v>
      </c>
      <c r="GS13" s="123">
        <v>217</v>
      </c>
      <c r="GT13" s="82">
        <v>126</v>
      </c>
      <c r="GU13" s="83">
        <v>343</v>
      </c>
      <c r="GV13" s="241"/>
      <c r="GW13" s="82">
        <v>249</v>
      </c>
      <c r="GX13" s="82">
        <v>156</v>
      </c>
      <c r="GY13" s="82">
        <v>138</v>
      </c>
      <c r="GZ13" s="82">
        <v>113</v>
      </c>
      <c r="HA13" s="82">
        <v>61</v>
      </c>
      <c r="HB13" s="84">
        <v>717</v>
      </c>
      <c r="HC13" s="85">
        <v>1060</v>
      </c>
      <c r="HD13" s="70">
        <v>1</v>
      </c>
      <c r="HE13" s="71">
        <v>0</v>
      </c>
      <c r="HF13" s="72">
        <v>1</v>
      </c>
      <c r="HG13" s="244"/>
      <c r="HH13" s="71">
        <v>0</v>
      </c>
      <c r="HI13" s="71">
        <v>2</v>
      </c>
      <c r="HJ13" s="71">
        <v>3</v>
      </c>
      <c r="HK13" s="71">
        <v>0</v>
      </c>
      <c r="HL13" s="71">
        <v>1</v>
      </c>
      <c r="HM13" s="72">
        <v>6</v>
      </c>
      <c r="HN13" s="73">
        <v>7</v>
      </c>
      <c r="HO13" s="70">
        <v>10</v>
      </c>
      <c r="HP13" s="71">
        <v>6</v>
      </c>
      <c r="HQ13" s="72">
        <v>16</v>
      </c>
      <c r="HR13" s="244"/>
      <c r="HS13" s="71">
        <v>5</v>
      </c>
      <c r="HT13" s="71">
        <v>6</v>
      </c>
      <c r="HU13" s="71">
        <v>1</v>
      </c>
      <c r="HV13" s="71">
        <v>1</v>
      </c>
      <c r="HW13" s="71">
        <v>1</v>
      </c>
      <c r="HX13" s="72">
        <v>14</v>
      </c>
      <c r="HY13" s="73">
        <v>30</v>
      </c>
      <c r="HZ13" s="70">
        <v>18</v>
      </c>
      <c r="IA13" s="71">
        <v>6</v>
      </c>
      <c r="IB13" s="72">
        <v>24</v>
      </c>
      <c r="IC13" s="244"/>
      <c r="ID13" s="71">
        <v>15</v>
      </c>
      <c r="IE13" s="71">
        <v>9</v>
      </c>
      <c r="IF13" s="71">
        <v>9</v>
      </c>
      <c r="IG13" s="71">
        <v>9</v>
      </c>
      <c r="IH13" s="71">
        <v>9</v>
      </c>
      <c r="II13" s="72">
        <v>51</v>
      </c>
      <c r="IJ13" s="73">
        <v>75</v>
      </c>
      <c r="IK13" s="70">
        <v>40</v>
      </c>
      <c r="IL13" s="71">
        <v>23</v>
      </c>
      <c r="IM13" s="72">
        <v>63</v>
      </c>
      <c r="IN13" s="244"/>
      <c r="IO13" s="71">
        <v>39</v>
      </c>
      <c r="IP13" s="71">
        <v>20</v>
      </c>
      <c r="IQ13" s="71">
        <v>13</v>
      </c>
      <c r="IR13" s="71">
        <v>11</v>
      </c>
      <c r="IS13" s="71">
        <v>6</v>
      </c>
      <c r="IT13" s="72">
        <v>89</v>
      </c>
      <c r="IU13" s="73">
        <v>152</v>
      </c>
      <c r="IV13" s="70">
        <v>79</v>
      </c>
      <c r="IW13" s="71">
        <v>48</v>
      </c>
      <c r="IX13" s="72">
        <v>127</v>
      </c>
      <c r="IY13" s="244"/>
      <c r="IZ13" s="71">
        <v>87</v>
      </c>
      <c r="JA13" s="71">
        <v>50</v>
      </c>
      <c r="JB13" s="71">
        <v>41</v>
      </c>
      <c r="JC13" s="71">
        <v>39</v>
      </c>
      <c r="JD13" s="71">
        <v>16</v>
      </c>
      <c r="JE13" s="72">
        <v>233</v>
      </c>
      <c r="JF13" s="73">
        <v>360</v>
      </c>
      <c r="JG13" s="70">
        <v>69</v>
      </c>
      <c r="JH13" s="71">
        <v>43</v>
      </c>
      <c r="JI13" s="72">
        <v>112</v>
      </c>
      <c r="JJ13" s="244"/>
      <c r="JK13" s="71">
        <v>103</v>
      </c>
      <c r="JL13" s="71">
        <v>69</v>
      </c>
      <c r="JM13" s="71">
        <v>71</v>
      </c>
      <c r="JN13" s="71">
        <v>53</v>
      </c>
      <c r="JO13" s="71">
        <v>28</v>
      </c>
      <c r="JP13" s="72">
        <v>324</v>
      </c>
      <c r="JQ13" s="73">
        <v>436</v>
      </c>
      <c r="JR13" s="70">
        <v>0</v>
      </c>
      <c r="JS13" s="71">
        <v>0</v>
      </c>
      <c r="JT13" s="72">
        <v>0</v>
      </c>
      <c r="JU13" s="244"/>
      <c r="JV13" s="71">
        <v>0</v>
      </c>
      <c r="JW13" s="71">
        <v>0</v>
      </c>
      <c r="JX13" s="71">
        <v>0</v>
      </c>
      <c r="JY13" s="71">
        <v>0</v>
      </c>
      <c r="JZ13" s="71">
        <v>0</v>
      </c>
      <c r="KA13" s="72">
        <v>0</v>
      </c>
      <c r="KB13" s="73">
        <v>0</v>
      </c>
      <c r="KC13" s="70">
        <v>217</v>
      </c>
      <c r="KD13" s="71">
        <v>126</v>
      </c>
      <c r="KE13" s="72">
        <v>343</v>
      </c>
      <c r="KF13" s="244"/>
      <c r="KG13" s="71">
        <v>249</v>
      </c>
      <c r="KH13" s="71">
        <v>156</v>
      </c>
      <c r="KI13" s="71">
        <v>138</v>
      </c>
      <c r="KJ13" s="71">
        <v>113</v>
      </c>
      <c r="KK13" s="71">
        <v>61</v>
      </c>
      <c r="KL13" s="72">
        <v>717</v>
      </c>
      <c r="KM13" s="73">
        <v>1060</v>
      </c>
    </row>
    <row r="14" spans="2:299" ht="21" customHeight="1" x14ac:dyDescent="0.2">
      <c r="B14" s="126" t="s">
        <v>10</v>
      </c>
      <c r="C14" s="313">
        <v>348</v>
      </c>
      <c r="D14" s="82">
        <v>194</v>
      </c>
      <c r="E14" s="83">
        <v>542</v>
      </c>
      <c r="F14" s="241"/>
      <c r="G14" s="82">
        <v>343</v>
      </c>
      <c r="H14" s="82">
        <v>185</v>
      </c>
      <c r="I14" s="82">
        <v>132</v>
      </c>
      <c r="J14" s="82">
        <v>135</v>
      </c>
      <c r="K14" s="82">
        <v>85</v>
      </c>
      <c r="L14" s="84">
        <v>880</v>
      </c>
      <c r="M14" s="85">
        <v>1422</v>
      </c>
      <c r="N14" s="70">
        <v>2</v>
      </c>
      <c r="O14" s="71">
        <v>3</v>
      </c>
      <c r="P14" s="72">
        <v>5</v>
      </c>
      <c r="Q14" s="244"/>
      <c r="R14" s="71">
        <v>4</v>
      </c>
      <c r="S14" s="71">
        <v>5</v>
      </c>
      <c r="T14" s="71">
        <v>1</v>
      </c>
      <c r="U14" s="71">
        <v>1</v>
      </c>
      <c r="V14" s="71">
        <v>2</v>
      </c>
      <c r="W14" s="72">
        <v>13</v>
      </c>
      <c r="X14" s="73">
        <v>18</v>
      </c>
      <c r="Y14" s="70">
        <v>9</v>
      </c>
      <c r="Z14" s="71">
        <v>7</v>
      </c>
      <c r="AA14" s="72">
        <v>16</v>
      </c>
      <c r="AB14" s="244"/>
      <c r="AC14" s="71">
        <v>16</v>
      </c>
      <c r="AD14" s="71">
        <v>7</v>
      </c>
      <c r="AE14" s="71">
        <v>5</v>
      </c>
      <c r="AF14" s="71">
        <v>6</v>
      </c>
      <c r="AG14" s="71">
        <v>2</v>
      </c>
      <c r="AH14" s="72">
        <v>36</v>
      </c>
      <c r="AI14" s="73">
        <v>52</v>
      </c>
      <c r="AJ14" s="70">
        <v>29</v>
      </c>
      <c r="AK14" s="71">
        <v>12</v>
      </c>
      <c r="AL14" s="72">
        <v>41</v>
      </c>
      <c r="AM14" s="244"/>
      <c r="AN14" s="71">
        <v>23</v>
      </c>
      <c r="AO14" s="71">
        <v>12</v>
      </c>
      <c r="AP14" s="71">
        <v>12</v>
      </c>
      <c r="AQ14" s="71">
        <v>9</v>
      </c>
      <c r="AR14" s="71">
        <v>8</v>
      </c>
      <c r="AS14" s="72">
        <v>64</v>
      </c>
      <c r="AT14" s="73">
        <v>105</v>
      </c>
      <c r="AU14" s="70">
        <v>72</v>
      </c>
      <c r="AV14" s="71">
        <v>42</v>
      </c>
      <c r="AW14" s="72">
        <v>114</v>
      </c>
      <c r="AX14" s="244"/>
      <c r="AY14" s="71">
        <v>67</v>
      </c>
      <c r="AZ14" s="71">
        <v>27</v>
      </c>
      <c r="BA14" s="71">
        <v>15</v>
      </c>
      <c r="BB14" s="71">
        <v>14</v>
      </c>
      <c r="BC14" s="71">
        <v>16</v>
      </c>
      <c r="BD14" s="72">
        <v>139</v>
      </c>
      <c r="BE14" s="73">
        <v>253</v>
      </c>
      <c r="BF14" s="70">
        <v>146</v>
      </c>
      <c r="BG14" s="71">
        <v>74</v>
      </c>
      <c r="BH14" s="72">
        <v>220</v>
      </c>
      <c r="BI14" s="244"/>
      <c r="BJ14" s="71">
        <v>106</v>
      </c>
      <c r="BK14" s="71">
        <v>51</v>
      </c>
      <c r="BL14" s="71">
        <v>34</v>
      </c>
      <c r="BM14" s="71">
        <v>46</v>
      </c>
      <c r="BN14" s="71">
        <v>29</v>
      </c>
      <c r="BO14" s="72">
        <v>266</v>
      </c>
      <c r="BP14" s="73">
        <v>486</v>
      </c>
      <c r="BQ14" s="70">
        <v>90</v>
      </c>
      <c r="BR14" s="71">
        <v>56</v>
      </c>
      <c r="BS14" s="72">
        <v>146</v>
      </c>
      <c r="BT14" s="244"/>
      <c r="BU14" s="71">
        <v>127</v>
      </c>
      <c r="BV14" s="71">
        <v>83</v>
      </c>
      <c r="BW14" s="71">
        <v>65</v>
      </c>
      <c r="BX14" s="71">
        <v>59</v>
      </c>
      <c r="BY14" s="71">
        <v>28</v>
      </c>
      <c r="BZ14" s="72">
        <v>362</v>
      </c>
      <c r="CA14" s="73">
        <v>508</v>
      </c>
      <c r="CB14" s="70">
        <v>0</v>
      </c>
      <c r="CC14" s="71">
        <v>0</v>
      </c>
      <c r="CD14" s="72">
        <v>0</v>
      </c>
      <c r="CE14" s="244"/>
      <c r="CF14" s="71">
        <v>0</v>
      </c>
      <c r="CG14" s="71">
        <v>0</v>
      </c>
      <c r="CH14" s="71">
        <v>0</v>
      </c>
      <c r="CI14" s="71">
        <v>0</v>
      </c>
      <c r="CJ14" s="71">
        <v>0</v>
      </c>
      <c r="CK14" s="72">
        <v>0</v>
      </c>
      <c r="CL14" s="73">
        <v>0</v>
      </c>
      <c r="CM14" s="70">
        <v>348</v>
      </c>
      <c r="CN14" s="71">
        <v>194</v>
      </c>
      <c r="CO14" s="72">
        <v>542</v>
      </c>
      <c r="CP14" s="244"/>
      <c r="CQ14" s="71">
        <v>343</v>
      </c>
      <c r="CR14" s="71">
        <v>185</v>
      </c>
      <c r="CS14" s="71">
        <v>132</v>
      </c>
      <c r="CT14" s="71">
        <v>135</v>
      </c>
      <c r="CU14" s="71">
        <v>85</v>
      </c>
      <c r="CV14" s="72">
        <v>880</v>
      </c>
      <c r="CW14" s="73">
        <v>1422</v>
      </c>
      <c r="CX14" s="123">
        <v>47</v>
      </c>
      <c r="CY14" s="82">
        <v>30</v>
      </c>
      <c r="CZ14" s="83">
        <v>77</v>
      </c>
      <c r="DA14" s="241"/>
      <c r="DB14" s="82">
        <v>57</v>
      </c>
      <c r="DC14" s="82">
        <v>20</v>
      </c>
      <c r="DD14" s="82">
        <v>18</v>
      </c>
      <c r="DE14" s="82">
        <v>18</v>
      </c>
      <c r="DF14" s="82">
        <v>17</v>
      </c>
      <c r="DG14" s="84">
        <v>130</v>
      </c>
      <c r="DH14" s="85">
        <v>207</v>
      </c>
      <c r="DI14" s="70">
        <v>0</v>
      </c>
      <c r="DJ14" s="71">
        <v>2</v>
      </c>
      <c r="DK14" s="72">
        <v>2</v>
      </c>
      <c r="DL14" s="244"/>
      <c r="DM14" s="71">
        <v>1</v>
      </c>
      <c r="DN14" s="71">
        <v>0</v>
      </c>
      <c r="DO14" s="71">
        <v>0</v>
      </c>
      <c r="DP14" s="71">
        <v>0</v>
      </c>
      <c r="DQ14" s="71">
        <v>0</v>
      </c>
      <c r="DR14" s="72">
        <v>1</v>
      </c>
      <c r="DS14" s="73">
        <v>3</v>
      </c>
      <c r="DT14" s="70">
        <v>3</v>
      </c>
      <c r="DU14" s="71">
        <v>0</v>
      </c>
      <c r="DV14" s="72">
        <v>3</v>
      </c>
      <c r="DW14" s="244"/>
      <c r="DX14" s="71">
        <v>2</v>
      </c>
      <c r="DY14" s="71">
        <v>1</v>
      </c>
      <c r="DZ14" s="71">
        <v>1</v>
      </c>
      <c r="EA14" s="71">
        <v>0</v>
      </c>
      <c r="EB14" s="71">
        <v>0</v>
      </c>
      <c r="EC14" s="72">
        <v>4</v>
      </c>
      <c r="ED14" s="73">
        <v>7</v>
      </c>
      <c r="EE14" s="70">
        <v>3</v>
      </c>
      <c r="EF14" s="71">
        <v>1</v>
      </c>
      <c r="EG14" s="72">
        <v>4</v>
      </c>
      <c r="EH14" s="244"/>
      <c r="EI14" s="71">
        <v>5</v>
      </c>
      <c r="EJ14" s="71">
        <v>2</v>
      </c>
      <c r="EK14" s="71">
        <v>1</v>
      </c>
      <c r="EL14" s="71">
        <v>0</v>
      </c>
      <c r="EM14" s="71">
        <v>0</v>
      </c>
      <c r="EN14" s="72">
        <v>8</v>
      </c>
      <c r="EO14" s="73">
        <v>12</v>
      </c>
      <c r="EP14" s="70">
        <v>10</v>
      </c>
      <c r="EQ14" s="71">
        <v>6</v>
      </c>
      <c r="ER14" s="72">
        <v>16</v>
      </c>
      <c r="ES14" s="244"/>
      <c r="ET14" s="71">
        <v>10</v>
      </c>
      <c r="EU14" s="71">
        <v>4</v>
      </c>
      <c r="EV14" s="71">
        <v>2</v>
      </c>
      <c r="EW14" s="71">
        <v>5</v>
      </c>
      <c r="EX14" s="71">
        <v>1</v>
      </c>
      <c r="EY14" s="72">
        <v>22</v>
      </c>
      <c r="EZ14" s="73">
        <v>38</v>
      </c>
      <c r="FA14" s="70">
        <v>18</v>
      </c>
      <c r="FB14" s="71">
        <v>11</v>
      </c>
      <c r="FC14" s="72">
        <v>29</v>
      </c>
      <c r="FD14" s="244"/>
      <c r="FE14" s="71">
        <v>15</v>
      </c>
      <c r="FF14" s="71">
        <v>4</v>
      </c>
      <c r="FG14" s="71">
        <v>4</v>
      </c>
      <c r="FH14" s="71">
        <v>2</v>
      </c>
      <c r="FI14" s="71">
        <v>6</v>
      </c>
      <c r="FJ14" s="72">
        <v>31</v>
      </c>
      <c r="FK14" s="73">
        <v>60</v>
      </c>
      <c r="FL14" s="70">
        <v>13</v>
      </c>
      <c r="FM14" s="71">
        <v>10</v>
      </c>
      <c r="FN14" s="72">
        <v>23</v>
      </c>
      <c r="FO14" s="244"/>
      <c r="FP14" s="71">
        <v>24</v>
      </c>
      <c r="FQ14" s="71">
        <v>9</v>
      </c>
      <c r="FR14" s="71">
        <v>10</v>
      </c>
      <c r="FS14" s="71">
        <v>11</v>
      </c>
      <c r="FT14" s="71">
        <v>10</v>
      </c>
      <c r="FU14" s="72">
        <v>64</v>
      </c>
      <c r="FV14" s="73">
        <v>87</v>
      </c>
      <c r="FW14" s="70">
        <v>0</v>
      </c>
      <c r="FX14" s="71">
        <v>0</v>
      </c>
      <c r="FY14" s="72">
        <v>0</v>
      </c>
      <c r="FZ14" s="244"/>
      <c r="GA14" s="71">
        <v>0</v>
      </c>
      <c r="GB14" s="71">
        <v>0</v>
      </c>
      <c r="GC14" s="71">
        <v>0</v>
      </c>
      <c r="GD14" s="71">
        <v>0</v>
      </c>
      <c r="GE14" s="71">
        <v>0</v>
      </c>
      <c r="GF14" s="72">
        <v>0</v>
      </c>
      <c r="GG14" s="73">
        <v>0</v>
      </c>
      <c r="GH14" s="70">
        <v>47</v>
      </c>
      <c r="GI14" s="71">
        <v>30</v>
      </c>
      <c r="GJ14" s="72">
        <v>77</v>
      </c>
      <c r="GK14" s="244"/>
      <c r="GL14" s="71">
        <v>57</v>
      </c>
      <c r="GM14" s="71">
        <v>20</v>
      </c>
      <c r="GN14" s="71">
        <v>18</v>
      </c>
      <c r="GO14" s="71">
        <v>18</v>
      </c>
      <c r="GP14" s="71">
        <v>17</v>
      </c>
      <c r="GQ14" s="72">
        <v>130</v>
      </c>
      <c r="GR14" s="73">
        <v>207</v>
      </c>
      <c r="GS14" s="123">
        <v>395</v>
      </c>
      <c r="GT14" s="82">
        <v>224</v>
      </c>
      <c r="GU14" s="83">
        <v>619</v>
      </c>
      <c r="GV14" s="241"/>
      <c r="GW14" s="82">
        <v>400</v>
      </c>
      <c r="GX14" s="82">
        <v>205</v>
      </c>
      <c r="GY14" s="82">
        <v>150</v>
      </c>
      <c r="GZ14" s="82">
        <v>153</v>
      </c>
      <c r="HA14" s="82">
        <v>102</v>
      </c>
      <c r="HB14" s="84">
        <v>1010</v>
      </c>
      <c r="HC14" s="85">
        <v>1629</v>
      </c>
      <c r="HD14" s="70">
        <v>2</v>
      </c>
      <c r="HE14" s="71">
        <v>5</v>
      </c>
      <c r="HF14" s="72">
        <v>7</v>
      </c>
      <c r="HG14" s="244"/>
      <c r="HH14" s="71">
        <v>5</v>
      </c>
      <c r="HI14" s="71">
        <v>5</v>
      </c>
      <c r="HJ14" s="71">
        <v>1</v>
      </c>
      <c r="HK14" s="71">
        <v>1</v>
      </c>
      <c r="HL14" s="71">
        <v>2</v>
      </c>
      <c r="HM14" s="72">
        <v>14</v>
      </c>
      <c r="HN14" s="73">
        <v>21</v>
      </c>
      <c r="HO14" s="70">
        <v>12</v>
      </c>
      <c r="HP14" s="71">
        <v>7</v>
      </c>
      <c r="HQ14" s="72">
        <v>19</v>
      </c>
      <c r="HR14" s="244"/>
      <c r="HS14" s="71">
        <v>18</v>
      </c>
      <c r="HT14" s="71">
        <v>8</v>
      </c>
      <c r="HU14" s="71">
        <v>6</v>
      </c>
      <c r="HV14" s="71">
        <v>6</v>
      </c>
      <c r="HW14" s="71">
        <v>2</v>
      </c>
      <c r="HX14" s="72">
        <v>40</v>
      </c>
      <c r="HY14" s="73">
        <v>59</v>
      </c>
      <c r="HZ14" s="70">
        <v>32</v>
      </c>
      <c r="IA14" s="71">
        <v>13</v>
      </c>
      <c r="IB14" s="72">
        <v>45</v>
      </c>
      <c r="IC14" s="244"/>
      <c r="ID14" s="71">
        <v>28</v>
      </c>
      <c r="IE14" s="71">
        <v>14</v>
      </c>
      <c r="IF14" s="71">
        <v>13</v>
      </c>
      <c r="IG14" s="71">
        <v>9</v>
      </c>
      <c r="IH14" s="71">
        <v>8</v>
      </c>
      <c r="II14" s="72">
        <v>72</v>
      </c>
      <c r="IJ14" s="73">
        <v>117</v>
      </c>
      <c r="IK14" s="70">
        <v>82</v>
      </c>
      <c r="IL14" s="71">
        <v>48</v>
      </c>
      <c r="IM14" s="72">
        <v>130</v>
      </c>
      <c r="IN14" s="244"/>
      <c r="IO14" s="71">
        <v>77</v>
      </c>
      <c r="IP14" s="71">
        <v>31</v>
      </c>
      <c r="IQ14" s="71">
        <v>17</v>
      </c>
      <c r="IR14" s="71">
        <v>19</v>
      </c>
      <c r="IS14" s="71">
        <v>17</v>
      </c>
      <c r="IT14" s="72">
        <v>161</v>
      </c>
      <c r="IU14" s="73">
        <v>291</v>
      </c>
      <c r="IV14" s="70">
        <v>164</v>
      </c>
      <c r="IW14" s="71">
        <v>85</v>
      </c>
      <c r="IX14" s="72">
        <v>249</v>
      </c>
      <c r="IY14" s="244"/>
      <c r="IZ14" s="71">
        <v>121</v>
      </c>
      <c r="JA14" s="71">
        <v>55</v>
      </c>
      <c r="JB14" s="71">
        <v>38</v>
      </c>
      <c r="JC14" s="71">
        <v>48</v>
      </c>
      <c r="JD14" s="71">
        <v>35</v>
      </c>
      <c r="JE14" s="72">
        <v>297</v>
      </c>
      <c r="JF14" s="73">
        <v>546</v>
      </c>
      <c r="JG14" s="70">
        <v>103</v>
      </c>
      <c r="JH14" s="71">
        <v>66</v>
      </c>
      <c r="JI14" s="72">
        <v>169</v>
      </c>
      <c r="JJ14" s="244"/>
      <c r="JK14" s="71">
        <v>151</v>
      </c>
      <c r="JL14" s="71">
        <v>92</v>
      </c>
      <c r="JM14" s="71">
        <v>75</v>
      </c>
      <c r="JN14" s="71">
        <v>70</v>
      </c>
      <c r="JO14" s="71">
        <v>38</v>
      </c>
      <c r="JP14" s="72">
        <v>426</v>
      </c>
      <c r="JQ14" s="73">
        <v>595</v>
      </c>
      <c r="JR14" s="70">
        <v>0</v>
      </c>
      <c r="JS14" s="71">
        <v>0</v>
      </c>
      <c r="JT14" s="72">
        <v>0</v>
      </c>
      <c r="JU14" s="244"/>
      <c r="JV14" s="71">
        <v>0</v>
      </c>
      <c r="JW14" s="71">
        <v>0</v>
      </c>
      <c r="JX14" s="71">
        <v>0</v>
      </c>
      <c r="JY14" s="71">
        <v>0</v>
      </c>
      <c r="JZ14" s="71">
        <v>0</v>
      </c>
      <c r="KA14" s="72">
        <v>0</v>
      </c>
      <c r="KB14" s="73">
        <v>0</v>
      </c>
      <c r="KC14" s="70">
        <v>395</v>
      </c>
      <c r="KD14" s="71">
        <v>224</v>
      </c>
      <c r="KE14" s="72">
        <v>619</v>
      </c>
      <c r="KF14" s="244"/>
      <c r="KG14" s="71">
        <v>400</v>
      </c>
      <c r="KH14" s="71">
        <v>205</v>
      </c>
      <c r="KI14" s="71">
        <v>150</v>
      </c>
      <c r="KJ14" s="71">
        <v>153</v>
      </c>
      <c r="KK14" s="71">
        <v>102</v>
      </c>
      <c r="KL14" s="72">
        <v>1010</v>
      </c>
      <c r="KM14" s="73">
        <v>1629</v>
      </c>
    </row>
    <row r="15" spans="2:299" ht="21" customHeight="1" x14ac:dyDescent="0.2">
      <c r="B15" s="126" t="s">
        <v>11</v>
      </c>
      <c r="C15" s="313">
        <v>82</v>
      </c>
      <c r="D15" s="82">
        <v>61</v>
      </c>
      <c r="E15" s="83">
        <v>143</v>
      </c>
      <c r="F15" s="241"/>
      <c r="G15" s="82">
        <v>133</v>
      </c>
      <c r="H15" s="82">
        <v>83</v>
      </c>
      <c r="I15" s="82">
        <v>63</v>
      </c>
      <c r="J15" s="82">
        <v>65</v>
      </c>
      <c r="K15" s="82">
        <v>25</v>
      </c>
      <c r="L15" s="84">
        <v>369</v>
      </c>
      <c r="M15" s="85">
        <v>512</v>
      </c>
      <c r="N15" s="70">
        <v>2</v>
      </c>
      <c r="O15" s="71">
        <v>1</v>
      </c>
      <c r="P15" s="72">
        <v>3</v>
      </c>
      <c r="Q15" s="244"/>
      <c r="R15" s="71">
        <v>3</v>
      </c>
      <c r="S15" s="71">
        <v>2</v>
      </c>
      <c r="T15" s="71">
        <v>2</v>
      </c>
      <c r="U15" s="71">
        <v>1</v>
      </c>
      <c r="V15" s="71">
        <v>0</v>
      </c>
      <c r="W15" s="72">
        <v>8</v>
      </c>
      <c r="X15" s="73">
        <v>11</v>
      </c>
      <c r="Y15" s="70">
        <v>6</v>
      </c>
      <c r="Z15" s="71">
        <v>5</v>
      </c>
      <c r="AA15" s="72">
        <v>11</v>
      </c>
      <c r="AB15" s="244"/>
      <c r="AC15" s="71">
        <v>9</v>
      </c>
      <c r="AD15" s="71">
        <v>1</v>
      </c>
      <c r="AE15" s="71">
        <v>9</v>
      </c>
      <c r="AF15" s="71">
        <v>3</v>
      </c>
      <c r="AG15" s="71">
        <v>2</v>
      </c>
      <c r="AH15" s="72">
        <v>24</v>
      </c>
      <c r="AI15" s="73">
        <v>35</v>
      </c>
      <c r="AJ15" s="70">
        <v>5</v>
      </c>
      <c r="AK15" s="71">
        <v>3</v>
      </c>
      <c r="AL15" s="72">
        <v>8</v>
      </c>
      <c r="AM15" s="244"/>
      <c r="AN15" s="71">
        <v>7</v>
      </c>
      <c r="AO15" s="71">
        <v>8</v>
      </c>
      <c r="AP15" s="71">
        <v>8</v>
      </c>
      <c r="AQ15" s="71">
        <v>5</v>
      </c>
      <c r="AR15" s="71">
        <v>0</v>
      </c>
      <c r="AS15" s="72">
        <v>28</v>
      </c>
      <c r="AT15" s="73">
        <v>36</v>
      </c>
      <c r="AU15" s="70">
        <v>11</v>
      </c>
      <c r="AV15" s="71">
        <v>10</v>
      </c>
      <c r="AW15" s="72">
        <v>21</v>
      </c>
      <c r="AX15" s="244"/>
      <c r="AY15" s="71">
        <v>29</v>
      </c>
      <c r="AZ15" s="71">
        <v>18</v>
      </c>
      <c r="BA15" s="71">
        <v>6</v>
      </c>
      <c r="BB15" s="71">
        <v>8</v>
      </c>
      <c r="BC15" s="71">
        <v>7</v>
      </c>
      <c r="BD15" s="72">
        <v>68</v>
      </c>
      <c r="BE15" s="73">
        <v>89</v>
      </c>
      <c r="BF15" s="70">
        <v>32</v>
      </c>
      <c r="BG15" s="71">
        <v>24</v>
      </c>
      <c r="BH15" s="72">
        <v>56</v>
      </c>
      <c r="BI15" s="244"/>
      <c r="BJ15" s="71">
        <v>37</v>
      </c>
      <c r="BK15" s="71">
        <v>25</v>
      </c>
      <c r="BL15" s="71">
        <v>14</v>
      </c>
      <c r="BM15" s="71">
        <v>26</v>
      </c>
      <c r="BN15" s="71">
        <v>10</v>
      </c>
      <c r="BO15" s="72">
        <v>112</v>
      </c>
      <c r="BP15" s="73">
        <v>168</v>
      </c>
      <c r="BQ15" s="70">
        <v>26</v>
      </c>
      <c r="BR15" s="71">
        <v>18</v>
      </c>
      <c r="BS15" s="72">
        <v>44</v>
      </c>
      <c r="BT15" s="244"/>
      <c r="BU15" s="71">
        <v>48</v>
      </c>
      <c r="BV15" s="71">
        <v>29</v>
      </c>
      <c r="BW15" s="71">
        <v>24</v>
      </c>
      <c r="BX15" s="71">
        <v>22</v>
      </c>
      <c r="BY15" s="71">
        <v>6</v>
      </c>
      <c r="BZ15" s="72">
        <v>129</v>
      </c>
      <c r="CA15" s="73">
        <v>173</v>
      </c>
      <c r="CB15" s="70">
        <v>0</v>
      </c>
      <c r="CC15" s="71">
        <v>0</v>
      </c>
      <c r="CD15" s="72">
        <v>0</v>
      </c>
      <c r="CE15" s="244"/>
      <c r="CF15" s="71">
        <v>0</v>
      </c>
      <c r="CG15" s="71">
        <v>0</v>
      </c>
      <c r="CH15" s="71">
        <v>0</v>
      </c>
      <c r="CI15" s="71">
        <v>0</v>
      </c>
      <c r="CJ15" s="71">
        <v>0</v>
      </c>
      <c r="CK15" s="72">
        <v>0</v>
      </c>
      <c r="CL15" s="73">
        <v>0</v>
      </c>
      <c r="CM15" s="70">
        <v>82</v>
      </c>
      <c r="CN15" s="71">
        <v>61</v>
      </c>
      <c r="CO15" s="72">
        <v>143</v>
      </c>
      <c r="CP15" s="244"/>
      <c r="CQ15" s="71">
        <v>133</v>
      </c>
      <c r="CR15" s="71">
        <v>83</v>
      </c>
      <c r="CS15" s="71">
        <v>63</v>
      </c>
      <c r="CT15" s="71">
        <v>65</v>
      </c>
      <c r="CU15" s="71">
        <v>25</v>
      </c>
      <c r="CV15" s="72">
        <v>369</v>
      </c>
      <c r="CW15" s="73">
        <v>512</v>
      </c>
      <c r="CX15" s="123">
        <v>14</v>
      </c>
      <c r="CY15" s="82">
        <v>12</v>
      </c>
      <c r="CZ15" s="83">
        <v>26</v>
      </c>
      <c r="DA15" s="241"/>
      <c r="DB15" s="82">
        <v>11</v>
      </c>
      <c r="DC15" s="82">
        <v>18</v>
      </c>
      <c r="DD15" s="82">
        <v>6</v>
      </c>
      <c r="DE15" s="82">
        <v>17</v>
      </c>
      <c r="DF15" s="82">
        <v>11</v>
      </c>
      <c r="DG15" s="84">
        <v>63</v>
      </c>
      <c r="DH15" s="85">
        <v>89</v>
      </c>
      <c r="DI15" s="70">
        <v>0</v>
      </c>
      <c r="DJ15" s="71">
        <v>0</v>
      </c>
      <c r="DK15" s="72">
        <v>0</v>
      </c>
      <c r="DL15" s="244"/>
      <c r="DM15" s="71">
        <v>0</v>
      </c>
      <c r="DN15" s="71">
        <v>0</v>
      </c>
      <c r="DO15" s="71">
        <v>0</v>
      </c>
      <c r="DP15" s="71">
        <v>0</v>
      </c>
      <c r="DQ15" s="71">
        <v>0</v>
      </c>
      <c r="DR15" s="72">
        <v>0</v>
      </c>
      <c r="DS15" s="73">
        <v>0</v>
      </c>
      <c r="DT15" s="70">
        <v>0</v>
      </c>
      <c r="DU15" s="71">
        <v>1</v>
      </c>
      <c r="DV15" s="72">
        <v>1</v>
      </c>
      <c r="DW15" s="244"/>
      <c r="DX15" s="71">
        <v>1</v>
      </c>
      <c r="DY15" s="71">
        <v>0</v>
      </c>
      <c r="DZ15" s="71">
        <v>0</v>
      </c>
      <c r="EA15" s="71">
        <v>1</v>
      </c>
      <c r="EB15" s="71">
        <v>0</v>
      </c>
      <c r="EC15" s="72">
        <v>2</v>
      </c>
      <c r="ED15" s="73">
        <v>3</v>
      </c>
      <c r="EE15" s="70">
        <v>0</v>
      </c>
      <c r="EF15" s="71">
        <v>0</v>
      </c>
      <c r="EG15" s="72">
        <v>0</v>
      </c>
      <c r="EH15" s="244"/>
      <c r="EI15" s="71">
        <v>1</v>
      </c>
      <c r="EJ15" s="71">
        <v>3</v>
      </c>
      <c r="EK15" s="71">
        <v>0</v>
      </c>
      <c r="EL15" s="71">
        <v>0</v>
      </c>
      <c r="EM15" s="71">
        <v>1</v>
      </c>
      <c r="EN15" s="72">
        <v>5</v>
      </c>
      <c r="EO15" s="73">
        <v>5</v>
      </c>
      <c r="EP15" s="70">
        <v>5</v>
      </c>
      <c r="EQ15" s="71">
        <v>1</v>
      </c>
      <c r="ER15" s="72">
        <v>6</v>
      </c>
      <c r="ES15" s="244"/>
      <c r="ET15" s="71">
        <v>1</v>
      </c>
      <c r="EU15" s="71">
        <v>3</v>
      </c>
      <c r="EV15" s="71">
        <v>0</v>
      </c>
      <c r="EW15" s="71">
        <v>0</v>
      </c>
      <c r="EX15" s="71">
        <v>1</v>
      </c>
      <c r="EY15" s="72">
        <v>5</v>
      </c>
      <c r="EZ15" s="73">
        <v>11</v>
      </c>
      <c r="FA15" s="70">
        <v>4</v>
      </c>
      <c r="FB15" s="71">
        <v>8</v>
      </c>
      <c r="FC15" s="72">
        <v>12</v>
      </c>
      <c r="FD15" s="244"/>
      <c r="FE15" s="71">
        <v>6</v>
      </c>
      <c r="FF15" s="71">
        <v>6</v>
      </c>
      <c r="FG15" s="71">
        <v>1</v>
      </c>
      <c r="FH15" s="71">
        <v>6</v>
      </c>
      <c r="FI15" s="71">
        <v>3</v>
      </c>
      <c r="FJ15" s="72">
        <v>22</v>
      </c>
      <c r="FK15" s="73">
        <v>34</v>
      </c>
      <c r="FL15" s="70">
        <v>5</v>
      </c>
      <c r="FM15" s="71">
        <v>2</v>
      </c>
      <c r="FN15" s="72">
        <v>7</v>
      </c>
      <c r="FO15" s="244"/>
      <c r="FP15" s="71">
        <v>2</v>
      </c>
      <c r="FQ15" s="71">
        <v>6</v>
      </c>
      <c r="FR15" s="71">
        <v>5</v>
      </c>
      <c r="FS15" s="71">
        <v>10</v>
      </c>
      <c r="FT15" s="71">
        <v>6</v>
      </c>
      <c r="FU15" s="72">
        <v>29</v>
      </c>
      <c r="FV15" s="73">
        <v>36</v>
      </c>
      <c r="FW15" s="70">
        <v>0</v>
      </c>
      <c r="FX15" s="71">
        <v>0</v>
      </c>
      <c r="FY15" s="72">
        <v>0</v>
      </c>
      <c r="FZ15" s="244"/>
      <c r="GA15" s="71">
        <v>0</v>
      </c>
      <c r="GB15" s="71">
        <v>0</v>
      </c>
      <c r="GC15" s="71">
        <v>0</v>
      </c>
      <c r="GD15" s="71">
        <v>0</v>
      </c>
      <c r="GE15" s="71">
        <v>0</v>
      </c>
      <c r="GF15" s="72">
        <v>0</v>
      </c>
      <c r="GG15" s="73">
        <v>0</v>
      </c>
      <c r="GH15" s="70">
        <v>14</v>
      </c>
      <c r="GI15" s="71">
        <v>12</v>
      </c>
      <c r="GJ15" s="72">
        <v>26</v>
      </c>
      <c r="GK15" s="244"/>
      <c r="GL15" s="71">
        <v>11</v>
      </c>
      <c r="GM15" s="71">
        <v>18</v>
      </c>
      <c r="GN15" s="71">
        <v>6</v>
      </c>
      <c r="GO15" s="71">
        <v>17</v>
      </c>
      <c r="GP15" s="71">
        <v>11</v>
      </c>
      <c r="GQ15" s="72">
        <v>63</v>
      </c>
      <c r="GR15" s="73">
        <v>89</v>
      </c>
      <c r="GS15" s="123">
        <v>96</v>
      </c>
      <c r="GT15" s="82">
        <v>73</v>
      </c>
      <c r="GU15" s="83">
        <v>169</v>
      </c>
      <c r="GV15" s="241"/>
      <c r="GW15" s="82">
        <v>144</v>
      </c>
      <c r="GX15" s="82">
        <v>101</v>
      </c>
      <c r="GY15" s="82">
        <v>69</v>
      </c>
      <c r="GZ15" s="82">
        <v>82</v>
      </c>
      <c r="HA15" s="82">
        <v>36</v>
      </c>
      <c r="HB15" s="84">
        <v>432</v>
      </c>
      <c r="HC15" s="85">
        <v>601</v>
      </c>
      <c r="HD15" s="70">
        <v>2</v>
      </c>
      <c r="HE15" s="71">
        <v>1</v>
      </c>
      <c r="HF15" s="72">
        <v>3</v>
      </c>
      <c r="HG15" s="244"/>
      <c r="HH15" s="71">
        <v>3</v>
      </c>
      <c r="HI15" s="71">
        <v>2</v>
      </c>
      <c r="HJ15" s="71">
        <v>2</v>
      </c>
      <c r="HK15" s="71">
        <v>1</v>
      </c>
      <c r="HL15" s="71">
        <v>0</v>
      </c>
      <c r="HM15" s="72">
        <v>8</v>
      </c>
      <c r="HN15" s="73">
        <v>11</v>
      </c>
      <c r="HO15" s="70">
        <v>6</v>
      </c>
      <c r="HP15" s="71">
        <v>6</v>
      </c>
      <c r="HQ15" s="72">
        <v>12</v>
      </c>
      <c r="HR15" s="244"/>
      <c r="HS15" s="71">
        <v>10</v>
      </c>
      <c r="HT15" s="71">
        <v>1</v>
      </c>
      <c r="HU15" s="71">
        <v>9</v>
      </c>
      <c r="HV15" s="71">
        <v>4</v>
      </c>
      <c r="HW15" s="71">
        <v>2</v>
      </c>
      <c r="HX15" s="72">
        <v>26</v>
      </c>
      <c r="HY15" s="73">
        <v>38</v>
      </c>
      <c r="HZ15" s="70">
        <v>5</v>
      </c>
      <c r="IA15" s="71">
        <v>3</v>
      </c>
      <c r="IB15" s="72">
        <v>8</v>
      </c>
      <c r="IC15" s="244"/>
      <c r="ID15" s="71">
        <v>8</v>
      </c>
      <c r="IE15" s="71">
        <v>11</v>
      </c>
      <c r="IF15" s="71">
        <v>8</v>
      </c>
      <c r="IG15" s="71">
        <v>5</v>
      </c>
      <c r="IH15" s="71">
        <v>1</v>
      </c>
      <c r="II15" s="72">
        <v>33</v>
      </c>
      <c r="IJ15" s="73">
        <v>41</v>
      </c>
      <c r="IK15" s="70">
        <v>16</v>
      </c>
      <c r="IL15" s="71">
        <v>11</v>
      </c>
      <c r="IM15" s="72">
        <v>27</v>
      </c>
      <c r="IN15" s="244"/>
      <c r="IO15" s="71">
        <v>30</v>
      </c>
      <c r="IP15" s="71">
        <v>21</v>
      </c>
      <c r="IQ15" s="71">
        <v>6</v>
      </c>
      <c r="IR15" s="71">
        <v>8</v>
      </c>
      <c r="IS15" s="71">
        <v>8</v>
      </c>
      <c r="IT15" s="72">
        <v>73</v>
      </c>
      <c r="IU15" s="73">
        <v>100</v>
      </c>
      <c r="IV15" s="70">
        <v>36</v>
      </c>
      <c r="IW15" s="71">
        <v>32</v>
      </c>
      <c r="IX15" s="72">
        <v>68</v>
      </c>
      <c r="IY15" s="244"/>
      <c r="IZ15" s="71">
        <v>43</v>
      </c>
      <c r="JA15" s="71">
        <v>31</v>
      </c>
      <c r="JB15" s="71">
        <v>15</v>
      </c>
      <c r="JC15" s="71">
        <v>32</v>
      </c>
      <c r="JD15" s="71">
        <v>13</v>
      </c>
      <c r="JE15" s="72">
        <v>134</v>
      </c>
      <c r="JF15" s="73">
        <v>202</v>
      </c>
      <c r="JG15" s="70">
        <v>31</v>
      </c>
      <c r="JH15" s="71">
        <v>20</v>
      </c>
      <c r="JI15" s="72">
        <v>51</v>
      </c>
      <c r="JJ15" s="244"/>
      <c r="JK15" s="71">
        <v>50</v>
      </c>
      <c r="JL15" s="71">
        <v>35</v>
      </c>
      <c r="JM15" s="71">
        <v>29</v>
      </c>
      <c r="JN15" s="71">
        <v>32</v>
      </c>
      <c r="JO15" s="71">
        <v>12</v>
      </c>
      <c r="JP15" s="72">
        <v>158</v>
      </c>
      <c r="JQ15" s="73">
        <v>209</v>
      </c>
      <c r="JR15" s="70">
        <v>0</v>
      </c>
      <c r="JS15" s="71">
        <v>0</v>
      </c>
      <c r="JT15" s="72">
        <v>0</v>
      </c>
      <c r="JU15" s="244"/>
      <c r="JV15" s="71">
        <v>0</v>
      </c>
      <c r="JW15" s="71">
        <v>0</v>
      </c>
      <c r="JX15" s="71">
        <v>0</v>
      </c>
      <c r="JY15" s="71">
        <v>0</v>
      </c>
      <c r="JZ15" s="71">
        <v>0</v>
      </c>
      <c r="KA15" s="72">
        <v>0</v>
      </c>
      <c r="KB15" s="73">
        <v>0</v>
      </c>
      <c r="KC15" s="70">
        <v>96</v>
      </c>
      <c r="KD15" s="71">
        <v>73</v>
      </c>
      <c r="KE15" s="72">
        <v>169</v>
      </c>
      <c r="KF15" s="244"/>
      <c r="KG15" s="71">
        <v>144</v>
      </c>
      <c r="KH15" s="71">
        <v>101</v>
      </c>
      <c r="KI15" s="71">
        <v>69</v>
      </c>
      <c r="KJ15" s="71">
        <v>82</v>
      </c>
      <c r="KK15" s="71">
        <v>36</v>
      </c>
      <c r="KL15" s="72">
        <v>432</v>
      </c>
      <c r="KM15" s="73">
        <v>601</v>
      </c>
    </row>
    <row r="16" spans="2:299" ht="21" customHeight="1" x14ac:dyDescent="0.2">
      <c r="B16" s="126" t="s">
        <v>12</v>
      </c>
      <c r="C16" s="313">
        <v>152</v>
      </c>
      <c r="D16" s="82">
        <v>148</v>
      </c>
      <c r="E16" s="83">
        <v>300</v>
      </c>
      <c r="F16" s="241"/>
      <c r="G16" s="82">
        <v>145</v>
      </c>
      <c r="H16" s="82">
        <v>133</v>
      </c>
      <c r="I16" s="82">
        <v>89</v>
      </c>
      <c r="J16" s="82">
        <v>98</v>
      </c>
      <c r="K16" s="82">
        <v>40</v>
      </c>
      <c r="L16" s="84">
        <v>505</v>
      </c>
      <c r="M16" s="85">
        <v>805</v>
      </c>
      <c r="N16" s="86">
        <v>4</v>
      </c>
      <c r="O16" s="71">
        <v>2</v>
      </c>
      <c r="P16" s="72">
        <v>6</v>
      </c>
      <c r="Q16" s="244"/>
      <c r="R16" s="71">
        <v>3</v>
      </c>
      <c r="S16" s="71">
        <v>1</v>
      </c>
      <c r="T16" s="71">
        <v>1</v>
      </c>
      <c r="U16" s="71">
        <v>3</v>
      </c>
      <c r="V16" s="71">
        <v>1</v>
      </c>
      <c r="W16" s="72">
        <v>9</v>
      </c>
      <c r="X16" s="73">
        <v>15</v>
      </c>
      <c r="Y16" s="70">
        <v>3</v>
      </c>
      <c r="Z16" s="71">
        <v>13</v>
      </c>
      <c r="AA16" s="72">
        <v>16</v>
      </c>
      <c r="AB16" s="244"/>
      <c r="AC16" s="71">
        <v>6</v>
      </c>
      <c r="AD16" s="71">
        <v>3</v>
      </c>
      <c r="AE16" s="71">
        <v>6</v>
      </c>
      <c r="AF16" s="71">
        <v>3</v>
      </c>
      <c r="AG16" s="71">
        <v>3</v>
      </c>
      <c r="AH16" s="72">
        <v>21</v>
      </c>
      <c r="AI16" s="73">
        <v>37</v>
      </c>
      <c r="AJ16" s="86">
        <v>12</v>
      </c>
      <c r="AK16" s="71">
        <v>15</v>
      </c>
      <c r="AL16" s="72">
        <v>27</v>
      </c>
      <c r="AM16" s="244"/>
      <c r="AN16" s="71">
        <v>7</v>
      </c>
      <c r="AO16" s="71">
        <v>11</v>
      </c>
      <c r="AP16" s="71">
        <v>8</v>
      </c>
      <c r="AQ16" s="71">
        <v>9</v>
      </c>
      <c r="AR16" s="71">
        <v>4</v>
      </c>
      <c r="AS16" s="72">
        <v>39</v>
      </c>
      <c r="AT16" s="73">
        <v>66</v>
      </c>
      <c r="AU16" s="70">
        <v>37</v>
      </c>
      <c r="AV16" s="71">
        <v>21</v>
      </c>
      <c r="AW16" s="72">
        <v>58</v>
      </c>
      <c r="AX16" s="244"/>
      <c r="AY16" s="71">
        <v>32</v>
      </c>
      <c r="AZ16" s="71">
        <v>20</v>
      </c>
      <c r="BA16" s="71">
        <v>10</v>
      </c>
      <c r="BB16" s="71">
        <v>16</v>
      </c>
      <c r="BC16" s="71">
        <v>7</v>
      </c>
      <c r="BD16" s="72">
        <v>85</v>
      </c>
      <c r="BE16" s="73">
        <v>143</v>
      </c>
      <c r="BF16" s="86">
        <v>50</v>
      </c>
      <c r="BG16" s="71">
        <v>38</v>
      </c>
      <c r="BH16" s="72">
        <v>88</v>
      </c>
      <c r="BI16" s="244"/>
      <c r="BJ16" s="71">
        <v>50</v>
      </c>
      <c r="BK16" s="71">
        <v>41</v>
      </c>
      <c r="BL16" s="71">
        <v>34</v>
      </c>
      <c r="BM16" s="71">
        <v>24</v>
      </c>
      <c r="BN16" s="71">
        <v>14</v>
      </c>
      <c r="BO16" s="72">
        <v>163</v>
      </c>
      <c r="BP16" s="73">
        <v>251</v>
      </c>
      <c r="BQ16" s="70">
        <v>46</v>
      </c>
      <c r="BR16" s="71">
        <v>59</v>
      </c>
      <c r="BS16" s="72">
        <v>105</v>
      </c>
      <c r="BT16" s="244"/>
      <c r="BU16" s="71">
        <v>47</v>
      </c>
      <c r="BV16" s="71">
        <v>57</v>
      </c>
      <c r="BW16" s="71">
        <v>30</v>
      </c>
      <c r="BX16" s="71">
        <v>43</v>
      </c>
      <c r="BY16" s="71">
        <v>11</v>
      </c>
      <c r="BZ16" s="72">
        <v>188</v>
      </c>
      <c r="CA16" s="73">
        <v>293</v>
      </c>
      <c r="CB16" s="70">
        <v>0</v>
      </c>
      <c r="CC16" s="71">
        <v>0</v>
      </c>
      <c r="CD16" s="72">
        <v>0</v>
      </c>
      <c r="CE16" s="244"/>
      <c r="CF16" s="71">
        <v>0</v>
      </c>
      <c r="CG16" s="71">
        <v>0</v>
      </c>
      <c r="CH16" s="71">
        <v>0</v>
      </c>
      <c r="CI16" s="71">
        <v>0</v>
      </c>
      <c r="CJ16" s="71">
        <v>0</v>
      </c>
      <c r="CK16" s="72">
        <v>0</v>
      </c>
      <c r="CL16" s="73">
        <v>0</v>
      </c>
      <c r="CM16" s="70">
        <v>152</v>
      </c>
      <c r="CN16" s="71">
        <v>148</v>
      </c>
      <c r="CO16" s="72">
        <v>300</v>
      </c>
      <c r="CP16" s="244"/>
      <c r="CQ16" s="71">
        <v>145</v>
      </c>
      <c r="CR16" s="71">
        <v>133</v>
      </c>
      <c r="CS16" s="71">
        <v>89</v>
      </c>
      <c r="CT16" s="71">
        <v>98</v>
      </c>
      <c r="CU16" s="71">
        <v>40</v>
      </c>
      <c r="CV16" s="72">
        <v>505</v>
      </c>
      <c r="CW16" s="73">
        <v>805</v>
      </c>
      <c r="CX16" s="123">
        <v>13</v>
      </c>
      <c r="CY16" s="82">
        <v>17</v>
      </c>
      <c r="CZ16" s="83">
        <v>30</v>
      </c>
      <c r="DA16" s="241"/>
      <c r="DB16" s="82">
        <v>24</v>
      </c>
      <c r="DC16" s="82">
        <v>5</v>
      </c>
      <c r="DD16" s="82">
        <v>10</v>
      </c>
      <c r="DE16" s="82">
        <v>18</v>
      </c>
      <c r="DF16" s="82">
        <v>9</v>
      </c>
      <c r="DG16" s="84">
        <v>66</v>
      </c>
      <c r="DH16" s="85">
        <v>96</v>
      </c>
      <c r="DI16" s="86">
        <v>1</v>
      </c>
      <c r="DJ16" s="71">
        <v>0</v>
      </c>
      <c r="DK16" s="72">
        <v>1</v>
      </c>
      <c r="DL16" s="244"/>
      <c r="DM16" s="71">
        <v>0</v>
      </c>
      <c r="DN16" s="71">
        <v>0</v>
      </c>
      <c r="DO16" s="71">
        <v>0</v>
      </c>
      <c r="DP16" s="71">
        <v>0</v>
      </c>
      <c r="DQ16" s="71">
        <v>0</v>
      </c>
      <c r="DR16" s="72">
        <v>0</v>
      </c>
      <c r="DS16" s="73">
        <v>1</v>
      </c>
      <c r="DT16" s="70">
        <v>0</v>
      </c>
      <c r="DU16" s="71">
        <v>1</v>
      </c>
      <c r="DV16" s="72">
        <v>1</v>
      </c>
      <c r="DW16" s="244"/>
      <c r="DX16" s="71">
        <v>1</v>
      </c>
      <c r="DY16" s="71">
        <v>0</v>
      </c>
      <c r="DZ16" s="71">
        <v>1</v>
      </c>
      <c r="EA16" s="71">
        <v>0</v>
      </c>
      <c r="EB16" s="71">
        <v>0</v>
      </c>
      <c r="EC16" s="72">
        <v>2</v>
      </c>
      <c r="ED16" s="73">
        <v>3</v>
      </c>
      <c r="EE16" s="86">
        <v>1</v>
      </c>
      <c r="EF16" s="71">
        <v>2</v>
      </c>
      <c r="EG16" s="72">
        <v>3</v>
      </c>
      <c r="EH16" s="244"/>
      <c r="EI16" s="71">
        <v>3</v>
      </c>
      <c r="EJ16" s="71">
        <v>0</v>
      </c>
      <c r="EK16" s="71">
        <v>3</v>
      </c>
      <c r="EL16" s="71">
        <v>1</v>
      </c>
      <c r="EM16" s="71">
        <v>0</v>
      </c>
      <c r="EN16" s="72">
        <v>7</v>
      </c>
      <c r="EO16" s="73">
        <v>10</v>
      </c>
      <c r="EP16" s="70">
        <v>4</v>
      </c>
      <c r="EQ16" s="71">
        <v>3</v>
      </c>
      <c r="ER16" s="72">
        <v>7</v>
      </c>
      <c r="ES16" s="244"/>
      <c r="ET16" s="71">
        <v>2</v>
      </c>
      <c r="EU16" s="71">
        <v>1</v>
      </c>
      <c r="EV16" s="71">
        <v>0</v>
      </c>
      <c r="EW16" s="71">
        <v>2</v>
      </c>
      <c r="EX16" s="71">
        <v>0</v>
      </c>
      <c r="EY16" s="72">
        <v>5</v>
      </c>
      <c r="EZ16" s="73">
        <v>12</v>
      </c>
      <c r="FA16" s="86">
        <v>1</v>
      </c>
      <c r="FB16" s="71">
        <v>9</v>
      </c>
      <c r="FC16" s="72">
        <v>10</v>
      </c>
      <c r="FD16" s="244"/>
      <c r="FE16" s="71">
        <v>6</v>
      </c>
      <c r="FF16" s="71">
        <v>2</v>
      </c>
      <c r="FG16" s="71">
        <v>2</v>
      </c>
      <c r="FH16" s="71">
        <v>1</v>
      </c>
      <c r="FI16" s="71">
        <v>2</v>
      </c>
      <c r="FJ16" s="72">
        <v>13</v>
      </c>
      <c r="FK16" s="73">
        <v>23</v>
      </c>
      <c r="FL16" s="70">
        <v>6</v>
      </c>
      <c r="FM16" s="71">
        <v>2</v>
      </c>
      <c r="FN16" s="72">
        <v>8</v>
      </c>
      <c r="FO16" s="244"/>
      <c r="FP16" s="71">
        <v>12</v>
      </c>
      <c r="FQ16" s="71">
        <v>2</v>
      </c>
      <c r="FR16" s="71">
        <v>4</v>
      </c>
      <c r="FS16" s="71">
        <v>14</v>
      </c>
      <c r="FT16" s="71">
        <v>7</v>
      </c>
      <c r="FU16" s="72">
        <v>39</v>
      </c>
      <c r="FV16" s="73">
        <v>47</v>
      </c>
      <c r="FW16" s="70">
        <v>0</v>
      </c>
      <c r="FX16" s="71">
        <v>0</v>
      </c>
      <c r="FY16" s="72">
        <v>0</v>
      </c>
      <c r="FZ16" s="244"/>
      <c r="GA16" s="71">
        <v>0</v>
      </c>
      <c r="GB16" s="71">
        <v>0</v>
      </c>
      <c r="GC16" s="71">
        <v>0</v>
      </c>
      <c r="GD16" s="71">
        <v>0</v>
      </c>
      <c r="GE16" s="71">
        <v>0</v>
      </c>
      <c r="GF16" s="72">
        <v>0</v>
      </c>
      <c r="GG16" s="73">
        <v>0</v>
      </c>
      <c r="GH16" s="70">
        <v>13</v>
      </c>
      <c r="GI16" s="71">
        <v>17</v>
      </c>
      <c r="GJ16" s="72">
        <v>30</v>
      </c>
      <c r="GK16" s="244"/>
      <c r="GL16" s="71">
        <v>24</v>
      </c>
      <c r="GM16" s="71">
        <v>5</v>
      </c>
      <c r="GN16" s="71">
        <v>10</v>
      </c>
      <c r="GO16" s="71">
        <v>18</v>
      </c>
      <c r="GP16" s="71">
        <v>9</v>
      </c>
      <c r="GQ16" s="72">
        <v>66</v>
      </c>
      <c r="GR16" s="73">
        <v>96</v>
      </c>
      <c r="GS16" s="123">
        <v>165</v>
      </c>
      <c r="GT16" s="82">
        <v>165</v>
      </c>
      <c r="GU16" s="83">
        <v>330</v>
      </c>
      <c r="GV16" s="241"/>
      <c r="GW16" s="82">
        <v>169</v>
      </c>
      <c r="GX16" s="82">
        <v>138</v>
      </c>
      <c r="GY16" s="82">
        <v>99</v>
      </c>
      <c r="GZ16" s="82">
        <v>116</v>
      </c>
      <c r="HA16" s="82">
        <v>49</v>
      </c>
      <c r="HB16" s="84">
        <v>571</v>
      </c>
      <c r="HC16" s="85">
        <v>901</v>
      </c>
      <c r="HD16" s="86">
        <v>5</v>
      </c>
      <c r="HE16" s="71">
        <v>2</v>
      </c>
      <c r="HF16" s="72">
        <v>7</v>
      </c>
      <c r="HG16" s="244"/>
      <c r="HH16" s="71">
        <v>3</v>
      </c>
      <c r="HI16" s="71">
        <v>1</v>
      </c>
      <c r="HJ16" s="71">
        <v>1</v>
      </c>
      <c r="HK16" s="71">
        <v>3</v>
      </c>
      <c r="HL16" s="71">
        <v>1</v>
      </c>
      <c r="HM16" s="72">
        <v>9</v>
      </c>
      <c r="HN16" s="73">
        <v>16</v>
      </c>
      <c r="HO16" s="70">
        <v>3</v>
      </c>
      <c r="HP16" s="71">
        <v>14</v>
      </c>
      <c r="HQ16" s="72">
        <v>17</v>
      </c>
      <c r="HR16" s="244"/>
      <c r="HS16" s="71">
        <v>7</v>
      </c>
      <c r="HT16" s="71">
        <v>3</v>
      </c>
      <c r="HU16" s="71">
        <v>7</v>
      </c>
      <c r="HV16" s="71">
        <v>3</v>
      </c>
      <c r="HW16" s="71">
        <v>3</v>
      </c>
      <c r="HX16" s="72">
        <v>23</v>
      </c>
      <c r="HY16" s="73">
        <v>40</v>
      </c>
      <c r="HZ16" s="86">
        <v>13</v>
      </c>
      <c r="IA16" s="71">
        <v>17</v>
      </c>
      <c r="IB16" s="72">
        <v>30</v>
      </c>
      <c r="IC16" s="244"/>
      <c r="ID16" s="71">
        <v>10</v>
      </c>
      <c r="IE16" s="71">
        <v>11</v>
      </c>
      <c r="IF16" s="71">
        <v>11</v>
      </c>
      <c r="IG16" s="71">
        <v>10</v>
      </c>
      <c r="IH16" s="71">
        <v>4</v>
      </c>
      <c r="II16" s="72">
        <v>46</v>
      </c>
      <c r="IJ16" s="73">
        <v>76</v>
      </c>
      <c r="IK16" s="70">
        <v>41</v>
      </c>
      <c r="IL16" s="71">
        <v>24</v>
      </c>
      <c r="IM16" s="72">
        <v>65</v>
      </c>
      <c r="IN16" s="244"/>
      <c r="IO16" s="71">
        <v>34</v>
      </c>
      <c r="IP16" s="71">
        <v>21</v>
      </c>
      <c r="IQ16" s="71">
        <v>10</v>
      </c>
      <c r="IR16" s="71">
        <v>18</v>
      </c>
      <c r="IS16" s="71">
        <v>7</v>
      </c>
      <c r="IT16" s="72">
        <v>90</v>
      </c>
      <c r="IU16" s="73">
        <v>155</v>
      </c>
      <c r="IV16" s="86">
        <v>51</v>
      </c>
      <c r="IW16" s="71">
        <v>47</v>
      </c>
      <c r="IX16" s="72">
        <v>98</v>
      </c>
      <c r="IY16" s="244"/>
      <c r="IZ16" s="71">
        <v>56</v>
      </c>
      <c r="JA16" s="71">
        <v>43</v>
      </c>
      <c r="JB16" s="71">
        <v>36</v>
      </c>
      <c r="JC16" s="71">
        <v>25</v>
      </c>
      <c r="JD16" s="71">
        <v>16</v>
      </c>
      <c r="JE16" s="72">
        <v>176</v>
      </c>
      <c r="JF16" s="73">
        <v>274</v>
      </c>
      <c r="JG16" s="70">
        <v>52</v>
      </c>
      <c r="JH16" s="71">
        <v>61</v>
      </c>
      <c r="JI16" s="72">
        <v>113</v>
      </c>
      <c r="JJ16" s="244"/>
      <c r="JK16" s="71">
        <v>59</v>
      </c>
      <c r="JL16" s="71">
        <v>59</v>
      </c>
      <c r="JM16" s="71">
        <v>34</v>
      </c>
      <c r="JN16" s="71">
        <v>57</v>
      </c>
      <c r="JO16" s="71">
        <v>18</v>
      </c>
      <c r="JP16" s="72">
        <v>227</v>
      </c>
      <c r="JQ16" s="73">
        <v>340</v>
      </c>
      <c r="JR16" s="70">
        <v>0</v>
      </c>
      <c r="JS16" s="71">
        <v>0</v>
      </c>
      <c r="JT16" s="72">
        <v>0</v>
      </c>
      <c r="JU16" s="244"/>
      <c r="JV16" s="71">
        <v>0</v>
      </c>
      <c r="JW16" s="71">
        <v>0</v>
      </c>
      <c r="JX16" s="71">
        <v>0</v>
      </c>
      <c r="JY16" s="71">
        <v>0</v>
      </c>
      <c r="JZ16" s="71">
        <v>0</v>
      </c>
      <c r="KA16" s="72">
        <v>0</v>
      </c>
      <c r="KB16" s="73">
        <v>0</v>
      </c>
      <c r="KC16" s="70">
        <v>165</v>
      </c>
      <c r="KD16" s="71">
        <v>165</v>
      </c>
      <c r="KE16" s="72">
        <v>330</v>
      </c>
      <c r="KF16" s="244"/>
      <c r="KG16" s="71">
        <v>169</v>
      </c>
      <c r="KH16" s="71">
        <v>138</v>
      </c>
      <c r="KI16" s="71">
        <v>99</v>
      </c>
      <c r="KJ16" s="71">
        <v>116</v>
      </c>
      <c r="KK16" s="71">
        <v>49</v>
      </c>
      <c r="KL16" s="72">
        <v>571</v>
      </c>
      <c r="KM16" s="73">
        <v>901</v>
      </c>
    </row>
    <row r="17" spans="2:299" ht="21" customHeight="1" x14ac:dyDescent="0.2">
      <c r="B17" s="126" t="s">
        <v>13</v>
      </c>
      <c r="C17" s="313">
        <v>43</v>
      </c>
      <c r="D17" s="82">
        <v>50</v>
      </c>
      <c r="E17" s="83">
        <v>93</v>
      </c>
      <c r="F17" s="241"/>
      <c r="G17" s="82">
        <v>91</v>
      </c>
      <c r="H17" s="82">
        <v>66</v>
      </c>
      <c r="I17" s="82">
        <v>40</v>
      </c>
      <c r="J17" s="82">
        <v>42</v>
      </c>
      <c r="K17" s="82">
        <v>25</v>
      </c>
      <c r="L17" s="84">
        <v>264</v>
      </c>
      <c r="M17" s="85">
        <v>357</v>
      </c>
      <c r="N17" s="70">
        <v>0</v>
      </c>
      <c r="O17" s="71">
        <v>0</v>
      </c>
      <c r="P17" s="72">
        <v>0</v>
      </c>
      <c r="Q17" s="244"/>
      <c r="R17" s="71">
        <v>2</v>
      </c>
      <c r="S17" s="71">
        <v>0</v>
      </c>
      <c r="T17" s="71">
        <v>0</v>
      </c>
      <c r="U17" s="71">
        <v>0</v>
      </c>
      <c r="V17" s="71">
        <v>0</v>
      </c>
      <c r="W17" s="72">
        <v>2</v>
      </c>
      <c r="X17" s="73">
        <v>2</v>
      </c>
      <c r="Y17" s="70">
        <v>4</v>
      </c>
      <c r="Z17" s="71">
        <v>1</v>
      </c>
      <c r="AA17" s="72">
        <v>5</v>
      </c>
      <c r="AB17" s="244"/>
      <c r="AC17" s="71">
        <v>7</v>
      </c>
      <c r="AD17" s="71">
        <v>1</v>
      </c>
      <c r="AE17" s="71">
        <v>0</v>
      </c>
      <c r="AF17" s="71">
        <v>1</v>
      </c>
      <c r="AG17" s="71">
        <v>3</v>
      </c>
      <c r="AH17" s="72">
        <v>12</v>
      </c>
      <c r="AI17" s="73">
        <v>17</v>
      </c>
      <c r="AJ17" s="70">
        <v>6</v>
      </c>
      <c r="AK17" s="71">
        <v>4</v>
      </c>
      <c r="AL17" s="72">
        <v>10</v>
      </c>
      <c r="AM17" s="244"/>
      <c r="AN17" s="71">
        <v>3</v>
      </c>
      <c r="AO17" s="71">
        <v>6</v>
      </c>
      <c r="AP17" s="71">
        <v>4</v>
      </c>
      <c r="AQ17" s="71">
        <v>1</v>
      </c>
      <c r="AR17" s="71">
        <v>2</v>
      </c>
      <c r="AS17" s="72">
        <v>16</v>
      </c>
      <c r="AT17" s="73">
        <v>26</v>
      </c>
      <c r="AU17" s="70">
        <v>4</v>
      </c>
      <c r="AV17" s="71">
        <v>13</v>
      </c>
      <c r="AW17" s="72">
        <v>17</v>
      </c>
      <c r="AX17" s="244"/>
      <c r="AY17" s="71">
        <v>15</v>
      </c>
      <c r="AZ17" s="71">
        <v>11</v>
      </c>
      <c r="BA17" s="71">
        <v>5</v>
      </c>
      <c r="BB17" s="71">
        <v>7</v>
      </c>
      <c r="BC17" s="71">
        <v>6</v>
      </c>
      <c r="BD17" s="72">
        <v>44</v>
      </c>
      <c r="BE17" s="73">
        <v>61</v>
      </c>
      <c r="BF17" s="70">
        <v>15</v>
      </c>
      <c r="BG17" s="71">
        <v>21</v>
      </c>
      <c r="BH17" s="72">
        <v>36</v>
      </c>
      <c r="BI17" s="244"/>
      <c r="BJ17" s="71">
        <v>32</v>
      </c>
      <c r="BK17" s="71">
        <v>21</v>
      </c>
      <c r="BL17" s="71">
        <v>16</v>
      </c>
      <c r="BM17" s="71">
        <v>19</v>
      </c>
      <c r="BN17" s="71">
        <v>5</v>
      </c>
      <c r="BO17" s="72">
        <v>93</v>
      </c>
      <c r="BP17" s="73">
        <v>129</v>
      </c>
      <c r="BQ17" s="70">
        <v>14</v>
      </c>
      <c r="BR17" s="71">
        <v>11</v>
      </c>
      <c r="BS17" s="72">
        <v>25</v>
      </c>
      <c r="BT17" s="244"/>
      <c r="BU17" s="71">
        <v>32</v>
      </c>
      <c r="BV17" s="71">
        <v>27</v>
      </c>
      <c r="BW17" s="71">
        <v>15</v>
      </c>
      <c r="BX17" s="71">
        <v>14</v>
      </c>
      <c r="BY17" s="71">
        <v>9</v>
      </c>
      <c r="BZ17" s="72">
        <v>97</v>
      </c>
      <c r="CA17" s="73">
        <v>122</v>
      </c>
      <c r="CB17" s="70">
        <v>0</v>
      </c>
      <c r="CC17" s="71">
        <v>0</v>
      </c>
      <c r="CD17" s="72">
        <v>0</v>
      </c>
      <c r="CE17" s="244"/>
      <c r="CF17" s="71">
        <v>0</v>
      </c>
      <c r="CG17" s="71">
        <v>0</v>
      </c>
      <c r="CH17" s="71">
        <v>0</v>
      </c>
      <c r="CI17" s="71">
        <v>0</v>
      </c>
      <c r="CJ17" s="71">
        <v>0</v>
      </c>
      <c r="CK17" s="72">
        <v>0</v>
      </c>
      <c r="CL17" s="73">
        <v>0</v>
      </c>
      <c r="CM17" s="70">
        <v>43</v>
      </c>
      <c r="CN17" s="71">
        <v>50</v>
      </c>
      <c r="CO17" s="72">
        <v>93</v>
      </c>
      <c r="CP17" s="244"/>
      <c r="CQ17" s="71">
        <v>91</v>
      </c>
      <c r="CR17" s="71">
        <v>66</v>
      </c>
      <c r="CS17" s="71">
        <v>40</v>
      </c>
      <c r="CT17" s="71">
        <v>42</v>
      </c>
      <c r="CU17" s="71">
        <v>25</v>
      </c>
      <c r="CV17" s="72">
        <v>264</v>
      </c>
      <c r="CW17" s="73">
        <v>357</v>
      </c>
      <c r="CX17" s="123">
        <v>9</v>
      </c>
      <c r="CY17" s="82">
        <v>4</v>
      </c>
      <c r="CZ17" s="83">
        <v>13</v>
      </c>
      <c r="DA17" s="241"/>
      <c r="DB17" s="82">
        <v>12</v>
      </c>
      <c r="DC17" s="82">
        <v>6</v>
      </c>
      <c r="DD17" s="82">
        <v>4</v>
      </c>
      <c r="DE17" s="82">
        <v>6</v>
      </c>
      <c r="DF17" s="82">
        <v>4</v>
      </c>
      <c r="DG17" s="84">
        <v>32</v>
      </c>
      <c r="DH17" s="85">
        <v>45</v>
      </c>
      <c r="DI17" s="70">
        <v>0</v>
      </c>
      <c r="DJ17" s="71">
        <v>0</v>
      </c>
      <c r="DK17" s="72">
        <v>0</v>
      </c>
      <c r="DL17" s="244"/>
      <c r="DM17" s="71">
        <v>0</v>
      </c>
      <c r="DN17" s="71">
        <v>0</v>
      </c>
      <c r="DO17" s="71">
        <v>0</v>
      </c>
      <c r="DP17" s="71">
        <v>1</v>
      </c>
      <c r="DQ17" s="71">
        <v>1</v>
      </c>
      <c r="DR17" s="72">
        <v>2</v>
      </c>
      <c r="DS17" s="73">
        <v>2</v>
      </c>
      <c r="DT17" s="70">
        <v>0</v>
      </c>
      <c r="DU17" s="71">
        <v>0</v>
      </c>
      <c r="DV17" s="72">
        <v>0</v>
      </c>
      <c r="DW17" s="244"/>
      <c r="DX17" s="71">
        <v>0</v>
      </c>
      <c r="DY17" s="71">
        <v>0</v>
      </c>
      <c r="DZ17" s="71">
        <v>0</v>
      </c>
      <c r="EA17" s="71">
        <v>0</v>
      </c>
      <c r="EB17" s="71">
        <v>0</v>
      </c>
      <c r="EC17" s="72">
        <v>0</v>
      </c>
      <c r="ED17" s="73">
        <v>0</v>
      </c>
      <c r="EE17" s="70">
        <v>2</v>
      </c>
      <c r="EF17" s="71">
        <v>0</v>
      </c>
      <c r="EG17" s="72">
        <v>2</v>
      </c>
      <c r="EH17" s="244"/>
      <c r="EI17" s="71">
        <v>2</v>
      </c>
      <c r="EJ17" s="71">
        <v>0</v>
      </c>
      <c r="EK17" s="71">
        <v>0</v>
      </c>
      <c r="EL17" s="71">
        <v>0</v>
      </c>
      <c r="EM17" s="71">
        <v>1</v>
      </c>
      <c r="EN17" s="72">
        <v>3</v>
      </c>
      <c r="EO17" s="73">
        <v>5</v>
      </c>
      <c r="EP17" s="70">
        <v>2</v>
      </c>
      <c r="EQ17" s="71">
        <v>1</v>
      </c>
      <c r="ER17" s="72">
        <v>3</v>
      </c>
      <c r="ES17" s="244"/>
      <c r="ET17" s="71">
        <v>2</v>
      </c>
      <c r="EU17" s="71">
        <v>1</v>
      </c>
      <c r="EV17" s="71">
        <v>0</v>
      </c>
      <c r="EW17" s="71">
        <v>0</v>
      </c>
      <c r="EX17" s="71">
        <v>0</v>
      </c>
      <c r="EY17" s="72">
        <v>3</v>
      </c>
      <c r="EZ17" s="73">
        <v>6</v>
      </c>
      <c r="FA17" s="70">
        <v>3</v>
      </c>
      <c r="FB17" s="71">
        <v>0</v>
      </c>
      <c r="FC17" s="72">
        <v>3</v>
      </c>
      <c r="FD17" s="244"/>
      <c r="FE17" s="71">
        <v>4</v>
      </c>
      <c r="FF17" s="71">
        <v>1</v>
      </c>
      <c r="FG17" s="71">
        <v>2</v>
      </c>
      <c r="FH17" s="71">
        <v>1</v>
      </c>
      <c r="FI17" s="71">
        <v>0</v>
      </c>
      <c r="FJ17" s="72">
        <v>8</v>
      </c>
      <c r="FK17" s="73">
        <v>11</v>
      </c>
      <c r="FL17" s="70">
        <v>2</v>
      </c>
      <c r="FM17" s="71">
        <v>3</v>
      </c>
      <c r="FN17" s="72">
        <v>5</v>
      </c>
      <c r="FO17" s="244"/>
      <c r="FP17" s="71">
        <v>4</v>
      </c>
      <c r="FQ17" s="71">
        <v>4</v>
      </c>
      <c r="FR17" s="71">
        <v>2</v>
      </c>
      <c r="FS17" s="71">
        <v>4</v>
      </c>
      <c r="FT17" s="71">
        <v>2</v>
      </c>
      <c r="FU17" s="72">
        <v>16</v>
      </c>
      <c r="FV17" s="73">
        <v>21</v>
      </c>
      <c r="FW17" s="70">
        <v>0</v>
      </c>
      <c r="FX17" s="71">
        <v>0</v>
      </c>
      <c r="FY17" s="72">
        <v>0</v>
      </c>
      <c r="FZ17" s="244"/>
      <c r="GA17" s="71">
        <v>0</v>
      </c>
      <c r="GB17" s="71">
        <v>0</v>
      </c>
      <c r="GC17" s="71">
        <v>0</v>
      </c>
      <c r="GD17" s="71">
        <v>0</v>
      </c>
      <c r="GE17" s="71">
        <v>0</v>
      </c>
      <c r="GF17" s="72">
        <v>0</v>
      </c>
      <c r="GG17" s="73">
        <v>0</v>
      </c>
      <c r="GH17" s="70">
        <v>9</v>
      </c>
      <c r="GI17" s="71">
        <v>4</v>
      </c>
      <c r="GJ17" s="72">
        <v>13</v>
      </c>
      <c r="GK17" s="244"/>
      <c r="GL17" s="71">
        <v>12</v>
      </c>
      <c r="GM17" s="71">
        <v>6</v>
      </c>
      <c r="GN17" s="71">
        <v>4</v>
      </c>
      <c r="GO17" s="71">
        <v>6</v>
      </c>
      <c r="GP17" s="71">
        <v>4</v>
      </c>
      <c r="GQ17" s="72">
        <v>32</v>
      </c>
      <c r="GR17" s="73">
        <v>45</v>
      </c>
      <c r="GS17" s="123">
        <v>52</v>
      </c>
      <c r="GT17" s="82">
        <v>54</v>
      </c>
      <c r="GU17" s="83">
        <v>106</v>
      </c>
      <c r="GV17" s="241"/>
      <c r="GW17" s="82">
        <v>103</v>
      </c>
      <c r="GX17" s="82">
        <v>72</v>
      </c>
      <c r="GY17" s="82">
        <v>44</v>
      </c>
      <c r="GZ17" s="82">
        <v>48</v>
      </c>
      <c r="HA17" s="82">
        <v>29</v>
      </c>
      <c r="HB17" s="84">
        <v>296</v>
      </c>
      <c r="HC17" s="85">
        <v>402</v>
      </c>
      <c r="HD17" s="70">
        <v>0</v>
      </c>
      <c r="HE17" s="71">
        <v>0</v>
      </c>
      <c r="HF17" s="72">
        <v>0</v>
      </c>
      <c r="HG17" s="244"/>
      <c r="HH17" s="71">
        <v>2</v>
      </c>
      <c r="HI17" s="71">
        <v>0</v>
      </c>
      <c r="HJ17" s="71">
        <v>0</v>
      </c>
      <c r="HK17" s="71">
        <v>1</v>
      </c>
      <c r="HL17" s="71">
        <v>1</v>
      </c>
      <c r="HM17" s="72">
        <v>4</v>
      </c>
      <c r="HN17" s="73">
        <v>4</v>
      </c>
      <c r="HO17" s="70">
        <v>4</v>
      </c>
      <c r="HP17" s="71">
        <v>1</v>
      </c>
      <c r="HQ17" s="72">
        <v>5</v>
      </c>
      <c r="HR17" s="244"/>
      <c r="HS17" s="71">
        <v>7</v>
      </c>
      <c r="HT17" s="71">
        <v>1</v>
      </c>
      <c r="HU17" s="71">
        <v>0</v>
      </c>
      <c r="HV17" s="71">
        <v>1</v>
      </c>
      <c r="HW17" s="71">
        <v>3</v>
      </c>
      <c r="HX17" s="72">
        <v>12</v>
      </c>
      <c r="HY17" s="73">
        <v>17</v>
      </c>
      <c r="HZ17" s="70">
        <v>8</v>
      </c>
      <c r="IA17" s="71">
        <v>4</v>
      </c>
      <c r="IB17" s="72">
        <v>12</v>
      </c>
      <c r="IC17" s="244"/>
      <c r="ID17" s="71">
        <v>5</v>
      </c>
      <c r="IE17" s="71">
        <v>6</v>
      </c>
      <c r="IF17" s="71">
        <v>4</v>
      </c>
      <c r="IG17" s="71">
        <v>1</v>
      </c>
      <c r="IH17" s="71">
        <v>3</v>
      </c>
      <c r="II17" s="72">
        <v>19</v>
      </c>
      <c r="IJ17" s="73">
        <v>31</v>
      </c>
      <c r="IK17" s="70">
        <v>6</v>
      </c>
      <c r="IL17" s="71">
        <v>14</v>
      </c>
      <c r="IM17" s="72">
        <v>20</v>
      </c>
      <c r="IN17" s="244"/>
      <c r="IO17" s="71">
        <v>17</v>
      </c>
      <c r="IP17" s="71">
        <v>12</v>
      </c>
      <c r="IQ17" s="71">
        <v>5</v>
      </c>
      <c r="IR17" s="71">
        <v>7</v>
      </c>
      <c r="IS17" s="71">
        <v>6</v>
      </c>
      <c r="IT17" s="72">
        <v>47</v>
      </c>
      <c r="IU17" s="73">
        <v>67</v>
      </c>
      <c r="IV17" s="70">
        <v>18</v>
      </c>
      <c r="IW17" s="71">
        <v>21</v>
      </c>
      <c r="IX17" s="72">
        <v>39</v>
      </c>
      <c r="IY17" s="244"/>
      <c r="IZ17" s="71">
        <v>36</v>
      </c>
      <c r="JA17" s="71">
        <v>22</v>
      </c>
      <c r="JB17" s="71">
        <v>18</v>
      </c>
      <c r="JC17" s="71">
        <v>20</v>
      </c>
      <c r="JD17" s="71">
        <v>5</v>
      </c>
      <c r="JE17" s="72">
        <v>101</v>
      </c>
      <c r="JF17" s="73">
        <v>140</v>
      </c>
      <c r="JG17" s="70">
        <v>16</v>
      </c>
      <c r="JH17" s="71">
        <v>14</v>
      </c>
      <c r="JI17" s="72">
        <v>30</v>
      </c>
      <c r="JJ17" s="244"/>
      <c r="JK17" s="71">
        <v>36</v>
      </c>
      <c r="JL17" s="71">
        <v>31</v>
      </c>
      <c r="JM17" s="71">
        <v>17</v>
      </c>
      <c r="JN17" s="71">
        <v>18</v>
      </c>
      <c r="JO17" s="71">
        <v>11</v>
      </c>
      <c r="JP17" s="72">
        <v>113</v>
      </c>
      <c r="JQ17" s="73">
        <v>143</v>
      </c>
      <c r="JR17" s="70">
        <v>0</v>
      </c>
      <c r="JS17" s="71">
        <v>0</v>
      </c>
      <c r="JT17" s="72">
        <v>0</v>
      </c>
      <c r="JU17" s="244"/>
      <c r="JV17" s="71">
        <v>0</v>
      </c>
      <c r="JW17" s="71">
        <v>0</v>
      </c>
      <c r="JX17" s="71">
        <v>0</v>
      </c>
      <c r="JY17" s="71">
        <v>0</v>
      </c>
      <c r="JZ17" s="71">
        <v>0</v>
      </c>
      <c r="KA17" s="72">
        <v>0</v>
      </c>
      <c r="KB17" s="73">
        <v>0</v>
      </c>
      <c r="KC17" s="70">
        <v>52</v>
      </c>
      <c r="KD17" s="71">
        <v>54</v>
      </c>
      <c r="KE17" s="72">
        <v>106</v>
      </c>
      <c r="KF17" s="244"/>
      <c r="KG17" s="71">
        <v>103</v>
      </c>
      <c r="KH17" s="71">
        <v>72</v>
      </c>
      <c r="KI17" s="71">
        <v>44</v>
      </c>
      <c r="KJ17" s="71">
        <v>48</v>
      </c>
      <c r="KK17" s="71">
        <v>29</v>
      </c>
      <c r="KL17" s="72">
        <v>296</v>
      </c>
      <c r="KM17" s="73">
        <v>402</v>
      </c>
    </row>
    <row r="18" spans="2:299" ht="21" customHeight="1" x14ac:dyDescent="0.2">
      <c r="B18" s="126" t="s">
        <v>15</v>
      </c>
      <c r="C18" s="313">
        <v>23</v>
      </c>
      <c r="D18" s="82">
        <v>27</v>
      </c>
      <c r="E18" s="83">
        <v>50</v>
      </c>
      <c r="F18" s="241"/>
      <c r="G18" s="82">
        <v>41</v>
      </c>
      <c r="H18" s="82">
        <v>27</v>
      </c>
      <c r="I18" s="82">
        <v>24</v>
      </c>
      <c r="J18" s="82">
        <v>27</v>
      </c>
      <c r="K18" s="82">
        <v>11</v>
      </c>
      <c r="L18" s="84">
        <v>130</v>
      </c>
      <c r="M18" s="85">
        <v>180</v>
      </c>
      <c r="N18" s="70">
        <v>1</v>
      </c>
      <c r="O18" s="71">
        <v>0</v>
      </c>
      <c r="P18" s="72">
        <v>1</v>
      </c>
      <c r="Q18" s="244"/>
      <c r="R18" s="71">
        <v>1</v>
      </c>
      <c r="S18" s="71">
        <v>1</v>
      </c>
      <c r="T18" s="71">
        <v>0</v>
      </c>
      <c r="U18" s="71">
        <v>1</v>
      </c>
      <c r="V18" s="71">
        <v>1</v>
      </c>
      <c r="W18" s="72">
        <v>4</v>
      </c>
      <c r="X18" s="73">
        <v>5</v>
      </c>
      <c r="Y18" s="70">
        <v>2</v>
      </c>
      <c r="Z18" s="71">
        <v>1</v>
      </c>
      <c r="AA18" s="72">
        <v>3</v>
      </c>
      <c r="AB18" s="244"/>
      <c r="AC18" s="71">
        <v>4</v>
      </c>
      <c r="AD18" s="71">
        <v>0</v>
      </c>
      <c r="AE18" s="71">
        <v>2</v>
      </c>
      <c r="AF18" s="71">
        <v>3</v>
      </c>
      <c r="AG18" s="71">
        <v>2</v>
      </c>
      <c r="AH18" s="72">
        <v>11</v>
      </c>
      <c r="AI18" s="73">
        <v>14</v>
      </c>
      <c r="AJ18" s="70">
        <v>3</v>
      </c>
      <c r="AK18" s="71">
        <v>3</v>
      </c>
      <c r="AL18" s="72">
        <v>6</v>
      </c>
      <c r="AM18" s="244"/>
      <c r="AN18" s="71">
        <v>4</v>
      </c>
      <c r="AO18" s="71">
        <v>2</v>
      </c>
      <c r="AP18" s="71">
        <v>2</v>
      </c>
      <c r="AQ18" s="71">
        <v>4</v>
      </c>
      <c r="AR18" s="71">
        <v>1</v>
      </c>
      <c r="AS18" s="72">
        <v>13</v>
      </c>
      <c r="AT18" s="73">
        <v>19</v>
      </c>
      <c r="AU18" s="70">
        <v>6</v>
      </c>
      <c r="AV18" s="71">
        <v>4</v>
      </c>
      <c r="AW18" s="72">
        <v>10</v>
      </c>
      <c r="AX18" s="244"/>
      <c r="AY18" s="71">
        <v>9</v>
      </c>
      <c r="AZ18" s="71">
        <v>6</v>
      </c>
      <c r="BA18" s="71">
        <v>4</v>
      </c>
      <c r="BB18" s="71">
        <v>4</v>
      </c>
      <c r="BC18" s="71">
        <v>1</v>
      </c>
      <c r="BD18" s="72">
        <v>24</v>
      </c>
      <c r="BE18" s="73">
        <v>34</v>
      </c>
      <c r="BF18" s="70">
        <v>4</v>
      </c>
      <c r="BG18" s="71">
        <v>11</v>
      </c>
      <c r="BH18" s="72">
        <v>15</v>
      </c>
      <c r="BI18" s="244"/>
      <c r="BJ18" s="71">
        <v>10</v>
      </c>
      <c r="BK18" s="71">
        <v>3</v>
      </c>
      <c r="BL18" s="71">
        <v>5</v>
      </c>
      <c r="BM18" s="71">
        <v>5</v>
      </c>
      <c r="BN18" s="71">
        <v>2</v>
      </c>
      <c r="BO18" s="72">
        <v>25</v>
      </c>
      <c r="BP18" s="73">
        <v>40</v>
      </c>
      <c r="BQ18" s="70">
        <v>7</v>
      </c>
      <c r="BR18" s="71">
        <v>8</v>
      </c>
      <c r="BS18" s="72">
        <v>15</v>
      </c>
      <c r="BT18" s="244"/>
      <c r="BU18" s="71">
        <v>13</v>
      </c>
      <c r="BV18" s="71">
        <v>15</v>
      </c>
      <c r="BW18" s="71">
        <v>11</v>
      </c>
      <c r="BX18" s="71">
        <v>10</v>
      </c>
      <c r="BY18" s="71">
        <v>4</v>
      </c>
      <c r="BZ18" s="72">
        <v>53</v>
      </c>
      <c r="CA18" s="73">
        <v>68</v>
      </c>
      <c r="CB18" s="70">
        <v>0</v>
      </c>
      <c r="CC18" s="71">
        <v>0</v>
      </c>
      <c r="CD18" s="72">
        <v>0</v>
      </c>
      <c r="CE18" s="244"/>
      <c r="CF18" s="71">
        <v>0</v>
      </c>
      <c r="CG18" s="71">
        <v>0</v>
      </c>
      <c r="CH18" s="71">
        <v>0</v>
      </c>
      <c r="CI18" s="71">
        <v>0</v>
      </c>
      <c r="CJ18" s="71">
        <v>0</v>
      </c>
      <c r="CK18" s="72">
        <v>0</v>
      </c>
      <c r="CL18" s="73">
        <v>0</v>
      </c>
      <c r="CM18" s="70">
        <v>23</v>
      </c>
      <c r="CN18" s="71">
        <v>27</v>
      </c>
      <c r="CO18" s="72">
        <v>50</v>
      </c>
      <c r="CP18" s="244"/>
      <c r="CQ18" s="71">
        <v>41</v>
      </c>
      <c r="CR18" s="71">
        <v>27</v>
      </c>
      <c r="CS18" s="71">
        <v>24</v>
      </c>
      <c r="CT18" s="71">
        <v>27</v>
      </c>
      <c r="CU18" s="71">
        <v>11</v>
      </c>
      <c r="CV18" s="72">
        <v>130</v>
      </c>
      <c r="CW18" s="73">
        <v>180</v>
      </c>
      <c r="CX18" s="123">
        <v>2</v>
      </c>
      <c r="CY18" s="82">
        <v>5</v>
      </c>
      <c r="CZ18" s="83">
        <v>7</v>
      </c>
      <c r="DA18" s="241"/>
      <c r="DB18" s="82">
        <v>5</v>
      </c>
      <c r="DC18" s="82">
        <v>9</v>
      </c>
      <c r="DD18" s="82">
        <v>2</v>
      </c>
      <c r="DE18" s="82">
        <v>2</v>
      </c>
      <c r="DF18" s="82">
        <v>2</v>
      </c>
      <c r="DG18" s="84">
        <v>20</v>
      </c>
      <c r="DH18" s="85">
        <v>27</v>
      </c>
      <c r="DI18" s="70">
        <v>0</v>
      </c>
      <c r="DJ18" s="71">
        <v>0</v>
      </c>
      <c r="DK18" s="72">
        <v>0</v>
      </c>
      <c r="DL18" s="244"/>
      <c r="DM18" s="71">
        <v>1</v>
      </c>
      <c r="DN18" s="71">
        <v>0</v>
      </c>
      <c r="DO18" s="71">
        <v>0</v>
      </c>
      <c r="DP18" s="71">
        <v>0</v>
      </c>
      <c r="DQ18" s="71">
        <v>0</v>
      </c>
      <c r="DR18" s="72">
        <v>1</v>
      </c>
      <c r="DS18" s="73">
        <v>1</v>
      </c>
      <c r="DT18" s="70">
        <v>0</v>
      </c>
      <c r="DU18" s="71">
        <v>1</v>
      </c>
      <c r="DV18" s="72">
        <v>1</v>
      </c>
      <c r="DW18" s="244"/>
      <c r="DX18" s="71">
        <v>0</v>
      </c>
      <c r="DY18" s="71">
        <v>0</v>
      </c>
      <c r="DZ18" s="71">
        <v>0</v>
      </c>
      <c r="EA18" s="71">
        <v>0</v>
      </c>
      <c r="EB18" s="71">
        <v>0</v>
      </c>
      <c r="EC18" s="72">
        <v>0</v>
      </c>
      <c r="ED18" s="73">
        <v>1</v>
      </c>
      <c r="EE18" s="70">
        <v>1</v>
      </c>
      <c r="EF18" s="71">
        <v>0</v>
      </c>
      <c r="EG18" s="72">
        <v>1</v>
      </c>
      <c r="EH18" s="244"/>
      <c r="EI18" s="71">
        <v>1</v>
      </c>
      <c r="EJ18" s="71">
        <v>2</v>
      </c>
      <c r="EK18" s="71">
        <v>0</v>
      </c>
      <c r="EL18" s="71">
        <v>0</v>
      </c>
      <c r="EM18" s="71">
        <v>0</v>
      </c>
      <c r="EN18" s="72">
        <v>3</v>
      </c>
      <c r="EO18" s="73">
        <v>4</v>
      </c>
      <c r="EP18" s="70">
        <v>0</v>
      </c>
      <c r="EQ18" s="71">
        <v>2</v>
      </c>
      <c r="ER18" s="72">
        <v>2</v>
      </c>
      <c r="ES18" s="244"/>
      <c r="ET18" s="71">
        <v>0</v>
      </c>
      <c r="EU18" s="71">
        <v>1</v>
      </c>
      <c r="EV18" s="71">
        <v>1</v>
      </c>
      <c r="EW18" s="71">
        <v>0</v>
      </c>
      <c r="EX18" s="71">
        <v>0</v>
      </c>
      <c r="EY18" s="72">
        <v>2</v>
      </c>
      <c r="EZ18" s="73">
        <v>4</v>
      </c>
      <c r="FA18" s="70">
        <v>0</v>
      </c>
      <c r="FB18" s="71">
        <v>0</v>
      </c>
      <c r="FC18" s="72">
        <v>0</v>
      </c>
      <c r="FD18" s="244"/>
      <c r="FE18" s="71">
        <v>0</v>
      </c>
      <c r="FF18" s="71">
        <v>0</v>
      </c>
      <c r="FG18" s="71">
        <v>0</v>
      </c>
      <c r="FH18" s="71">
        <v>1</v>
      </c>
      <c r="FI18" s="71">
        <v>1</v>
      </c>
      <c r="FJ18" s="72">
        <v>2</v>
      </c>
      <c r="FK18" s="73">
        <v>2</v>
      </c>
      <c r="FL18" s="70">
        <v>1</v>
      </c>
      <c r="FM18" s="71">
        <v>2</v>
      </c>
      <c r="FN18" s="72">
        <v>3</v>
      </c>
      <c r="FO18" s="244"/>
      <c r="FP18" s="71">
        <v>3</v>
      </c>
      <c r="FQ18" s="71">
        <v>6</v>
      </c>
      <c r="FR18" s="71">
        <v>1</v>
      </c>
      <c r="FS18" s="71">
        <v>1</v>
      </c>
      <c r="FT18" s="71">
        <v>1</v>
      </c>
      <c r="FU18" s="72">
        <v>12</v>
      </c>
      <c r="FV18" s="73">
        <v>15</v>
      </c>
      <c r="FW18" s="70">
        <v>0</v>
      </c>
      <c r="FX18" s="71">
        <v>0</v>
      </c>
      <c r="FY18" s="72">
        <v>0</v>
      </c>
      <c r="FZ18" s="244"/>
      <c r="GA18" s="71">
        <v>0</v>
      </c>
      <c r="GB18" s="71">
        <v>0</v>
      </c>
      <c r="GC18" s="71">
        <v>0</v>
      </c>
      <c r="GD18" s="71">
        <v>0</v>
      </c>
      <c r="GE18" s="71">
        <v>0</v>
      </c>
      <c r="GF18" s="72">
        <v>0</v>
      </c>
      <c r="GG18" s="73">
        <v>0</v>
      </c>
      <c r="GH18" s="70">
        <v>2</v>
      </c>
      <c r="GI18" s="71">
        <v>5</v>
      </c>
      <c r="GJ18" s="72">
        <v>7</v>
      </c>
      <c r="GK18" s="244"/>
      <c r="GL18" s="71">
        <v>5</v>
      </c>
      <c r="GM18" s="71">
        <v>9</v>
      </c>
      <c r="GN18" s="71">
        <v>2</v>
      </c>
      <c r="GO18" s="71">
        <v>2</v>
      </c>
      <c r="GP18" s="71">
        <v>2</v>
      </c>
      <c r="GQ18" s="72">
        <v>20</v>
      </c>
      <c r="GR18" s="73">
        <v>27</v>
      </c>
      <c r="GS18" s="123">
        <v>25</v>
      </c>
      <c r="GT18" s="82">
        <v>32</v>
      </c>
      <c r="GU18" s="83">
        <v>57</v>
      </c>
      <c r="GV18" s="241"/>
      <c r="GW18" s="82">
        <v>46</v>
      </c>
      <c r="GX18" s="82">
        <v>36</v>
      </c>
      <c r="GY18" s="82">
        <v>26</v>
      </c>
      <c r="GZ18" s="82">
        <v>29</v>
      </c>
      <c r="HA18" s="82">
        <v>13</v>
      </c>
      <c r="HB18" s="84">
        <v>150</v>
      </c>
      <c r="HC18" s="85">
        <v>207</v>
      </c>
      <c r="HD18" s="70">
        <v>1</v>
      </c>
      <c r="HE18" s="71">
        <v>0</v>
      </c>
      <c r="HF18" s="72">
        <v>1</v>
      </c>
      <c r="HG18" s="244"/>
      <c r="HH18" s="71">
        <v>2</v>
      </c>
      <c r="HI18" s="71">
        <v>1</v>
      </c>
      <c r="HJ18" s="71">
        <v>0</v>
      </c>
      <c r="HK18" s="71">
        <v>1</v>
      </c>
      <c r="HL18" s="71">
        <v>1</v>
      </c>
      <c r="HM18" s="72">
        <v>5</v>
      </c>
      <c r="HN18" s="73">
        <v>6</v>
      </c>
      <c r="HO18" s="70">
        <v>2</v>
      </c>
      <c r="HP18" s="71">
        <v>2</v>
      </c>
      <c r="HQ18" s="72">
        <v>4</v>
      </c>
      <c r="HR18" s="244"/>
      <c r="HS18" s="71">
        <v>4</v>
      </c>
      <c r="HT18" s="71">
        <v>0</v>
      </c>
      <c r="HU18" s="71">
        <v>2</v>
      </c>
      <c r="HV18" s="71">
        <v>3</v>
      </c>
      <c r="HW18" s="71">
        <v>2</v>
      </c>
      <c r="HX18" s="72">
        <v>11</v>
      </c>
      <c r="HY18" s="73">
        <v>15</v>
      </c>
      <c r="HZ18" s="70">
        <v>4</v>
      </c>
      <c r="IA18" s="71">
        <v>3</v>
      </c>
      <c r="IB18" s="72">
        <v>7</v>
      </c>
      <c r="IC18" s="244"/>
      <c r="ID18" s="71">
        <v>5</v>
      </c>
      <c r="IE18" s="71">
        <v>4</v>
      </c>
      <c r="IF18" s="71">
        <v>2</v>
      </c>
      <c r="IG18" s="71">
        <v>4</v>
      </c>
      <c r="IH18" s="71">
        <v>1</v>
      </c>
      <c r="II18" s="72">
        <v>16</v>
      </c>
      <c r="IJ18" s="73">
        <v>23</v>
      </c>
      <c r="IK18" s="70">
        <v>6</v>
      </c>
      <c r="IL18" s="71">
        <v>6</v>
      </c>
      <c r="IM18" s="72">
        <v>12</v>
      </c>
      <c r="IN18" s="244"/>
      <c r="IO18" s="71">
        <v>9</v>
      </c>
      <c r="IP18" s="71">
        <v>7</v>
      </c>
      <c r="IQ18" s="71">
        <v>5</v>
      </c>
      <c r="IR18" s="71">
        <v>4</v>
      </c>
      <c r="IS18" s="71">
        <v>1</v>
      </c>
      <c r="IT18" s="72">
        <v>26</v>
      </c>
      <c r="IU18" s="73">
        <v>38</v>
      </c>
      <c r="IV18" s="70">
        <v>4</v>
      </c>
      <c r="IW18" s="71">
        <v>11</v>
      </c>
      <c r="IX18" s="72">
        <v>15</v>
      </c>
      <c r="IY18" s="244"/>
      <c r="IZ18" s="71">
        <v>10</v>
      </c>
      <c r="JA18" s="71">
        <v>3</v>
      </c>
      <c r="JB18" s="71">
        <v>5</v>
      </c>
      <c r="JC18" s="71">
        <v>6</v>
      </c>
      <c r="JD18" s="71">
        <v>3</v>
      </c>
      <c r="JE18" s="72">
        <v>27</v>
      </c>
      <c r="JF18" s="73">
        <v>42</v>
      </c>
      <c r="JG18" s="70">
        <v>8</v>
      </c>
      <c r="JH18" s="71">
        <v>10</v>
      </c>
      <c r="JI18" s="72">
        <v>18</v>
      </c>
      <c r="JJ18" s="244"/>
      <c r="JK18" s="71">
        <v>16</v>
      </c>
      <c r="JL18" s="71">
        <v>21</v>
      </c>
      <c r="JM18" s="71">
        <v>12</v>
      </c>
      <c r="JN18" s="71">
        <v>11</v>
      </c>
      <c r="JO18" s="71">
        <v>5</v>
      </c>
      <c r="JP18" s="72">
        <v>65</v>
      </c>
      <c r="JQ18" s="73">
        <v>83</v>
      </c>
      <c r="JR18" s="70">
        <v>0</v>
      </c>
      <c r="JS18" s="71">
        <v>0</v>
      </c>
      <c r="JT18" s="72">
        <v>0</v>
      </c>
      <c r="JU18" s="244"/>
      <c r="JV18" s="71">
        <v>0</v>
      </c>
      <c r="JW18" s="71">
        <v>0</v>
      </c>
      <c r="JX18" s="71">
        <v>0</v>
      </c>
      <c r="JY18" s="71">
        <v>0</v>
      </c>
      <c r="JZ18" s="71">
        <v>0</v>
      </c>
      <c r="KA18" s="72">
        <v>0</v>
      </c>
      <c r="KB18" s="73">
        <v>0</v>
      </c>
      <c r="KC18" s="70">
        <v>25</v>
      </c>
      <c r="KD18" s="71">
        <v>32</v>
      </c>
      <c r="KE18" s="72">
        <v>57</v>
      </c>
      <c r="KF18" s="244"/>
      <c r="KG18" s="71">
        <v>46</v>
      </c>
      <c r="KH18" s="71">
        <v>36</v>
      </c>
      <c r="KI18" s="71">
        <v>26</v>
      </c>
      <c r="KJ18" s="71">
        <v>29</v>
      </c>
      <c r="KK18" s="71">
        <v>13</v>
      </c>
      <c r="KL18" s="72">
        <v>150</v>
      </c>
      <c r="KM18" s="73">
        <v>207</v>
      </c>
    </row>
    <row r="19" spans="2:299" ht="21" customHeight="1" x14ac:dyDescent="0.2">
      <c r="B19" s="126" t="s">
        <v>16</v>
      </c>
      <c r="C19" s="313">
        <v>43</v>
      </c>
      <c r="D19" s="82">
        <v>43</v>
      </c>
      <c r="E19" s="83">
        <v>86</v>
      </c>
      <c r="F19" s="241"/>
      <c r="G19" s="82">
        <v>84</v>
      </c>
      <c r="H19" s="82">
        <v>82</v>
      </c>
      <c r="I19" s="82">
        <v>52</v>
      </c>
      <c r="J19" s="82">
        <v>53</v>
      </c>
      <c r="K19" s="82">
        <v>21</v>
      </c>
      <c r="L19" s="84">
        <v>292</v>
      </c>
      <c r="M19" s="85">
        <v>378</v>
      </c>
      <c r="N19" s="70">
        <v>1</v>
      </c>
      <c r="O19" s="71">
        <v>1</v>
      </c>
      <c r="P19" s="72">
        <v>2</v>
      </c>
      <c r="Q19" s="244"/>
      <c r="R19" s="71">
        <v>2</v>
      </c>
      <c r="S19" s="71">
        <v>3</v>
      </c>
      <c r="T19" s="71">
        <v>1</v>
      </c>
      <c r="U19" s="71">
        <v>2</v>
      </c>
      <c r="V19" s="71">
        <v>1</v>
      </c>
      <c r="W19" s="72">
        <v>9</v>
      </c>
      <c r="X19" s="73">
        <v>11</v>
      </c>
      <c r="Y19" s="70">
        <v>5</v>
      </c>
      <c r="Z19" s="71">
        <v>5</v>
      </c>
      <c r="AA19" s="72">
        <v>10</v>
      </c>
      <c r="AB19" s="244"/>
      <c r="AC19" s="71">
        <v>6</v>
      </c>
      <c r="AD19" s="71">
        <v>5</v>
      </c>
      <c r="AE19" s="71">
        <v>3</v>
      </c>
      <c r="AF19" s="71">
        <v>1</v>
      </c>
      <c r="AG19" s="71">
        <v>1</v>
      </c>
      <c r="AH19" s="72">
        <v>16</v>
      </c>
      <c r="AI19" s="73">
        <v>26</v>
      </c>
      <c r="AJ19" s="70">
        <v>7</v>
      </c>
      <c r="AK19" s="71">
        <v>4</v>
      </c>
      <c r="AL19" s="72">
        <v>11</v>
      </c>
      <c r="AM19" s="244"/>
      <c r="AN19" s="71">
        <v>9</v>
      </c>
      <c r="AO19" s="71">
        <v>6</v>
      </c>
      <c r="AP19" s="71">
        <v>7</v>
      </c>
      <c r="AQ19" s="71">
        <v>3</v>
      </c>
      <c r="AR19" s="71">
        <v>2</v>
      </c>
      <c r="AS19" s="72">
        <v>27</v>
      </c>
      <c r="AT19" s="73">
        <v>38</v>
      </c>
      <c r="AU19" s="70">
        <v>8</v>
      </c>
      <c r="AV19" s="71">
        <v>8</v>
      </c>
      <c r="AW19" s="72">
        <v>16</v>
      </c>
      <c r="AX19" s="244"/>
      <c r="AY19" s="71">
        <v>20</v>
      </c>
      <c r="AZ19" s="71">
        <v>21</v>
      </c>
      <c r="BA19" s="71">
        <v>12</v>
      </c>
      <c r="BB19" s="71">
        <v>9</v>
      </c>
      <c r="BC19" s="71">
        <v>8</v>
      </c>
      <c r="BD19" s="72">
        <v>70</v>
      </c>
      <c r="BE19" s="73">
        <v>86</v>
      </c>
      <c r="BF19" s="70">
        <v>10</v>
      </c>
      <c r="BG19" s="71">
        <v>12</v>
      </c>
      <c r="BH19" s="72">
        <v>22</v>
      </c>
      <c r="BI19" s="244"/>
      <c r="BJ19" s="71">
        <v>22</v>
      </c>
      <c r="BK19" s="71">
        <v>20</v>
      </c>
      <c r="BL19" s="71">
        <v>9</v>
      </c>
      <c r="BM19" s="71">
        <v>12</v>
      </c>
      <c r="BN19" s="71">
        <v>3</v>
      </c>
      <c r="BO19" s="72">
        <v>66</v>
      </c>
      <c r="BP19" s="73">
        <v>88</v>
      </c>
      <c r="BQ19" s="70">
        <v>12</v>
      </c>
      <c r="BR19" s="71">
        <v>13</v>
      </c>
      <c r="BS19" s="72">
        <v>25</v>
      </c>
      <c r="BT19" s="244"/>
      <c r="BU19" s="71">
        <v>25</v>
      </c>
      <c r="BV19" s="71">
        <v>27</v>
      </c>
      <c r="BW19" s="71">
        <v>20</v>
      </c>
      <c r="BX19" s="71">
        <v>26</v>
      </c>
      <c r="BY19" s="71">
        <v>6</v>
      </c>
      <c r="BZ19" s="72">
        <v>104</v>
      </c>
      <c r="CA19" s="73">
        <v>129</v>
      </c>
      <c r="CB19" s="70">
        <v>0</v>
      </c>
      <c r="CC19" s="71">
        <v>0</v>
      </c>
      <c r="CD19" s="72">
        <v>0</v>
      </c>
      <c r="CE19" s="244"/>
      <c r="CF19" s="71">
        <v>0</v>
      </c>
      <c r="CG19" s="71">
        <v>0</v>
      </c>
      <c r="CH19" s="71">
        <v>0</v>
      </c>
      <c r="CI19" s="71">
        <v>0</v>
      </c>
      <c r="CJ19" s="71">
        <v>0</v>
      </c>
      <c r="CK19" s="72">
        <v>0</v>
      </c>
      <c r="CL19" s="73">
        <v>0</v>
      </c>
      <c r="CM19" s="70">
        <v>43</v>
      </c>
      <c r="CN19" s="71">
        <v>43</v>
      </c>
      <c r="CO19" s="72">
        <v>86</v>
      </c>
      <c r="CP19" s="244"/>
      <c r="CQ19" s="71">
        <v>84</v>
      </c>
      <c r="CR19" s="71">
        <v>82</v>
      </c>
      <c r="CS19" s="71">
        <v>52</v>
      </c>
      <c r="CT19" s="71">
        <v>53</v>
      </c>
      <c r="CU19" s="71">
        <v>21</v>
      </c>
      <c r="CV19" s="72">
        <v>292</v>
      </c>
      <c r="CW19" s="73">
        <v>378</v>
      </c>
      <c r="CX19" s="123">
        <v>8</v>
      </c>
      <c r="CY19" s="82">
        <v>7</v>
      </c>
      <c r="CZ19" s="83">
        <v>15</v>
      </c>
      <c r="DA19" s="241"/>
      <c r="DB19" s="82">
        <v>12</v>
      </c>
      <c r="DC19" s="82">
        <v>14</v>
      </c>
      <c r="DD19" s="82">
        <v>7</v>
      </c>
      <c r="DE19" s="82">
        <v>12</v>
      </c>
      <c r="DF19" s="82">
        <v>5</v>
      </c>
      <c r="DG19" s="84">
        <v>50</v>
      </c>
      <c r="DH19" s="85">
        <v>65</v>
      </c>
      <c r="DI19" s="70">
        <v>0</v>
      </c>
      <c r="DJ19" s="71">
        <v>0</v>
      </c>
      <c r="DK19" s="72">
        <v>0</v>
      </c>
      <c r="DL19" s="244"/>
      <c r="DM19" s="71">
        <v>0</v>
      </c>
      <c r="DN19" s="71">
        <v>0</v>
      </c>
      <c r="DO19" s="71">
        <v>0</v>
      </c>
      <c r="DP19" s="71">
        <v>0</v>
      </c>
      <c r="DQ19" s="71">
        <v>0</v>
      </c>
      <c r="DR19" s="72">
        <v>0</v>
      </c>
      <c r="DS19" s="73">
        <v>0</v>
      </c>
      <c r="DT19" s="70">
        <v>1</v>
      </c>
      <c r="DU19" s="71">
        <v>1</v>
      </c>
      <c r="DV19" s="72">
        <v>2</v>
      </c>
      <c r="DW19" s="244"/>
      <c r="DX19" s="71">
        <v>2</v>
      </c>
      <c r="DY19" s="71">
        <v>1</v>
      </c>
      <c r="DZ19" s="71">
        <v>0</v>
      </c>
      <c r="EA19" s="71">
        <v>0</v>
      </c>
      <c r="EB19" s="71">
        <v>0</v>
      </c>
      <c r="EC19" s="72">
        <v>3</v>
      </c>
      <c r="ED19" s="73">
        <v>5</v>
      </c>
      <c r="EE19" s="70">
        <v>1</v>
      </c>
      <c r="EF19" s="71">
        <v>1</v>
      </c>
      <c r="EG19" s="72">
        <v>2</v>
      </c>
      <c r="EH19" s="244"/>
      <c r="EI19" s="71">
        <v>0</v>
      </c>
      <c r="EJ19" s="71">
        <v>1</v>
      </c>
      <c r="EK19" s="71">
        <v>2</v>
      </c>
      <c r="EL19" s="71">
        <v>1</v>
      </c>
      <c r="EM19" s="71">
        <v>0</v>
      </c>
      <c r="EN19" s="72">
        <v>4</v>
      </c>
      <c r="EO19" s="73">
        <v>6</v>
      </c>
      <c r="EP19" s="70">
        <v>2</v>
      </c>
      <c r="EQ19" s="71">
        <v>1</v>
      </c>
      <c r="ER19" s="72">
        <v>3</v>
      </c>
      <c r="ES19" s="244"/>
      <c r="ET19" s="71">
        <v>3</v>
      </c>
      <c r="EU19" s="71">
        <v>3</v>
      </c>
      <c r="EV19" s="71">
        <v>1</v>
      </c>
      <c r="EW19" s="71">
        <v>2</v>
      </c>
      <c r="EX19" s="71">
        <v>0</v>
      </c>
      <c r="EY19" s="72">
        <v>9</v>
      </c>
      <c r="EZ19" s="73">
        <v>12</v>
      </c>
      <c r="FA19" s="70">
        <v>2</v>
      </c>
      <c r="FB19" s="71">
        <v>1</v>
      </c>
      <c r="FC19" s="72">
        <v>3</v>
      </c>
      <c r="FD19" s="244"/>
      <c r="FE19" s="71">
        <v>1</v>
      </c>
      <c r="FF19" s="71">
        <v>5</v>
      </c>
      <c r="FG19" s="71">
        <v>2</v>
      </c>
      <c r="FH19" s="71">
        <v>1</v>
      </c>
      <c r="FI19" s="71">
        <v>3</v>
      </c>
      <c r="FJ19" s="72">
        <v>12</v>
      </c>
      <c r="FK19" s="73">
        <v>15</v>
      </c>
      <c r="FL19" s="70">
        <v>2</v>
      </c>
      <c r="FM19" s="71">
        <v>3</v>
      </c>
      <c r="FN19" s="72">
        <v>5</v>
      </c>
      <c r="FO19" s="244"/>
      <c r="FP19" s="71">
        <v>6</v>
      </c>
      <c r="FQ19" s="71">
        <v>4</v>
      </c>
      <c r="FR19" s="71">
        <v>2</v>
      </c>
      <c r="FS19" s="71">
        <v>8</v>
      </c>
      <c r="FT19" s="71">
        <v>2</v>
      </c>
      <c r="FU19" s="72">
        <v>22</v>
      </c>
      <c r="FV19" s="73">
        <v>27</v>
      </c>
      <c r="FW19" s="70">
        <v>0</v>
      </c>
      <c r="FX19" s="71">
        <v>0</v>
      </c>
      <c r="FY19" s="72">
        <v>0</v>
      </c>
      <c r="FZ19" s="244"/>
      <c r="GA19" s="71">
        <v>0</v>
      </c>
      <c r="GB19" s="71">
        <v>0</v>
      </c>
      <c r="GC19" s="71">
        <v>0</v>
      </c>
      <c r="GD19" s="71">
        <v>0</v>
      </c>
      <c r="GE19" s="71">
        <v>0</v>
      </c>
      <c r="GF19" s="72">
        <v>0</v>
      </c>
      <c r="GG19" s="73">
        <v>0</v>
      </c>
      <c r="GH19" s="70">
        <v>8</v>
      </c>
      <c r="GI19" s="71">
        <v>7</v>
      </c>
      <c r="GJ19" s="72">
        <v>15</v>
      </c>
      <c r="GK19" s="244"/>
      <c r="GL19" s="71">
        <v>12</v>
      </c>
      <c r="GM19" s="71">
        <v>14</v>
      </c>
      <c r="GN19" s="71">
        <v>7</v>
      </c>
      <c r="GO19" s="71">
        <v>12</v>
      </c>
      <c r="GP19" s="71">
        <v>5</v>
      </c>
      <c r="GQ19" s="72">
        <v>50</v>
      </c>
      <c r="GR19" s="73">
        <v>65</v>
      </c>
      <c r="GS19" s="123">
        <v>51</v>
      </c>
      <c r="GT19" s="82">
        <v>50</v>
      </c>
      <c r="GU19" s="83">
        <v>101</v>
      </c>
      <c r="GV19" s="241"/>
      <c r="GW19" s="82">
        <v>96</v>
      </c>
      <c r="GX19" s="82">
        <v>96</v>
      </c>
      <c r="GY19" s="82">
        <v>59</v>
      </c>
      <c r="GZ19" s="82">
        <v>65</v>
      </c>
      <c r="HA19" s="82">
        <v>26</v>
      </c>
      <c r="HB19" s="84">
        <v>342</v>
      </c>
      <c r="HC19" s="85">
        <v>443</v>
      </c>
      <c r="HD19" s="70">
        <v>1</v>
      </c>
      <c r="HE19" s="71">
        <v>1</v>
      </c>
      <c r="HF19" s="72">
        <v>2</v>
      </c>
      <c r="HG19" s="244"/>
      <c r="HH19" s="71">
        <v>2</v>
      </c>
      <c r="HI19" s="71">
        <v>3</v>
      </c>
      <c r="HJ19" s="71">
        <v>1</v>
      </c>
      <c r="HK19" s="71">
        <v>2</v>
      </c>
      <c r="HL19" s="71">
        <v>1</v>
      </c>
      <c r="HM19" s="72">
        <v>9</v>
      </c>
      <c r="HN19" s="73">
        <v>11</v>
      </c>
      <c r="HO19" s="70">
        <v>6</v>
      </c>
      <c r="HP19" s="71">
        <v>6</v>
      </c>
      <c r="HQ19" s="72">
        <v>12</v>
      </c>
      <c r="HR19" s="244"/>
      <c r="HS19" s="71">
        <v>8</v>
      </c>
      <c r="HT19" s="71">
        <v>6</v>
      </c>
      <c r="HU19" s="71">
        <v>3</v>
      </c>
      <c r="HV19" s="71">
        <v>1</v>
      </c>
      <c r="HW19" s="71">
        <v>1</v>
      </c>
      <c r="HX19" s="72">
        <v>19</v>
      </c>
      <c r="HY19" s="73">
        <v>31</v>
      </c>
      <c r="HZ19" s="70">
        <v>8</v>
      </c>
      <c r="IA19" s="71">
        <v>5</v>
      </c>
      <c r="IB19" s="72">
        <v>13</v>
      </c>
      <c r="IC19" s="244"/>
      <c r="ID19" s="71">
        <v>9</v>
      </c>
      <c r="IE19" s="71">
        <v>7</v>
      </c>
      <c r="IF19" s="71">
        <v>9</v>
      </c>
      <c r="IG19" s="71">
        <v>4</v>
      </c>
      <c r="IH19" s="71">
        <v>2</v>
      </c>
      <c r="II19" s="72">
        <v>31</v>
      </c>
      <c r="IJ19" s="73">
        <v>44</v>
      </c>
      <c r="IK19" s="70">
        <v>10</v>
      </c>
      <c r="IL19" s="71">
        <v>9</v>
      </c>
      <c r="IM19" s="72">
        <v>19</v>
      </c>
      <c r="IN19" s="244"/>
      <c r="IO19" s="71">
        <v>23</v>
      </c>
      <c r="IP19" s="71">
        <v>24</v>
      </c>
      <c r="IQ19" s="71">
        <v>13</v>
      </c>
      <c r="IR19" s="71">
        <v>11</v>
      </c>
      <c r="IS19" s="71">
        <v>8</v>
      </c>
      <c r="IT19" s="72">
        <v>79</v>
      </c>
      <c r="IU19" s="73">
        <v>98</v>
      </c>
      <c r="IV19" s="70">
        <v>12</v>
      </c>
      <c r="IW19" s="71">
        <v>13</v>
      </c>
      <c r="IX19" s="72">
        <v>25</v>
      </c>
      <c r="IY19" s="244"/>
      <c r="IZ19" s="71">
        <v>23</v>
      </c>
      <c r="JA19" s="71">
        <v>25</v>
      </c>
      <c r="JB19" s="71">
        <v>11</v>
      </c>
      <c r="JC19" s="71">
        <v>13</v>
      </c>
      <c r="JD19" s="71">
        <v>6</v>
      </c>
      <c r="JE19" s="72">
        <v>78</v>
      </c>
      <c r="JF19" s="73">
        <v>103</v>
      </c>
      <c r="JG19" s="70">
        <v>14</v>
      </c>
      <c r="JH19" s="71">
        <v>16</v>
      </c>
      <c r="JI19" s="72">
        <v>30</v>
      </c>
      <c r="JJ19" s="244"/>
      <c r="JK19" s="71">
        <v>31</v>
      </c>
      <c r="JL19" s="71">
        <v>31</v>
      </c>
      <c r="JM19" s="71">
        <v>22</v>
      </c>
      <c r="JN19" s="71">
        <v>34</v>
      </c>
      <c r="JO19" s="71">
        <v>8</v>
      </c>
      <c r="JP19" s="72">
        <v>126</v>
      </c>
      <c r="JQ19" s="73">
        <v>156</v>
      </c>
      <c r="JR19" s="70">
        <v>0</v>
      </c>
      <c r="JS19" s="71">
        <v>0</v>
      </c>
      <c r="JT19" s="72">
        <v>0</v>
      </c>
      <c r="JU19" s="244"/>
      <c r="JV19" s="71">
        <v>0</v>
      </c>
      <c r="JW19" s="71">
        <v>0</v>
      </c>
      <c r="JX19" s="71">
        <v>0</v>
      </c>
      <c r="JY19" s="71">
        <v>0</v>
      </c>
      <c r="JZ19" s="71">
        <v>0</v>
      </c>
      <c r="KA19" s="72">
        <v>0</v>
      </c>
      <c r="KB19" s="73">
        <v>0</v>
      </c>
      <c r="KC19" s="70">
        <v>51</v>
      </c>
      <c r="KD19" s="71">
        <v>50</v>
      </c>
      <c r="KE19" s="72">
        <v>101</v>
      </c>
      <c r="KF19" s="244"/>
      <c r="KG19" s="71">
        <v>96</v>
      </c>
      <c r="KH19" s="71">
        <v>96</v>
      </c>
      <c r="KI19" s="71">
        <v>59</v>
      </c>
      <c r="KJ19" s="71">
        <v>65</v>
      </c>
      <c r="KK19" s="71">
        <v>26</v>
      </c>
      <c r="KL19" s="72">
        <v>342</v>
      </c>
      <c r="KM19" s="73">
        <v>443</v>
      </c>
    </row>
    <row r="20" spans="2:299" ht="21" customHeight="1" x14ac:dyDescent="0.2">
      <c r="B20" s="126" t="s">
        <v>17</v>
      </c>
      <c r="C20" s="313">
        <v>63</v>
      </c>
      <c r="D20" s="82">
        <v>53</v>
      </c>
      <c r="E20" s="83">
        <v>116</v>
      </c>
      <c r="F20" s="241"/>
      <c r="G20" s="82">
        <v>104</v>
      </c>
      <c r="H20" s="82">
        <v>94</v>
      </c>
      <c r="I20" s="82">
        <v>77</v>
      </c>
      <c r="J20" s="82">
        <v>55</v>
      </c>
      <c r="K20" s="82">
        <v>35</v>
      </c>
      <c r="L20" s="84">
        <v>365</v>
      </c>
      <c r="M20" s="85">
        <v>481</v>
      </c>
      <c r="N20" s="70">
        <v>1</v>
      </c>
      <c r="O20" s="71">
        <v>2</v>
      </c>
      <c r="P20" s="72">
        <v>3</v>
      </c>
      <c r="Q20" s="244"/>
      <c r="R20" s="71">
        <v>4</v>
      </c>
      <c r="S20" s="71">
        <v>1</v>
      </c>
      <c r="T20" s="71">
        <v>6</v>
      </c>
      <c r="U20" s="71">
        <v>2</v>
      </c>
      <c r="V20" s="71">
        <v>1</v>
      </c>
      <c r="W20" s="72">
        <v>14</v>
      </c>
      <c r="X20" s="73">
        <v>17</v>
      </c>
      <c r="Y20" s="70">
        <v>2</v>
      </c>
      <c r="Z20" s="71">
        <v>1</v>
      </c>
      <c r="AA20" s="72">
        <v>3</v>
      </c>
      <c r="AB20" s="244"/>
      <c r="AC20" s="71">
        <v>3</v>
      </c>
      <c r="AD20" s="71">
        <v>3</v>
      </c>
      <c r="AE20" s="71">
        <v>5</v>
      </c>
      <c r="AF20" s="71">
        <v>5</v>
      </c>
      <c r="AG20" s="71">
        <v>1</v>
      </c>
      <c r="AH20" s="72">
        <v>17</v>
      </c>
      <c r="AI20" s="73">
        <v>20</v>
      </c>
      <c r="AJ20" s="70">
        <v>10</v>
      </c>
      <c r="AK20" s="71">
        <v>6</v>
      </c>
      <c r="AL20" s="72">
        <v>16</v>
      </c>
      <c r="AM20" s="244"/>
      <c r="AN20" s="71">
        <v>11</v>
      </c>
      <c r="AO20" s="71">
        <v>11</v>
      </c>
      <c r="AP20" s="71">
        <v>5</v>
      </c>
      <c r="AQ20" s="71">
        <v>4</v>
      </c>
      <c r="AR20" s="71">
        <v>4</v>
      </c>
      <c r="AS20" s="72">
        <v>35</v>
      </c>
      <c r="AT20" s="73">
        <v>51</v>
      </c>
      <c r="AU20" s="70">
        <v>15</v>
      </c>
      <c r="AV20" s="71">
        <v>17</v>
      </c>
      <c r="AW20" s="72">
        <v>32</v>
      </c>
      <c r="AX20" s="244"/>
      <c r="AY20" s="71">
        <v>24</v>
      </c>
      <c r="AZ20" s="71">
        <v>23</v>
      </c>
      <c r="BA20" s="71">
        <v>14</v>
      </c>
      <c r="BB20" s="71">
        <v>12</v>
      </c>
      <c r="BC20" s="71">
        <v>6</v>
      </c>
      <c r="BD20" s="72">
        <v>79</v>
      </c>
      <c r="BE20" s="73">
        <v>111</v>
      </c>
      <c r="BF20" s="70">
        <v>20</v>
      </c>
      <c r="BG20" s="71">
        <v>13</v>
      </c>
      <c r="BH20" s="72">
        <v>33</v>
      </c>
      <c r="BI20" s="244"/>
      <c r="BJ20" s="71">
        <v>40</v>
      </c>
      <c r="BK20" s="71">
        <v>35</v>
      </c>
      <c r="BL20" s="71">
        <v>24</v>
      </c>
      <c r="BM20" s="71">
        <v>18</v>
      </c>
      <c r="BN20" s="71">
        <v>11</v>
      </c>
      <c r="BO20" s="72">
        <v>128</v>
      </c>
      <c r="BP20" s="73">
        <v>161</v>
      </c>
      <c r="BQ20" s="70">
        <v>15</v>
      </c>
      <c r="BR20" s="71">
        <v>14</v>
      </c>
      <c r="BS20" s="72">
        <v>29</v>
      </c>
      <c r="BT20" s="244"/>
      <c r="BU20" s="71">
        <v>22</v>
      </c>
      <c r="BV20" s="71">
        <v>21</v>
      </c>
      <c r="BW20" s="71">
        <v>23</v>
      </c>
      <c r="BX20" s="71">
        <v>14</v>
      </c>
      <c r="BY20" s="71">
        <v>12</v>
      </c>
      <c r="BZ20" s="72">
        <v>92</v>
      </c>
      <c r="CA20" s="73">
        <v>121</v>
      </c>
      <c r="CB20" s="70">
        <v>0</v>
      </c>
      <c r="CC20" s="71">
        <v>0</v>
      </c>
      <c r="CD20" s="72">
        <v>0</v>
      </c>
      <c r="CE20" s="244"/>
      <c r="CF20" s="71">
        <v>0</v>
      </c>
      <c r="CG20" s="71">
        <v>0</v>
      </c>
      <c r="CH20" s="71">
        <v>0</v>
      </c>
      <c r="CI20" s="71">
        <v>0</v>
      </c>
      <c r="CJ20" s="71">
        <v>0</v>
      </c>
      <c r="CK20" s="72">
        <v>0</v>
      </c>
      <c r="CL20" s="73">
        <v>0</v>
      </c>
      <c r="CM20" s="70">
        <v>63</v>
      </c>
      <c r="CN20" s="71">
        <v>53</v>
      </c>
      <c r="CO20" s="72">
        <v>116</v>
      </c>
      <c r="CP20" s="244"/>
      <c r="CQ20" s="71">
        <v>104</v>
      </c>
      <c r="CR20" s="71">
        <v>94</v>
      </c>
      <c r="CS20" s="71">
        <v>77</v>
      </c>
      <c r="CT20" s="71">
        <v>55</v>
      </c>
      <c r="CU20" s="71">
        <v>35</v>
      </c>
      <c r="CV20" s="72">
        <v>365</v>
      </c>
      <c r="CW20" s="73">
        <v>481</v>
      </c>
      <c r="CX20" s="123">
        <v>10</v>
      </c>
      <c r="CY20" s="82">
        <v>10</v>
      </c>
      <c r="CZ20" s="83">
        <v>20</v>
      </c>
      <c r="DA20" s="241"/>
      <c r="DB20" s="82">
        <v>6</v>
      </c>
      <c r="DC20" s="82">
        <v>15</v>
      </c>
      <c r="DD20" s="82">
        <v>9</v>
      </c>
      <c r="DE20" s="82">
        <v>10</v>
      </c>
      <c r="DF20" s="82">
        <v>5</v>
      </c>
      <c r="DG20" s="84">
        <v>45</v>
      </c>
      <c r="DH20" s="85">
        <v>65</v>
      </c>
      <c r="DI20" s="70">
        <v>0</v>
      </c>
      <c r="DJ20" s="71">
        <v>0</v>
      </c>
      <c r="DK20" s="72">
        <v>0</v>
      </c>
      <c r="DL20" s="244"/>
      <c r="DM20" s="71">
        <v>0</v>
      </c>
      <c r="DN20" s="71">
        <v>2</v>
      </c>
      <c r="DO20" s="71">
        <v>0</v>
      </c>
      <c r="DP20" s="71">
        <v>0</v>
      </c>
      <c r="DQ20" s="71">
        <v>1</v>
      </c>
      <c r="DR20" s="72">
        <v>3</v>
      </c>
      <c r="DS20" s="73">
        <v>3</v>
      </c>
      <c r="DT20" s="70">
        <v>0</v>
      </c>
      <c r="DU20" s="71">
        <v>1</v>
      </c>
      <c r="DV20" s="72">
        <v>1</v>
      </c>
      <c r="DW20" s="244"/>
      <c r="DX20" s="71">
        <v>0</v>
      </c>
      <c r="DY20" s="71">
        <v>0</v>
      </c>
      <c r="DZ20" s="71">
        <v>1</v>
      </c>
      <c r="EA20" s="71">
        <v>1</v>
      </c>
      <c r="EB20" s="71">
        <v>0</v>
      </c>
      <c r="EC20" s="72">
        <v>2</v>
      </c>
      <c r="ED20" s="73">
        <v>3</v>
      </c>
      <c r="EE20" s="70">
        <v>1</v>
      </c>
      <c r="EF20" s="71">
        <v>2</v>
      </c>
      <c r="EG20" s="72">
        <v>3</v>
      </c>
      <c r="EH20" s="244"/>
      <c r="EI20" s="71">
        <v>1</v>
      </c>
      <c r="EJ20" s="71">
        <v>1</v>
      </c>
      <c r="EK20" s="71">
        <v>2</v>
      </c>
      <c r="EL20" s="71">
        <v>0</v>
      </c>
      <c r="EM20" s="71">
        <v>0</v>
      </c>
      <c r="EN20" s="72">
        <v>4</v>
      </c>
      <c r="EO20" s="73">
        <v>7</v>
      </c>
      <c r="EP20" s="70">
        <v>5</v>
      </c>
      <c r="EQ20" s="71">
        <v>2</v>
      </c>
      <c r="ER20" s="72">
        <v>7</v>
      </c>
      <c r="ES20" s="244"/>
      <c r="ET20" s="71">
        <v>1</v>
      </c>
      <c r="EU20" s="71">
        <v>4</v>
      </c>
      <c r="EV20" s="71">
        <v>2</v>
      </c>
      <c r="EW20" s="71">
        <v>2</v>
      </c>
      <c r="EX20" s="71">
        <v>1</v>
      </c>
      <c r="EY20" s="72">
        <v>10</v>
      </c>
      <c r="EZ20" s="73">
        <v>17</v>
      </c>
      <c r="FA20" s="70">
        <v>3</v>
      </c>
      <c r="FB20" s="71">
        <v>3</v>
      </c>
      <c r="FC20" s="72">
        <v>6</v>
      </c>
      <c r="FD20" s="244"/>
      <c r="FE20" s="71">
        <v>3</v>
      </c>
      <c r="FF20" s="71">
        <v>5</v>
      </c>
      <c r="FG20" s="71">
        <v>1</v>
      </c>
      <c r="FH20" s="71">
        <v>2</v>
      </c>
      <c r="FI20" s="71">
        <v>0</v>
      </c>
      <c r="FJ20" s="72">
        <v>11</v>
      </c>
      <c r="FK20" s="73">
        <v>17</v>
      </c>
      <c r="FL20" s="70">
        <v>1</v>
      </c>
      <c r="FM20" s="71">
        <v>2</v>
      </c>
      <c r="FN20" s="72">
        <v>3</v>
      </c>
      <c r="FO20" s="244"/>
      <c r="FP20" s="71">
        <v>1</v>
      </c>
      <c r="FQ20" s="71">
        <v>3</v>
      </c>
      <c r="FR20" s="71">
        <v>3</v>
      </c>
      <c r="FS20" s="71">
        <v>5</v>
      </c>
      <c r="FT20" s="71">
        <v>3</v>
      </c>
      <c r="FU20" s="72">
        <v>15</v>
      </c>
      <c r="FV20" s="73">
        <v>18</v>
      </c>
      <c r="FW20" s="70">
        <v>0</v>
      </c>
      <c r="FX20" s="71">
        <v>0</v>
      </c>
      <c r="FY20" s="72">
        <v>0</v>
      </c>
      <c r="FZ20" s="244"/>
      <c r="GA20" s="71">
        <v>0</v>
      </c>
      <c r="GB20" s="71">
        <v>0</v>
      </c>
      <c r="GC20" s="71">
        <v>0</v>
      </c>
      <c r="GD20" s="71">
        <v>0</v>
      </c>
      <c r="GE20" s="71">
        <v>0</v>
      </c>
      <c r="GF20" s="72">
        <v>0</v>
      </c>
      <c r="GG20" s="73">
        <v>0</v>
      </c>
      <c r="GH20" s="70">
        <v>10</v>
      </c>
      <c r="GI20" s="71">
        <v>10</v>
      </c>
      <c r="GJ20" s="72">
        <v>20</v>
      </c>
      <c r="GK20" s="244"/>
      <c r="GL20" s="71">
        <v>6</v>
      </c>
      <c r="GM20" s="71">
        <v>15</v>
      </c>
      <c r="GN20" s="71">
        <v>9</v>
      </c>
      <c r="GO20" s="71">
        <v>10</v>
      </c>
      <c r="GP20" s="71">
        <v>5</v>
      </c>
      <c r="GQ20" s="72">
        <v>45</v>
      </c>
      <c r="GR20" s="73">
        <v>65</v>
      </c>
      <c r="GS20" s="123">
        <v>73</v>
      </c>
      <c r="GT20" s="82">
        <v>63</v>
      </c>
      <c r="GU20" s="83">
        <v>136</v>
      </c>
      <c r="GV20" s="241"/>
      <c r="GW20" s="82">
        <v>110</v>
      </c>
      <c r="GX20" s="82">
        <v>109</v>
      </c>
      <c r="GY20" s="82">
        <v>86</v>
      </c>
      <c r="GZ20" s="82">
        <v>65</v>
      </c>
      <c r="HA20" s="82">
        <v>40</v>
      </c>
      <c r="HB20" s="84">
        <v>410</v>
      </c>
      <c r="HC20" s="85">
        <v>546</v>
      </c>
      <c r="HD20" s="70">
        <v>1</v>
      </c>
      <c r="HE20" s="71">
        <v>2</v>
      </c>
      <c r="HF20" s="72">
        <v>3</v>
      </c>
      <c r="HG20" s="244"/>
      <c r="HH20" s="71">
        <v>4</v>
      </c>
      <c r="HI20" s="71">
        <v>3</v>
      </c>
      <c r="HJ20" s="71">
        <v>6</v>
      </c>
      <c r="HK20" s="71">
        <v>2</v>
      </c>
      <c r="HL20" s="71">
        <v>2</v>
      </c>
      <c r="HM20" s="72">
        <v>17</v>
      </c>
      <c r="HN20" s="73">
        <v>20</v>
      </c>
      <c r="HO20" s="70">
        <v>2</v>
      </c>
      <c r="HP20" s="71">
        <v>2</v>
      </c>
      <c r="HQ20" s="72">
        <v>4</v>
      </c>
      <c r="HR20" s="244"/>
      <c r="HS20" s="71">
        <v>3</v>
      </c>
      <c r="HT20" s="71">
        <v>3</v>
      </c>
      <c r="HU20" s="71">
        <v>6</v>
      </c>
      <c r="HV20" s="71">
        <v>6</v>
      </c>
      <c r="HW20" s="71">
        <v>1</v>
      </c>
      <c r="HX20" s="72">
        <v>19</v>
      </c>
      <c r="HY20" s="73">
        <v>23</v>
      </c>
      <c r="HZ20" s="70">
        <v>11</v>
      </c>
      <c r="IA20" s="71">
        <v>8</v>
      </c>
      <c r="IB20" s="72">
        <v>19</v>
      </c>
      <c r="IC20" s="244"/>
      <c r="ID20" s="71">
        <v>12</v>
      </c>
      <c r="IE20" s="71">
        <v>12</v>
      </c>
      <c r="IF20" s="71">
        <v>7</v>
      </c>
      <c r="IG20" s="71">
        <v>4</v>
      </c>
      <c r="IH20" s="71">
        <v>4</v>
      </c>
      <c r="II20" s="72">
        <v>39</v>
      </c>
      <c r="IJ20" s="73">
        <v>58</v>
      </c>
      <c r="IK20" s="70">
        <v>20</v>
      </c>
      <c r="IL20" s="71">
        <v>19</v>
      </c>
      <c r="IM20" s="72">
        <v>39</v>
      </c>
      <c r="IN20" s="244"/>
      <c r="IO20" s="71">
        <v>25</v>
      </c>
      <c r="IP20" s="71">
        <v>27</v>
      </c>
      <c r="IQ20" s="71">
        <v>16</v>
      </c>
      <c r="IR20" s="71">
        <v>14</v>
      </c>
      <c r="IS20" s="71">
        <v>7</v>
      </c>
      <c r="IT20" s="72">
        <v>89</v>
      </c>
      <c r="IU20" s="73">
        <v>128</v>
      </c>
      <c r="IV20" s="70">
        <v>23</v>
      </c>
      <c r="IW20" s="71">
        <v>16</v>
      </c>
      <c r="IX20" s="72">
        <v>39</v>
      </c>
      <c r="IY20" s="244"/>
      <c r="IZ20" s="71">
        <v>43</v>
      </c>
      <c r="JA20" s="71">
        <v>40</v>
      </c>
      <c r="JB20" s="71">
        <v>25</v>
      </c>
      <c r="JC20" s="71">
        <v>20</v>
      </c>
      <c r="JD20" s="71">
        <v>11</v>
      </c>
      <c r="JE20" s="72">
        <v>139</v>
      </c>
      <c r="JF20" s="73">
        <v>178</v>
      </c>
      <c r="JG20" s="70">
        <v>16</v>
      </c>
      <c r="JH20" s="71">
        <v>16</v>
      </c>
      <c r="JI20" s="72">
        <v>32</v>
      </c>
      <c r="JJ20" s="244"/>
      <c r="JK20" s="71">
        <v>23</v>
      </c>
      <c r="JL20" s="71">
        <v>24</v>
      </c>
      <c r="JM20" s="71">
        <v>26</v>
      </c>
      <c r="JN20" s="71">
        <v>19</v>
      </c>
      <c r="JO20" s="71">
        <v>15</v>
      </c>
      <c r="JP20" s="72">
        <v>107</v>
      </c>
      <c r="JQ20" s="73">
        <v>139</v>
      </c>
      <c r="JR20" s="70">
        <v>0</v>
      </c>
      <c r="JS20" s="71">
        <v>0</v>
      </c>
      <c r="JT20" s="72">
        <v>0</v>
      </c>
      <c r="JU20" s="244"/>
      <c r="JV20" s="71">
        <v>0</v>
      </c>
      <c r="JW20" s="71">
        <v>0</v>
      </c>
      <c r="JX20" s="71">
        <v>0</v>
      </c>
      <c r="JY20" s="71">
        <v>0</v>
      </c>
      <c r="JZ20" s="71">
        <v>0</v>
      </c>
      <c r="KA20" s="72">
        <v>0</v>
      </c>
      <c r="KB20" s="73">
        <v>0</v>
      </c>
      <c r="KC20" s="70">
        <v>73</v>
      </c>
      <c r="KD20" s="71">
        <v>63</v>
      </c>
      <c r="KE20" s="72">
        <v>136</v>
      </c>
      <c r="KF20" s="244"/>
      <c r="KG20" s="71">
        <v>110</v>
      </c>
      <c r="KH20" s="71">
        <v>109</v>
      </c>
      <c r="KI20" s="71">
        <v>86</v>
      </c>
      <c r="KJ20" s="71">
        <v>65</v>
      </c>
      <c r="KK20" s="71">
        <v>40</v>
      </c>
      <c r="KL20" s="72">
        <v>410</v>
      </c>
      <c r="KM20" s="73">
        <v>546</v>
      </c>
    </row>
    <row r="21" spans="2:299" ht="21" customHeight="1" x14ac:dyDescent="0.2">
      <c r="B21" s="126" t="s">
        <v>18</v>
      </c>
      <c r="C21" s="313">
        <v>76</v>
      </c>
      <c r="D21" s="82">
        <v>83</v>
      </c>
      <c r="E21" s="83">
        <v>159</v>
      </c>
      <c r="F21" s="241"/>
      <c r="G21" s="82">
        <v>155</v>
      </c>
      <c r="H21" s="82">
        <v>115</v>
      </c>
      <c r="I21" s="82">
        <v>83</v>
      </c>
      <c r="J21" s="82">
        <v>67</v>
      </c>
      <c r="K21" s="82">
        <v>32</v>
      </c>
      <c r="L21" s="84">
        <v>452</v>
      </c>
      <c r="M21" s="85">
        <v>611</v>
      </c>
      <c r="N21" s="70">
        <v>0</v>
      </c>
      <c r="O21" s="71">
        <v>3</v>
      </c>
      <c r="P21" s="72">
        <v>3</v>
      </c>
      <c r="Q21" s="244"/>
      <c r="R21" s="71">
        <v>3</v>
      </c>
      <c r="S21" s="71">
        <v>2</v>
      </c>
      <c r="T21" s="71">
        <v>1</v>
      </c>
      <c r="U21" s="71">
        <v>1</v>
      </c>
      <c r="V21" s="71">
        <v>1</v>
      </c>
      <c r="W21" s="72">
        <v>8</v>
      </c>
      <c r="X21" s="73">
        <v>11</v>
      </c>
      <c r="Y21" s="70">
        <v>4</v>
      </c>
      <c r="Z21" s="71">
        <v>3</v>
      </c>
      <c r="AA21" s="72">
        <v>7</v>
      </c>
      <c r="AB21" s="244"/>
      <c r="AC21" s="71">
        <v>8</v>
      </c>
      <c r="AD21" s="71">
        <v>3</v>
      </c>
      <c r="AE21" s="71">
        <v>2</v>
      </c>
      <c r="AF21" s="71">
        <v>4</v>
      </c>
      <c r="AG21" s="71">
        <v>3</v>
      </c>
      <c r="AH21" s="72">
        <v>20</v>
      </c>
      <c r="AI21" s="73">
        <v>27</v>
      </c>
      <c r="AJ21" s="70">
        <v>9</v>
      </c>
      <c r="AK21" s="71">
        <v>8</v>
      </c>
      <c r="AL21" s="72">
        <v>17</v>
      </c>
      <c r="AM21" s="244"/>
      <c r="AN21" s="71">
        <v>12</v>
      </c>
      <c r="AO21" s="71">
        <v>6</v>
      </c>
      <c r="AP21" s="71">
        <v>7</v>
      </c>
      <c r="AQ21" s="71">
        <v>6</v>
      </c>
      <c r="AR21" s="71">
        <v>4</v>
      </c>
      <c r="AS21" s="72">
        <v>35</v>
      </c>
      <c r="AT21" s="73">
        <v>52</v>
      </c>
      <c r="AU21" s="70">
        <v>19</v>
      </c>
      <c r="AV21" s="71">
        <v>16</v>
      </c>
      <c r="AW21" s="72">
        <v>35</v>
      </c>
      <c r="AX21" s="244"/>
      <c r="AY21" s="71">
        <v>27</v>
      </c>
      <c r="AZ21" s="71">
        <v>26</v>
      </c>
      <c r="BA21" s="71">
        <v>12</v>
      </c>
      <c r="BB21" s="71">
        <v>12</v>
      </c>
      <c r="BC21" s="71">
        <v>8</v>
      </c>
      <c r="BD21" s="72">
        <v>85</v>
      </c>
      <c r="BE21" s="73">
        <v>120</v>
      </c>
      <c r="BF21" s="70">
        <v>22</v>
      </c>
      <c r="BG21" s="71">
        <v>28</v>
      </c>
      <c r="BH21" s="72">
        <v>50</v>
      </c>
      <c r="BI21" s="244"/>
      <c r="BJ21" s="71">
        <v>49</v>
      </c>
      <c r="BK21" s="71">
        <v>32</v>
      </c>
      <c r="BL21" s="71">
        <v>36</v>
      </c>
      <c r="BM21" s="71">
        <v>19</v>
      </c>
      <c r="BN21" s="71">
        <v>10</v>
      </c>
      <c r="BO21" s="72">
        <v>146</v>
      </c>
      <c r="BP21" s="73">
        <v>196</v>
      </c>
      <c r="BQ21" s="70">
        <v>22</v>
      </c>
      <c r="BR21" s="71">
        <v>25</v>
      </c>
      <c r="BS21" s="72">
        <v>47</v>
      </c>
      <c r="BT21" s="244"/>
      <c r="BU21" s="71">
        <v>56</v>
      </c>
      <c r="BV21" s="71">
        <v>46</v>
      </c>
      <c r="BW21" s="71">
        <v>25</v>
      </c>
      <c r="BX21" s="71">
        <v>25</v>
      </c>
      <c r="BY21" s="71">
        <v>6</v>
      </c>
      <c r="BZ21" s="72">
        <v>158</v>
      </c>
      <c r="CA21" s="73">
        <v>205</v>
      </c>
      <c r="CB21" s="70">
        <v>0</v>
      </c>
      <c r="CC21" s="71">
        <v>0</v>
      </c>
      <c r="CD21" s="72">
        <v>0</v>
      </c>
      <c r="CE21" s="244"/>
      <c r="CF21" s="71">
        <v>0</v>
      </c>
      <c r="CG21" s="71">
        <v>0</v>
      </c>
      <c r="CH21" s="71">
        <v>0</v>
      </c>
      <c r="CI21" s="71">
        <v>0</v>
      </c>
      <c r="CJ21" s="71">
        <v>0</v>
      </c>
      <c r="CK21" s="72">
        <v>0</v>
      </c>
      <c r="CL21" s="73">
        <v>0</v>
      </c>
      <c r="CM21" s="70">
        <v>76</v>
      </c>
      <c r="CN21" s="71">
        <v>83</v>
      </c>
      <c r="CO21" s="72">
        <v>159</v>
      </c>
      <c r="CP21" s="244"/>
      <c r="CQ21" s="71">
        <v>155</v>
      </c>
      <c r="CR21" s="71">
        <v>115</v>
      </c>
      <c r="CS21" s="71">
        <v>83</v>
      </c>
      <c r="CT21" s="71">
        <v>67</v>
      </c>
      <c r="CU21" s="71">
        <v>32</v>
      </c>
      <c r="CV21" s="72">
        <v>452</v>
      </c>
      <c r="CW21" s="73">
        <v>611</v>
      </c>
      <c r="CX21" s="123">
        <v>13</v>
      </c>
      <c r="CY21" s="82">
        <v>11</v>
      </c>
      <c r="CZ21" s="83">
        <v>24</v>
      </c>
      <c r="DA21" s="241"/>
      <c r="DB21" s="82">
        <v>21</v>
      </c>
      <c r="DC21" s="82">
        <v>15</v>
      </c>
      <c r="DD21" s="82">
        <v>9</v>
      </c>
      <c r="DE21" s="82">
        <v>8</v>
      </c>
      <c r="DF21" s="82">
        <v>5</v>
      </c>
      <c r="DG21" s="84">
        <v>58</v>
      </c>
      <c r="DH21" s="85">
        <v>82</v>
      </c>
      <c r="DI21" s="70">
        <v>0</v>
      </c>
      <c r="DJ21" s="71">
        <v>1</v>
      </c>
      <c r="DK21" s="72">
        <v>1</v>
      </c>
      <c r="DL21" s="244"/>
      <c r="DM21" s="71">
        <v>1</v>
      </c>
      <c r="DN21" s="71">
        <v>0</v>
      </c>
      <c r="DO21" s="71">
        <v>0</v>
      </c>
      <c r="DP21" s="71">
        <v>0</v>
      </c>
      <c r="DQ21" s="71">
        <v>0</v>
      </c>
      <c r="DR21" s="72">
        <v>1</v>
      </c>
      <c r="DS21" s="73">
        <v>2</v>
      </c>
      <c r="DT21" s="70">
        <v>1</v>
      </c>
      <c r="DU21" s="71">
        <v>2</v>
      </c>
      <c r="DV21" s="72">
        <v>3</v>
      </c>
      <c r="DW21" s="244"/>
      <c r="DX21" s="71">
        <v>1</v>
      </c>
      <c r="DY21" s="71">
        <v>0</v>
      </c>
      <c r="DZ21" s="71">
        <v>1</v>
      </c>
      <c r="EA21" s="71">
        <v>0</v>
      </c>
      <c r="EB21" s="71">
        <v>0</v>
      </c>
      <c r="EC21" s="72">
        <v>2</v>
      </c>
      <c r="ED21" s="73">
        <v>5</v>
      </c>
      <c r="EE21" s="70">
        <v>1</v>
      </c>
      <c r="EF21" s="71">
        <v>2</v>
      </c>
      <c r="EG21" s="72">
        <v>3</v>
      </c>
      <c r="EH21" s="244"/>
      <c r="EI21" s="71">
        <v>1</v>
      </c>
      <c r="EJ21" s="71">
        <v>2</v>
      </c>
      <c r="EK21" s="71">
        <v>1</v>
      </c>
      <c r="EL21" s="71">
        <v>0</v>
      </c>
      <c r="EM21" s="71">
        <v>1</v>
      </c>
      <c r="EN21" s="72">
        <v>5</v>
      </c>
      <c r="EO21" s="73">
        <v>8</v>
      </c>
      <c r="EP21" s="70">
        <v>6</v>
      </c>
      <c r="EQ21" s="71">
        <v>6</v>
      </c>
      <c r="ER21" s="72">
        <v>12</v>
      </c>
      <c r="ES21" s="244"/>
      <c r="ET21" s="71">
        <v>3</v>
      </c>
      <c r="EU21" s="71">
        <v>4</v>
      </c>
      <c r="EV21" s="71">
        <v>0</v>
      </c>
      <c r="EW21" s="71">
        <v>1</v>
      </c>
      <c r="EX21" s="71">
        <v>0</v>
      </c>
      <c r="EY21" s="72">
        <v>8</v>
      </c>
      <c r="EZ21" s="73">
        <v>20</v>
      </c>
      <c r="FA21" s="70">
        <v>2</v>
      </c>
      <c r="FB21" s="71">
        <v>0</v>
      </c>
      <c r="FC21" s="72">
        <v>2</v>
      </c>
      <c r="FD21" s="244"/>
      <c r="FE21" s="71">
        <v>11</v>
      </c>
      <c r="FF21" s="71">
        <v>7</v>
      </c>
      <c r="FG21" s="71">
        <v>2</v>
      </c>
      <c r="FH21" s="71">
        <v>3</v>
      </c>
      <c r="FI21" s="71">
        <v>2</v>
      </c>
      <c r="FJ21" s="72">
        <v>25</v>
      </c>
      <c r="FK21" s="73">
        <v>27</v>
      </c>
      <c r="FL21" s="70">
        <v>3</v>
      </c>
      <c r="FM21" s="71">
        <v>0</v>
      </c>
      <c r="FN21" s="72">
        <v>3</v>
      </c>
      <c r="FO21" s="244"/>
      <c r="FP21" s="71">
        <v>4</v>
      </c>
      <c r="FQ21" s="71">
        <v>2</v>
      </c>
      <c r="FR21" s="71">
        <v>5</v>
      </c>
      <c r="FS21" s="71">
        <v>4</v>
      </c>
      <c r="FT21" s="71">
        <v>2</v>
      </c>
      <c r="FU21" s="72">
        <v>17</v>
      </c>
      <c r="FV21" s="73">
        <v>20</v>
      </c>
      <c r="FW21" s="70">
        <v>0</v>
      </c>
      <c r="FX21" s="71">
        <v>0</v>
      </c>
      <c r="FY21" s="72">
        <v>0</v>
      </c>
      <c r="FZ21" s="244"/>
      <c r="GA21" s="71">
        <v>0</v>
      </c>
      <c r="GB21" s="71">
        <v>0</v>
      </c>
      <c r="GC21" s="71">
        <v>0</v>
      </c>
      <c r="GD21" s="71">
        <v>0</v>
      </c>
      <c r="GE21" s="71">
        <v>0</v>
      </c>
      <c r="GF21" s="72">
        <v>0</v>
      </c>
      <c r="GG21" s="73">
        <v>0</v>
      </c>
      <c r="GH21" s="70">
        <v>13</v>
      </c>
      <c r="GI21" s="71">
        <v>11</v>
      </c>
      <c r="GJ21" s="72">
        <v>24</v>
      </c>
      <c r="GK21" s="244"/>
      <c r="GL21" s="71">
        <v>21</v>
      </c>
      <c r="GM21" s="71">
        <v>15</v>
      </c>
      <c r="GN21" s="71">
        <v>9</v>
      </c>
      <c r="GO21" s="71">
        <v>8</v>
      </c>
      <c r="GP21" s="71">
        <v>5</v>
      </c>
      <c r="GQ21" s="72">
        <v>58</v>
      </c>
      <c r="GR21" s="73">
        <v>82</v>
      </c>
      <c r="GS21" s="123">
        <v>89</v>
      </c>
      <c r="GT21" s="82">
        <v>94</v>
      </c>
      <c r="GU21" s="83">
        <v>183</v>
      </c>
      <c r="GV21" s="241"/>
      <c r="GW21" s="82">
        <v>176</v>
      </c>
      <c r="GX21" s="82">
        <v>130</v>
      </c>
      <c r="GY21" s="82">
        <v>92</v>
      </c>
      <c r="GZ21" s="82">
        <v>75</v>
      </c>
      <c r="HA21" s="82">
        <v>37</v>
      </c>
      <c r="HB21" s="84">
        <v>510</v>
      </c>
      <c r="HC21" s="85">
        <v>693</v>
      </c>
      <c r="HD21" s="70">
        <v>0</v>
      </c>
      <c r="HE21" s="71">
        <v>4</v>
      </c>
      <c r="HF21" s="72">
        <v>4</v>
      </c>
      <c r="HG21" s="244"/>
      <c r="HH21" s="71">
        <v>4</v>
      </c>
      <c r="HI21" s="71">
        <v>2</v>
      </c>
      <c r="HJ21" s="71">
        <v>1</v>
      </c>
      <c r="HK21" s="71">
        <v>1</v>
      </c>
      <c r="HL21" s="71">
        <v>1</v>
      </c>
      <c r="HM21" s="72">
        <v>9</v>
      </c>
      <c r="HN21" s="73">
        <v>13</v>
      </c>
      <c r="HO21" s="70">
        <v>5</v>
      </c>
      <c r="HP21" s="71">
        <v>5</v>
      </c>
      <c r="HQ21" s="72">
        <v>10</v>
      </c>
      <c r="HR21" s="244"/>
      <c r="HS21" s="71">
        <v>9</v>
      </c>
      <c r="HT21" s="71">
        <v>3</v>
      </c>
      <c r="HU21" s="71">
        <v>3</v>
      </c>
      <c r="HV21" s="71">
        <v>4</v>
      </c>
      <c r="HW21" s="71">
        <v>3</v>
      </c>
      <c r="HX21" s="72">
        <v>22</v>
      </c>
      <c r="HY21" s="73">
        <v>32</v>
      </c>
      <c r="HZ21" s="70">
        <v>10</v>
      </c>
      <c r="IA21" s="71">
        <v>10</v>
      </c>
      <c r="IB21" s="72">
        <v>20</v>
      </c>
      <c r="IC21" s="244"/>
      <c r="ID21" s="71">
        <v>13</v>
      </c>
      <c r="IE21" s="71">
        <v>8</v>
      </c>
      <c r="IF21" s="71">
        <v>8</v>
      </c>
      <c r="IG21" s="71">
        <v>6</v>
      </c>
      <c r="IH21" s="71">
        <v>5</v>
      </c>
      <c r="II21" s="72">
        <v>40</v>
      </c>
      <c r="IJ21" s="73">
        <v>60</v>
      </c>
      <c r="IK21" s="70">
        <v>25</v>
      </c>
      <c r="IL21" s="71">
        <v>22</v>
      </c>
      <c r="IM21" s="72">
        <v>47</v>
      </c>
      <c r="IN21" s="244"/>
      <c r="IO21" s="71">
        <v>30</v>
      </c>
      <c r="IP21" s="71">
        <v>30</v>
      </c>
      <c r="IQ21" s="71">
        <v>12</v>
      </c>
      <c r="IR21" s="71">
        <v>13</v>
      </c>
      <c r="IS21" s="71">
        <v>8</v>
      </c>
      <c r="IT21" s="72">
        <v>93</v>
      </c>
      <c r="IU21" s="73">
        <v>140</v>
      </c>
      <c r="IV21" s="70">
        <v>24</v>
      </c>
      <c r="IW21" s="71">
        <v>28</v>
      </c>
      <c r="IX21" s="72">
        <v>52</v>
      </c>
      <c r="IY21" s="244"/>
      <c r="IZ21" s="71">
        <v>60</v>
      </c>
      <c r="JA21" s="71">
        <v>39</v>
      </c>
      <c r="JB21" s="71">
        <v>38</v>
      </c>
      <c r="JC21" s="71">
        <v>22</v>
      </c>
      <c r="JD21" s="71">
        <v>12</v>
      </c>
      <c r="JE21" s="72">
        <v>171</v>
      </c>
      <c r="JF21" s="73">
        <v>223</v>
      </c>
      <c r="JG21" s="70">
        <v>25</v>
      </c>
      <c r="JH21" s="71">
        <v>25</v>
      </c>
      <c r="JI21" s="72">
        <v>50</v>
      </c>
      <c r="JJ21" s="244"/>
      <c r="JK21" s="71">
        <v>60</v>
      </c>
      <c r="JL21" s="71">
        <v>48</v>
      </c>
      <c r="JM21" s="71">
        <v>30</v>
      </c>
      <c r="JN21" s="71">
        <v>29</v>
      </c>
      <c r="JO21" s="71">
        <v>8</v>
      </c>
      <c r="JP21" s="72">
        <v>175</v>
      </c>
      <c r="JQ21" s="73">
        <v>225</v>
      </c>
      <c r="JR21" s="70">
        <v>0</v>
      </c>
      <c r="JS21" s="71">
        <v>0</v>
      </c>
      <c r="JT21" s="72">
        <v>0</v>
      </c>
      <c r="JU21" s="244"/>
      <c r="JV21" s="71">
        <v>0</v>
      </c>
      <c r="JW21" s="71">
        <v>0</v>
      </c>
      <c r="JX21" s="71">
        <v>0</v>
      </c>
      <c r="JY21" s="71">
        <v>0</v>
      </c>
      <c r="JZ21" s="71">
        <v>0</v>
      </c>
      <c r="KA21" s="72">
        <v>0</v>
      </c>
      <c r="KB21" s="73">
        <v>0</v>
      </c>
      <c r="KC21" s="70">
        <v>89</v>
      </c>
      <c r="KD21" s="71">
        <v>94</v>
      </c>
      <c r="KE21" s="72">
        <v>183</v>
      </c>
      <c r="KF21" s="244"/>
      <c r="KG21" s="71">
        <v>176</v>
      </c>
      <c r="KH21" s="71">
        <v>130</v>
      </c>
      <c r="KI21" s="71">
        <v>92</v>
      </c>
      <c r="KJ21" s="71">
        <v>75</v>
      </c>
      <c r="KK21" s="71">
        <v>37</v>
      </c>
      <c r="KL21" s="72">
        <v>510</v>
      </c>
      <c r="KM21" s="73">
        <v>693</v>
      </c>
    </row>
    <row r="22" spans="2:299" ht="21" customHeight="1" x14ac:dyDescent="0.2">
      <c r="B22" s="126" t="s">
        <v>19</v>
      </c>
      <c r="C22" s="313">
        <v>40</v>
      </c>
      <c r="D22" s="82">
        <v>32</v>
      </c>
      <c r="E22" s="83">
        <v>72</v>
      </c>
      <c r="F22" s="241"/>
      <c r="G22" s="82">
        <v>72</v>
      </c>
      <c r="H22" s="82">
        <v>54</v>
      </c>
      <c r="I22" s="82">
        <v>30</v>
      </c>
      <c r="J22" s="82">
        <v>20</v>
      </c>
      <c r="K22" s="82">
        <v>12</v>
      </c>
      <c r="L22" s="84">
        <v>188</v>
      </c>
      <c r="M22" s="85">
        <v>260</v>
      </c>
      <c r="N22" s="86">
        <v>2</v>
      </c>
      <c r="O22" s="71">
        <v>0</v>
      </c>
      <c r="P22" s="72">
        <v>2</v>
      </c>
      <c r="Q22" s="244"/>
      <c r="R22" s="71">
        <v>1</v>
      </c>
      <c r="S22" s="71">
        <v>2</v>
      </c>
      <c r="T22" s="71">
        <v>0</v>
      </c>
      <c r="U22" s="71">
        <v>0</v>
      </c>
      <c r="V22" s="71">
        <v>0</v>
      </c>
      <c r="W22" s="72">
        <v>3</v>
      </c>
      <c r="X22" s="73">
        <v>5</v>
      </c>
      <c r="Y22" s="70">
        <v>2</v>
      </c>
      <c r="Z22" s="71">
        <v>0</v>
      </c>
      <c r="AA22" s="72">
        <v>2</v>
      </c>
      <c r="AB22" s="244"/>
      <c r="AC22" s="71">
        <v>0</v>
      </c>
      <c r="AD22" s="71">
        <v>5</v>
      </c>
      <c r="AE22" s="71">
        <v>0</v>
      </c>
      <c r="AF22" s="71">
        <v>0</v>
      </c>
      <c r="AG22" s="71">
        <v>0</v>
      </c>
      <c r="AH22" s="72">
        <v>5</v>
      </c>
      <c r="AI22" s="73">
        <v>7</v>
      </c>
      <c r="AJ22" s="86">
        <v>2</v>
      </c>
      <c r="AK22" s="71">
        <v>4</v>
      </c>
      <c r="AL22" s="72">
        <v>6</v>
      </c>
      <c r="AM22" s="244"/>
      <c r="AN22" s="71">
        <v>5</v>
      </c>
      <c r="AO22" s="71">
        <v>3</v>
      </c>
      <c r="AP22" s="71">
        <v>2</v>
      </c>
      <c r="AQ22" s="71">
        <v>1</v>
      </c>
      <c r="AR22" s="71">
        <v>2</v>
      </c>
      <c r="AS22" s="72">
        <v>13</v>
      </c>
      <c r="AT22" s="73">
        <v>19</v>
      </c>
      <c r="AU22" s="70">
        <v>9</v>
      </c>
      <c r="AV22" s="71">
        <v>6</v>
      </c>
      <c r="AW22" s="72">
        <v>15</v>
      </c>
      <c r="AX22" s="244"/>
      <c r="AY22" s="71">
        <v>14</v>
      </c>
      <c r="AZ22" s="71">
        <v>10</v>
      </c>
      <c r="BA22" s="71">
        <v>4</v>
      </c>
      <c r="BB22" s="71">
        <v>5</v>
      </c>
      <c r="BC22" s="71">
        <v>1</v>
      </c>
      <c r="BD22" s="72">
        <v>34</v>
      </c>
      <c r="BE22" s="73">
        <v>49</v>
      </c>
      <c r="BF22" s="86">
        <v>13</v>
      </c>
      <c r="BG22" s="71">
        <v>11</v>
      </c>
      <c r="BH22" s="72">
        <v>24</v>
      </c>
      <c r="BI22" s="244"/>
      <c r="BJ22" s="71">
        <v>30</v>
      </c>
      <c r="BK22" s="71">
        <v>19</v>
      </c>
      <c r="BL22" s="71">
        <v>10</v>
      </c>
      <c r="BM22" s="71">
        <v>8</v>
      </c>
      <c r="BN22" s="71">
        <v>4</v>
      </c>
      <c r="BO22" s="72">
        <v>71</v>
      </c>
      <c r="BP22" s="73">
        <v>95</v>
      </c>
      <c r="BQ22" s="70">
        <v>12</v>
      </c>
      <c r="BR22" s="71">
        <v>11</v>
      </c>
      <c r="BS22" s="72">
        <v>23</v>
      </c>
      <c r="BT22" s="244"/>
      <c r="BU22" s="71">
        <v>22</v>
      </c>
      <c r="BV22" s="71">
        <v>15</v>
      </c>
      <c r="BW22" s="71">
        <v>14</v>
      </c>
      <c r="BX22" s="71">
        <v>6</v>
      </c>
      <c r="BY22" s="71">
        <v>5</v>
      </c>
      <c r="BZ22" s="72">
        <v>62</v>
      </c>
      <c r="CA22" s="73">
        <v>85</v>
      </c>
      <c r="CB22" s="70">
        <v>0</v>
      </c>
      <c r="CC22" s="71">
        <v>0</v>
      </c>
      <c r="CD22" s="72">
        <v>0</v>
      </c>
      <c r="CE22" s="244"/>
      <c r="CF22" s="71">
        <v>0</v>
      </c>
      <c r="CG22" s="71">
        <v>0</v>
      </c>
      <c r="CH22" s="71">
        <v>0</v>
      </c>
      <c r="CI22" s="71">
        <v>0</v>
      </c>
      <c r="CJ22" s="71">
        <v>0</v>
      </c>
      <c r="CK22" s="72">
        <v>0</v>
      </c>
      <c r="CL22" s="73">
        <v>0</v>
      </c>
      <c r="CM22" s="70">
        <v>40</v>
      </c>
      <c r="CN22" s="71">
        <v>32</v>
      </c>
      <c r="CO22" s="72">
        <v>72</v>
      </c>
      <c r="CP22" s="244"/>
      <c r="CQ22" s="71">
        <v>72</v>
      </c>
      <c r="CR22" s="71">
        <v>54</v>
      </c>
      <c r="CS22" s="71">
        <v>30</v>
      </c>
      <c r="CT22" s="71">
        <v>20</v>
      </c>
      <c r="CU22" s="71">
        <v>12</v>
      </c>
      <c r="CV22" s="72">
        <v>188</v>
      </c>
      <c r="CW22" s="73">
        <v>260</v>
      </c>
      <c r="CX22" s="123">
        <v>2</v>
      </c>
      <c r="CY22" s="82">
        <v>7</v>
      </c>
      <c r="CZ22" s="83">
        <v>9</v>
      </c>
      <c r="DA22" s="241"/>
      <c r="DB22" s="82">
        <v>8</v>
      </c>
      <c r="DC22" s="82">
        <v>5</v>
      </c>
      <c r="DD22" s="82">
        <v>7</v>
      </c>
      <c r="DE22" s="82">
        <v>3</v>
      </c>
      <c r="DF22" s="82">
        <v>3</v>
      </c>
      <c r="DG22" s="84">
        <v>26</v>
      </c>
      <c r="DH22" s="85">
        <v>35</v>
      </c>
      <c r="DI22" s="86">
        <v>0</v>
      </c>
      <c r="DJ22" s="71">
        <v>0</v>
      </c>
      <c r="DK22" s="72">
        <v>0</v>
      </c>
      <c r="DL22" s="244"/>
      <c r="DM22" s="71">
        <v>0</v>
      </c>
      <c r="DN22" s="71">
        <v>0</v>
      </c>
      <c r="DO22" s="71">
        <v>0</v>
      </c>
      <c r="DP22" s="71">
        <v>1</v>
      </c>
      <c r="DQ22" s="71">
        <v>0</v>
      </c>
      <c r="DR22" s="72">
        <v>1</v>
      </c>
      <c r="DS22" s="73">
        <v>1</v>
      </c>
      <c r="DT22" s="70">
        <v>0</v>
      </c>
      <c r="DU22" s="71">
        <v>0</v>
      </c>
      <c r="DV22" s="72">
        <v>0</v>
      </c>
      <c r="DW22" s="244"/>
      <c r="DX22" s="71">
        <v>0</v>
      </c>
      <c r="DY22" s="71">
        <v>0</v>
      </c>
      <c r="DZ22" s="71">
        <v>0</v>
      </c>
      <c r="EA22" s="71">
        <v>0</v>
      </c>
      <c r="EB22" s="71">
        <v>0</v>
      </c>
      <c r="EC22" s="72">
        <v>0</v>
      </c>
      <c r="ED22" s="73">
        <v>0</v>
      </c>
      <c r="EE22" s="86">
        <v>1</v>
      </c>
      <c r="EF22" s="71">
        <v>1</v>
      </c>
      <c r="EG22" s="72">
        <v>2</v>
      </c>
      <c r="EH22" s="244"/>
      <c r="EI22" s="71">
        <v>1</v>
      </c>
      <c r="EJ22" s="71">
        <v>0</v>
      </c>
      <c r="EK22" s="71">
        <v>0</v>
      </c>
      <c r="EL22" s="71">
        <v>0</v>
      </c>
      <c r="EM22" s="71">
        <v>0</v>
      </c>
      <c r="EN22" s="72">
        <v>1</v>
      </c>
      <c r="EO22" s="73">
        <v>3</v>
      </c>
      <c r="EP22" s="70">
        <v>1</v>
      </c>
      <c r="EQ22" s="71">
        <v>4</v>
      </c>
      <c r="ER22" s="72">
        <v>5</v>
      </c>
      <c r="ES22" s="244"/>
      <c r="ET22" s="71">
        <v>2</v>
      </c>
      <c r="EU22" s="71">
        <v>0</v>
      </c>
      <c r="EV22" s="71">
        <v>2</v>
      </c>
      <c r="EW22" s="71">
        <v>0</v>
      </c>
      <c r="EX22" s="71">
        <v>0</v>
      </c>
      <c r="EY22" s="72">
        <v>4</v>
      </c>
      <c r="EZ22" s="73">
        <v>9</v>
      </c>
      <c r="FA22" s="86">
        <v>0</v>
      </c>
      <c r="FB22" s="71">
        <v>0</v>
      </c>
      <c r="FC22" s="72">
        <v>0</v>
      </c>
      <c r="FD22" s="244"/>
      <c r="FE22" s="71">
        <v>3</v>
      </c>
      <c r="FF22" s="71">
        <v>3</v>
      </c>
      <c r="FG22" s="71">
        <v>2</v>
      </c>
      <c r="FH22" s="71">
        <v>1</v>
      </c>
      <c r="FI22" s="71">
        <v>0</v>
      </c>
      <c r="FJ22" s="72">
        <v>9</v>
      </c>
      <c r="FK22" s="73">
        <v>9</v>
      </c>
      <c r="FL22" s="70">
        <v>0</v>
      </c>
      <c r="FM22" s="71">
        <v>2</v>
      </c>
      <c r="FN22" s="72">
        <v>2</v>
      </c>
      <c r="FO22" s="244"/>
      <c r="FP22" s="71">
        <v>2</v>
      </c>
      <c r="FQ22" s="71">
        <v>2</v>
      </c>
      <c r="FR22" s="71">
        <v>3</v>
      </c>
      <c r="FS22" s="71">
        <v>1</v>
      </c>
      <c r="FT22" s="71">
        <v>3</v>
      </c>
      <c r="FU22" s="72">
        <v>11</v>
      </c>
      <c r="FV22" s="73">
        <v>13</v>
      </c>
      <c r="FW22" s="70">
        <v>0</v>
      </c>
      <c r="FX22" s="71">
        <v>0</v>
      </c>
      <c r="FY22" s="72">
        <v>0</v>
      </c>
      <c r="FZ22" s="244"/>
      <c r="GA22" s="71">
        <v>0</v>
      </c>
      <c r="GB22" s="71">
        <v>0</v>
      </c>
      <c r="GC22" s="71">
        <v>0</v>
      </c>
      <c r="GD22" s="71">
        <v>0</v>
      </c>
      <c r="GE22" s="71">
        <v>0</v>
      </c>
      <c r="GF22" s="72">
        <v>0</v>
      </c>
      <c r="GG22" s="73">
        <v>0</v>
      </c>
      <c r="GH22" s="70">
        <v>2</v>
      </c>
      <c r="GI22" s="71">
        <v>7</v>
      </c>
      <c r="GJ22" s="72">
        <v>9</v>
      </c>
      <c r="GK22" s="244"/>
      <c r="GL22" s="71">
        <v>8</v>
      </c>
      <c r="GM22" s="71">
        <v>5</v>
      </c>
      <c r="GN22" s="71">
        <v>7</v>
      </c>
      <c r="GO22" s="71">
        <v>3</v>
      </c>
      <c r="GP22" s="71">
        <v>3</v>
      </c>
      <c r="GQ22" s="72">
        <v>26</v>
      </c>
      <c r="GR22" s="73">
        <v>35</v>
      </c>
      <c r="GS22" s="123">
        <v>42</v>
      </c>
      <c r="GT22" s="82">
        <v>39</v>
      </c>
      <c r="GU22" s="83">
        <v>81</v>
      </c>
      <c r="GV22" s="241"/>
      <c r="GW22" s="82">
        <v>80</v>
      </c>
      <c r="GX22" s="82">
        <v>59</v>
      </c>
      <c r="GY22" s="82">
        <v>37</v>
      </c>
      <c r="GZ22" s="82">
        <v>23</v>
      </c>
      <c r="HA22" s="82">
        <v>15</v>
      </c>
      <c r="HB22" s="84">
        <v>214</v>
      </c>
      <c r="HC22" s="85">
        <v>295</v>
      </c>
      <c r="HD22" s="86">
        <v>2</v>
      </c>
      <c r="HE22" s="71">
        <v>0</v>
      </c>
      <c r="HF22" s="72">
        <v>2</v>
      </c>
      <c r="HG22" s="244"/>
      <c r="HH22" s="71">
        <v>1</v>
      </c>
      <c r="HI22" s="71">
        <v>2</v>
      </c>
      <c r="HJ22" s="71">
        <v>0</v>
      </c>
      <c r="HK22" s="71">
        <v>1</v>
      </c>
      <c r="HL22" s="71">
        <v>0</v>
      </c>
      <c r="HM22" s="72">
        <v>4</v>
      </c>
      <c r="HN22" s="73">
        <v>6</v>
      </c>
      <c r="HO22" s="70">
        <v>2</v>
      </c>
      <c r="HP22" s="71">
        <v>0</v>
      </c>
      <c r="HQ22" s="72">
        <v>2</v>
      </c>
      <c r="HR22" s="244"/>
      <c r="HS22" s="71">
        <v>0</v>
      </c>
      <c r="HT22" s="71">
        <v>5</v>
      </c>
      <c r="HU22" s="71">
        <v>0</v>
      </c>
      <c r="HV22" s="71">
        <v>0</v>
      </c>
      <c r="HW22" s="71">
        <v>0</v>
      </c>
      <c r="HX22" s="72">
        <v>5</v>
      </c>
      <c r="HY22" s="73">
        <v>7</v>
      </c>
      <c r="HZ22" s="86">
        <v>3</v>
      </c>
      <c r="IA22" s="71">
        <v>5</v>
      </c>
      <c r="IB22" s="72">
        <v>8</v>
      </c>
      <c r="IC22" s="244"/>
      <c r="ID22" s="71">
        <v>6</v>
      </c>
      <c r="IE22" s="71">
        <v>3</v>
      </c>
      <c r="IF22" s="71">
        <v>2</v>
      </c>
      <c r="IG22" s="71">
        <v>1</v>
      </c>
      <c r="IH22" s="71">
        <v>2</v>
      </c>
      <c r="II22" s="72">
        <v>14</v>
      </c>
      <c r="IJ22" s="73">
        <v>22</v>
      </c>
      <c r="IK22" s="70">
        <v>10</v>
      </c>
      <c r="IL22" s="71">
        <v>10</v>
      </c>
      <c r="IM22" s="72">
        <v>20</v>
      </c>
      <c r="IN22" s="244"/>
      <c r="IO22" s="71">
        <v>16</v>
      </c>
      <c r="IP22" s="71">
        <v>10</v>
      </c>
      <c r="IQ22" s="71">
        <v>6</v>
      </c>
      <c r="IR22" s="71">
        <v>5</v>
      </c>
      <c r="IS22" s="71">
        <v>1</v>
      </c>
      <c r="IT22" s="72">
        <v>38</v>
      </c>
      <c r="IU22" s="73">
        <v>58</v>
      </c>
      <c r="IV22" s="86">
        <v>13</v>
      </c>
      <c r="IW22" s="71">
        <v>11</v>
      </c>
      <c r="IX22" s="72">
        <v>24</v>
      </c>
      <c r="IY22" s="244"/>
      <c r="IZ22" s="71">
        <v>33</v>
      </c>
      <c r="JA22" s="71">
        <v>22</v>
      </c>
      <c r="JB22" s="71">
        <v>12</v>
      </c>
      <c r="JC22" s="71">
        <v>9</v>
      </c>
      <c r="JD22" s="71">
        <v>4</v>
      </c>
      <c r="JE22" s="72">
        <v>80</v>
      </c>
      <c r="JF22" s="73">
        <v>104</v>
      </c>
      <c r="JG22" s="70">
        <v>12</v>
      </c>
      <c r="JH22" s="71">
        <v>13</v>
      </c>
      <c r="JI22" s="72">
        <v>25</v>
      </c>
      <c r="JJ22" s="244"/>
      <c r="JK22" s="71">
        <v>24</v>
      </c>
      <c r="JL22" s="71">
        <v>17</v>
      </c>
      <c r="JM22" s="71">
        <v>17</v>
      </c>
      <c r="JN22" s="71">
        <v>7</v>
      </c>
      <c r="JO22" s="71">
        <v>8</v>
      </c>
      <c r="JP22" s="72">
        <v>73</v>
      </c>
      <c r="JQ22" s="73">
        <v>98</v>
      </c>
      <c r="JR22" s="70">
        <v>0</v>
      </c>
      <c r="JS22" s="71">
        <v>0</v>
      </c>
      <c r="JT22" s="72">
        <v>0</v>
      </c>
      <c r="JU22" s="244"/>
      <c r="JV22" s="71">
        <v>0</v>
      </c>
      <c r="JW22" s="71">
        <v>0</v>
      </c>
      <c r="JX22" s="71">
        <v>0</v>
      </c>
      <c r="JY22" s="71">
        <v>0</v>
      </c>
      <c r="JZ22" s="71">
        <v>0</v>
      </c>
      <c r="KA22" s="72">
        <v>0</v>
      </c>
      <c r="KB22" s="73">
        <v>0</v>
      </c>
      <c r="KC22" s="70">
        <v>42</v>
      </c>
      <c r="KD22" s="71">
        <v>39</v>
      </c>
      <c r="KE22" s="72">
        <v>81</v>
      </c>
      <c r="KF22" s="244"/>
      <c r="KG22" s="71">
        <v>80</v>
      </c>
      <c r="KH22" s="71">
        <v>59</v>
      </c>
      <c r="KI22" s="71">
        <v>37</v>
      </c>
      <c r="KJ22" s="71">
        <v>23</v>
      </c>
      <c r="KK22" s="71">
        <v>15</v>
      </c>
      <c r="KL22" s="72">
        <v>214</v>
      </c>
      <c r="KM22" s="73">
        <v>295</v>
      </c>
    </row>
    <row r="23" spans="2:299" ht="21" customHeight="1" x14ac:dyDescent="0.2">
      <c r="B23" s="126" t="s">
        <v>20</v>
      </c>
      <c r="C23" s="313">
        <v>55</v>
      </c>
      <c r="D23" s="82">
        <v>72</v>
      </c>
      <c r="E23" s="83">
        <v>127</v>
      </c>
      <c r="F23" s="241"/>
      <c r="G23" s="82">
        <v>106</v>
      </c>
      <c r="H23" s="82">
        <v>72</v>
      </c>
      <c r="I23" s="82">
        <v>53</v>
      </c>
      <c r="J23" s="82">
        <v>45</v>
      </c>
      <c r="K23" s="82">
        <v>19</v>
      </c>
      <c r="L23" s="84">
        <v>295</v>
      </c>
      <c r="M23" s="85">
        <v>422</v>
      </c>
      <c r="N23" s="70">
        <v>1</v>
      </c>
      <c r="O23" s="71">
        <v>0</v>
      </c>
      <c r="P23" s="72">
        <v>1</v>
      </c>
      <c r="Q23" s="244"/>
      <c r="R23" s="71">
        <v>0</v>
      </c>
      <c r="S23" s="71">
        <v>2</v>
      </c>
      <c r="T23" s="71">
        <v>3</v>
      </c>
      <c r="U23" s="71">
        <v>0</v>
      </c>
      <c r="V23" s="71">
        <v>0</v>
      </c>
      <c r="W23" s="72">
        <v>5</v>
      </c>
      <c r="X23" s="73">
        <v>6</v>
      </c>
      <c r="Y23" s="70">
        <v>1</v>
      </c>
      <c r="Z23" s="71">
        <v>2</v>
      </c>
      <c r="AA23" s="72">
        <v>3</v>
      </c>
      <c r="AB23" s="244"/>
      <c r="AC23" s="71">
        <v>3</v>
      </c>
      <c r="AD23" s="71">
        <v>2</v>
      </c>
      <c r="AE23" s="71">
        <v>1</v>
      </c>
      <c r="AF23" s="71">
        <v>3</v>
      </c>
      <c r="AG23" s="71">
        <v>0</v>
      </c>
      <c r="AH23" s="72">
        <v>9</v>
      </c>
      <c r="AI23" s="73">
        <v>12</v>
      </c>
      <c r="AJ23" s="70">
        <v>8</v>
      </c>
      <c r="AK23" s="71">
        <v>5</v>
      </c>
      <c r="AL23" s="72">
        <v>13</v>
      </c>
      <c r="AM23" s="244"/>
      <c r="AN23" s="71">
        <v>6</v>
      </c>
      <c r="AO23" s="71">
        <v>4</v>
      </c>
      <c r="AP23" s="71">
        <v>9</v>
      </c>
      <c r="AQ23" s="71">
        <v>7</v>
      </c>
      <c r="AR23" s="71">
        <v>3</v>
      </c>
      <c r="AS23" s="72">
        <v>29</v>
      </c>
      <c r="AT23" s="73">
        <v>42</v>
      </c>
      <c r="AU23" s="70">
        <v>13</v>
      </c>
      <c r="AV23" s="71">
        <v>18</v>
      </c>
      <c r="AW23" s="72">
        <v>31</v>
      </c>
      <c r="AX23" s="244"/>
      <c r="AY23" s="71">
        <v>27</v>
      </c>
      <c r="AZ23" s="71">
        <v>15</v>
      </c>
      <c r="BA23" s="71">
        <v>13</v>
      </c>
      <c r="BB23" s="71">
        <v>8</v>
      </c>
      <c r="BC23" s="71">
        <v>3</v>
      </c>
      <c r="BD23" s="72">
        <v>66</v>
      </c>
      <c r="BE23" s="73">
        <v>97</v>
      </c>
      <c r="BF23" s="70">
        <v>21</v>
      </c>
      <c r="BG23" s="71">
        <v>29</v>
      </c>
      <c r="BH23" s="72">
        <v>50</v>
      </c>
      <c r="BI23" s="244"/>
      <c r="BJ23" s="71">
        <v>43</v>
      </c>
      <c r="BK23" s="71">
        <v>25</v>
      </c>
      <c r="BL23" s="71">
        <v>13</v>
      </c>
      <c r="BM23" s="71">
        <v>11</v>
      </c>
      <c r="BN23" s="71">
        <v>7</v>
      </c>
      <c r="BO23" s="72">
        <v>99</v>
      </c>
      <c r="BP23" s="73">
        <v>149</v>
      </c>
      <c r="BQ23" s="70">
        <v>11</v>
      </c>
      <c r="BR23" s="71">
        <v>18</v>
      </c>
      <c r="BS23" s="72">
        <v>29</v>
      </c>
      <c r="BT23" s="244"/>
      <c r="BU23" s="71">
        <v>27</v>
      </c>
      <c r="BV23" s="71">
        <v>24</v>
      </c>
      <c r="BW23" s="71">
        <v>14</v>
      </c>
      <c r="BX23" s="71">
        <v>16</v>
      </c>
      <c r="BY23" s="71">
        <v>6</v>
      </c>
      <c r="BZ23" s="72">
        <v>87</v>
      </c>
      <c r="CA23" s="73">
        <v>116</v>
      </c>
      <c r="CB23" s="70">
        <v>0</v>
      </c>
      <c r="CC23" s="71">
        <v>0</v>
      </c>
      <c r="CD23" s="72">
        <v>0</v>
      </c>
      <c r="CE23" s="244"/>
      <c r="CF23" s="71">
        <v>0</v>
      </c>
      <c r="CG23" s="71">
        <v>0</v>
      </c>
      <c r="CH23" s="71">
        <v>0</v>
      </c>
      <c r="CI23" s="71">
        <v>0</v>
      </c>
      <c r="CJ23" s="71">
        <v>0</v>
      </c>
      <c r="CK23" s="72">
        <v>0</v>
      </c>
      <c r="CL23" s="73">
        <v>0</v>
      </c>
      <c r="CM23" s="70">
        <v>55</v>
      </c>
      <c r="CN23" s="71">
        <v>72</v>
      </c>
      <c r="CO23" s="72">
        <v>127</v>
      </c>
      <c r="CP23" s="244"/>
      <c r="CQ23" s="71">
        <v>106</v>
      </c>
      <c r="CR23" s="71">
        <v>72</v>
      </c>
      <c r="CS23" s="71">
        <v>53</v>
      </c>
      <c r="CT23" s="71">
        <v>45</v>
      </c>
      <c r="CU23" s="71">
        <v>19</v>
      </c>
      <c r="CV23" s="72">
        <v>295</v>
      </c>
      <c r="CW23" s="73">
        <v>422</v>
      </c>
      <c r="CX23" s="123">
        <v>4</v>
      </c>
      <c r="CY23" s="82">
        <v>7</v>
      </c>
      <c r="CZ23" s="83">
        <v>11</v>
      </c>
      <c r="DA23" s="241"/>
      <c r="DB23" s="82">
        <v>13</v>
      </c>
      <c r="DC23" s="82">
        <v>7</v>
      </c>
      <c r="DD23" s="82">
        <v>4</v>
      </c>
      <c r="DE23" s="82">
        <v>5</v>
      </c>
      <c r="DF23" s="82">
        <v>4</v>
      </c>
      <c r="DG23" s="84">
        <v>33</v>
      </c>
      <c r="DH23" s="85">
        <v>44</v>
      </c>
      <c r="DI23" s="70">
        <v>0</v>
      </c>
      <c r="DJ23" s="71">
        <v>0</v>
      </c>
      <c r="DK23" s="72">
        <v>0</v>
      </c>
      <c r="DL23" s="244"/>
      <c r="DM23" s="71">
        <v>0</v>
      </c>
      <c r="DN23" s="71">
        <v>0</v>
      </c>
      <c r="DO23" s="71">
        <v>0</v>
      </c>
      <c r="DP23" s="71">
        <v>0</v>
      </c>
      <c r="DQ23" s="71">
        <v>0</v>
      </c>
      <c r="DR23" s="72">
        <v>0</v>
      </c>
      <c r="DS23" s="73">
        <v>0</v>
      </c>
      <c r="DT23" s="70">
        <v>1</v>
      </c>
      <c r="DU23" s="71">
        <v>0</v>
      </c>
      <c r="DV23" s="72">
        <v>1</v>
      </c>
      <c r="DW23" s="244"/>
      <c r="DX23" s="71">
        <v>0</v>
      </c>
      <c r="DY23" s="71">
        <v>2</v>
      </c>
      <c r="DZ23" s="71">
        <v>0</v>
      </c>
      <c r="EA23" s="71">
        <v>0</v>
      </c>
      <c r="EB23" s="71">
        <v>0</v>
      </c>
      <c r="EC23" s="72">
        <v>2</v>
      </c>
      <c r="ED23" s="73">
        <v>3</v>
      </c>
      <c r="EE23" s="70">
        <v>0</v>
      </c>
      <c r="EF23" s="71">
        <v>0</v>
      </c>
      <c r="EG23" s="72">
        <v>0</v>
      </c>
      <c r="EH23" s="244"/>
      <c r="EI23" s="71">
        <v>2</v>
      </c>
      <c r="EJ23" s="71">
        <v>0</v>
      </c>
      <c r="EK23" s="71">
        <v>1</v>
      </c>
      <c r="EL23" s="71">
        <v>0</v>
      </c>
      <c r="EM23" s="71">
        <v>0</v>
      </c>
      <c r="EN23" s="72">
        <v>3</v>
      </c>
      <c r="EO23" s="73">
        <v>3</v>
      </c>
      <c r="EP23" s="70">
        <v>3</v>
      </c>
      <c r="EQ23" s="71">
        <v>2</v>
      </c>
      <c r="ER23" s="72">
        <v>5</v>
      </c>
      <c r="ES23" s="244"/>
      <c r="ET23" s="71">
        <v>0</v>
      </c>
      <c r="EU23" s="71">
        <v>3</v>
      </c>
      <c r="EV23" s="71">
        <v>1</v>
      </c>
      <c r="EW23" s="71">
        <v>1</v>
      </c>
      <c r="EX23" s="71">
        <v>2</v>
      </c>
      <c r="EY23" s="72">
        <v>7</v>
      </c>
      <c r="EZ23" s="73">
        <v>12</v>
      </c>
      <c r="FA23" s="70">
        <v>0</v>
      </c>
      <c r="FB23" s="71">
        <v>3</v>
      </c>
      <c r="FC23" s="72">
        <v>3</v>
      </c>
      <c r="FD23" s="244"/>
      <c r="FE23" s="71">
        <v>5</v>
      </c>
      <c r="FF23" s="71">
        <v>1</v>
      </c>
      <c r="FG23" s="71">
        <v>2</v>
      </c>
      <c r="FH23" s="71">
        <v>1</v>
      </c>
      <c r="FI23" s="71">
        <v>0</v>
      </c>
      <c r="FJ23" s="72">
        <v>9</v>
      </c>
      <c r="FK23" s="73">
        <v>12</v>
      </c>
      <c r="FL23" s="70">
        <v>0</v>
      </c>
      <c r="FM23" s="71">
        <v>2</v>
      </c>
      <c r="FN23" s="72">
        <v>2</v>
      </c>
      <c r="FO23" s="244"/>
      <c r="FP23" s="71">
        <v>6</v>
      </c>
      <c r="FQ23" s="71">
        <v>1</v>
      </c>
      <c r="FR23" s="71">
        <v>0</v>
      </c>
      <c r="FS23" s="71">
        <v>3</v>
      </c>
      <c r="FT23" s="71">
        <v>2</v>
      </c>
      <c r="FU23" s="72">
        <v>12</v>
      </c>
      <c r="FV23" s="73">
        <v>14</v>
      </c>
      <c r="FW23" s="70">
        <v>0</v>
      </c>
      <c r="FX23" s="71">
        <v>0</v>
      </c>
      <c r="FY23" s="72">
        <v>0</v>
      </c>
      <c r="FZ23" s="244"/>
      <c r="GA23" s="71">
        <v>0</v>
      </c>
      <c r="GB23" s="71">
        <v>0</v>
      </c>
      <c r="GC23" s="71">
        <v>0</v>
      </c>
      <c r="GD23" s="71">
        <v>0</v>
      </c>
      <c r="GE23" s="71">
        <v>0</v>
      </c>
      <c r="GF23" s="72">
        <v>0</v>
      </c>
      <c r="GG23" s="73">
        <v>0</v>
      </c>
      <c r="GH23" s="70">
        <v>4</v>
      </c>
      <c r="GI23" s="71">
        <v>7</v>
      </c>
      <c r="GJ23" s="72">
        <v>11</v>
      </c>
      <c r="GK23" s="244"/>
      <c r="GL23" s="71">
        <v>13</v>
      </c>
      <c r="GM23" s="71">
        <v>7</v>
      </c>
      <c r="GN23" s="71">
        <v>4</v>
      </c>
      <c r="GO23" s="71">
        <v>5</v>
      </c>
      <c r="GP23" s="71">
        <v>4</v>
      </c>
      <c r="GQ23" s="72">
        <v>33</v>
      </c>
      <c r="GR23" s="73">
        <v>44</v>
      </c>
      <c r="GS23" s="123">
        <v>59</v>
      </c>
      <c r="GT23" s="82">
        <v>79</v>
      </c>
      <c r="GU23" s="83">
        <v>138</v>
      </c>
      <c r="GV23" s="241"/>
      <c r="GW23" s="82">
        <v>119</v>
      </c>
      <c r="GX23" s="82">
        <v>79</v>
      </c>
      <c r="GY23" s="82">
        <v>57</v>
      </c>
      <c r="GZ23" s="82">
        <v>50</v>
      </c>
      <c r="HA23" s="82">
        <v>23</v>
      </c>
      <c r="HB23" s="84">
        <v>328</v>
      </c>
      <c r="HC23" s="85">
        <v>466</v>
      </c>
      <c r="HD23" s="70">
        <v>1</v>
      </c>
      <c r="HE23" s="71">
        <v>0</v>
      </c>
      <c r="HF23" s="72">
        <v>1</v>
      </c>
      <c r="HG23" s="244"/>
      <c r="HH23" s="71">
        <v>0</v>
      </c>
      <c r="HI23" s="71">
        <v>2</v>
      </c>
      <c r="HJ23" s="71">
        <v>3</v>
      </c>
      <c r="HK23" s="71">
        <v>0</v>
      </c>
      <c r="HL23" s="71">
        <v>0</v>
      </c>
      <c r="HM23" s="72">
        <v>5</v>
      </c>
      <c r="HN23" s="73">
        <v>6</v>
      </c>
      <c r="HO23" s="70">
        <v>2</v>
      </c>
      <c r="HP23" s="71">
        <v>2</v>
      </c>
      <c r="HQ23" s="72">
        <v>4</v>
      </c>
      <c r="HR23" s="244"/>
      <c r="HS23" s="71">
        <v>3</v>
      </c>
      <c r="HT23" s="71">
        <v>4</v>
      </c>
      <c r="HU23" s="71">
        <v>1</v>
      </c>
      <c r="HV23" s="71">
        <v>3</v>
      </c>
      <c r="HW23" s="71">
        <v>0</v>
      </c>
      <c r="HX23" s="72">
        <v>11</v>
      </c>
      <c r="HY23" s="73">
        <v>15</v>
      </c>
      <c r="HZ23" s="70">
        <v>8</v>
      </c>
      <c r="IA23" s="71">
        <v>5</v>
      </c>
      <c r="IB23" s="72">
        <v>13</v>
      </c>
      <c r="IC23" s="244"/>
      <c r="ID23" s="71">
        <v>8</v>
      </c>
      <c r="IE23" s="71">
        <v>4</v>
      </c>
      <c r="IF23" s="71">
        <v>10</v>
      </c>
      <c r="IG23" s="71">
        <v>7</v>
      </c>
      <c r="IH23" s="71">
        <v>3</v>
      </c>
      <c r="II23" s="72">
        <v>32</v>
      </c>
      <c r="IJ23" s="73">
        <v>45</v>
      </c>
      <c r="IK23" s="70">
        <v>16</v>
      </c>
      <c r="IL23" s="71">
        <v>20</v>
      </c>
      <c r="IM23" s="72">
        <v>36</v>
      </c>
      <c r="IN23" s="244"/>
      <c r="IO23" s="71">
        <v>27</v>
      </c>
      <c r="IP23" s="71">
        <v>18</v>
      </c>
      <c r="IQ23" s="71">
        <v>14</v>
      </c>
      <c r="IR23" s="71">
        <v>9</v>
      </c>
      <c r="IS23" s="71">
        <v>5</v>
      </c>
      <c r="IT23" s="72">
        <v>73</v>
      </c>
      <c r="IU23" s="73">
        <v>109</v>
      </c>
      <c r="IV23" s="70">
        <v>21</v>
      </c>
      <c r="IW23" s="71">
        <v>32</v>
      </c>
      <c r="IX23" s="72">
        <v>53</v>
      </c>
      <c r="IY23" s="244"/>
      <c r="IZ23" s="71">
        <v>48</v>
      </c>
      <c r="JA23" s="71">
        <v>26</v>
      </c>
      <c r="JB23" s="71">
        <v>15</v>
      </c>
      <c r="JC23" s="71">
        <v>12</v>
      </c>
      <c r="JD23" s="71">
        <v>7</v>
      </c>
      <c r="JE23" s="72">
        <v>108</v>
      </c>
      <c r="JF23" s="73">
        <v>161</v>
      </c>
      <c r="JG23" s="70">
        <v>11</v>
      </c>
      <c r="JH23" s="71">
        <v>20</v>
      </c>
      <c r="JI23" s="72">
        <v>31</v>
      </c>
      <c r="JJ23" s="244"/>
      <c r="JK23" s="71">
        <v>33</v>
      </c>
      <c r="JL23" s="71">
        <v>25</v>
      </c>
      <c r="JM23" s="71">
        <v>14</v>
      </c>
      <c r="JN23" s="71">
        <v>19</v>
      </c>
      <c r="JO23" s="71">
        <v>8</v>
      </c>
      <c r="JP23" s="72">
        <v>99</v>
      </c>
      <c r="JQ23" s="73">
        <v>130</v>
      </c>
      <c r="JR23" s="70">
        <v>0</v>
      </c>
      <c r="JS23" s="71">
        <v>0</v>
      </c>
      <c r="JT23" s="72">
        <v>0</v>
      </c>
      <c r="JU23" s="244"/>
      <c r="JV23" s="71">
        <v>0</v>
      </c>
      <c r="JW23" s="71">
        <v>0</v>
      </c>
      <c r="JX23" s="71">
        <v>0</v>
      </c>
      <c r="JY23" s="71">
        <v>0</v>
      </c>
      <c r="JZ23" s="71">
        <v>0</v>
      </c>
      <c r="KA23" s="72">
        <v>0</v>
      </c>
      <c r="KB23" s="73">
        <v>0</v>
      </c>
      <c r="KC23" s="70">
        <v>59</v>
      </c>
      <c r="KD23" s="71">
        <v>79</v>
      </c>
      <c r="KE23" s="72">
        <v>138</v>
      </c>
      <c r="KF23" s="244"/>
      <c r="KG23" s="71">
        <v>119</v>
      </c>
      <c r="KH23" s="71">
        <v>79</v>
      </c>
      <c r="KI23" s="71">
        <v>57</v>
      </c>
      <c r="KJ23" s="71">
        <v>50</v>
      </c>
      <c r="KK23" s="71">
        <v>23</v>
      </c>
      <c r="KL23" s="72">
        <v>328</v>
      </c>
      <c r="KM23" s="73">
        <v>466</v>
      </c>
    </row>
    <row r="24" spans="2:299" ht="21" customHeight="1" x14ac:dyDescent="0.2">
      <c r="B24" s="126" t="s">
        <v>21</v>
      </c>
      <c r="C24" s="313">
        <v>51</v>
      </c>
      <c r="D24" s="82">
        <v>49</v>
      </c>
      <c r="E24" s="83">
        <v>100</v>
      </c>
      <c r="F24" s="241"/>
      <c r="G24" s="82">
        <v>60</v>
      </c>
      <c r="H24" s="82">
        <v>66</v>
      </c>
      <c r="I24" s="82">
        <v>40</v>
      </c>
      <c r="J24" s="82">
        <v>29</v>
      </c>
      <c r="K24" s="82">
        <v>25</v>
      </c>
      <c r="L24" s="84">
        <v>220</v>
      </c>
      <c r="M24" s="85">
        <v>320</v>
      </c>
      <c r="N24" s="70">
        <v>0</v>
      </c>
      <c r="O24" s="71">
        <v>2</v>
      </c>
      <c r="P24" s="72">
        <v>2</v>
      </c>
      <c r="Q24" s="244"/>
      <c r="R24" s="71">
        <v>0</v>
      </c>
      <c r="S24" s="71">
        <v>2</v>
      </c>
      <c r="T24" s="71">
        <v>0</v>
      </c>
      <c r="U24" s="71">
        <v>0</v>
      </c>
      <c r="V24" s="71">
        <v>1</v>
      </c>
      <c r="W24" s="72">
        <v>3</v>
      </c>
      <c r="X24" s="73">
        <v>5</v>
      </c>
      <c r="Y24" s="70">
        <v>2</v>
      </c>
      <c r="Z24" s="71">
        <v>2</v>
      </c>
      <c r="AA24" s="72">
        <v>4</v>
      </c>
      <c r="AB24" s="244"/>
      <c r="AC24" s="71">
        <v>4</v>
      </c>
      <c r="AD24" s="71">
        <v>4</v>
      </c>
      <c r="AE24" s="71">
        <v>2</v>
      </c>
      <c r="AF24" s="71">
        <v>2</v>
      </c>
      <c r="AG24" s="71">
        <v>1</v>
      </c>
      <c r="AH24" s="72">
        <v>13</v>
      </c>
      <c r="AI24" s="73">
        <v>17</v>
      </c>
      <c r="AJ24" s="70">
        <v>4</v>
      </c>
      <c r="AK24" s="71">
        <v>4</v>
      </c>
      <c r="AL24" s="72">
        <v>8</v>
      </c>
      <c r="AM24" s="244"/>
      <c r="AN24" s="71">
        <v>7</v>
      </c>
      <c r="AO24" s="71">
        <v>5</v>
      </c>
      <c r="AP24" s="71">
        <v>5</v>
      </c>
      <c r="AQ24" s="71">
        <v>6</v>
      </c>
      <c r="AR24" s="71">
        <v>1</v>
      </c>
      <c r="AS24" s="72">
        <v>24</v>
      </c>
      <c r="AT24" s="73">
        <v>32</v>
      </c>
      <c r="AU24" s="70">
        <v>11</v>
      </c>
      <c r="AV24" s="71">
        <v>7</v>
      </c>
      <c r="AW24" s="72">
        <v>18</v>
      </c>
      <c r="AX24" s="244"/>
      <c r="AY24" s="71">
        <v>21</v>
      </c>
      <c r="AZ24" s="71">
        <v>17</v>
      </c>
      <c r="BA24" s="71">
        <v>9</v>
      </c>
      <c r="BB24" s="71">
        <v>6</v>
      </c>
      <c r="BC24" s="71">
        <v>1</v>
      </c>
      <c r="BD24" s="72">
        <v>54</v>
      </c>
      <c r="BE24" s="73">
        <v>72</v>
      </c>
      <c r="BF24" s="70">
        <v>20</v>
      </c>
      <c r="BG24" s="71">
        <v>15</v>
      </c>
      <c r="BH24" s="72">
        <v>35</v>
      </c>
      <c r="BI24" s="244"/>
      <c r="BJ24" s="71">
        <v>18</v>
      </c>
      <c r="BK24" s="71">
        <v>19</v>
      </c>
      <c r="BL24" s="71">
        <v>10</v>
      </c>
      <c r="BM24" s="71">
        <v>10</v>
      </c>
      <c r="BN24" s="71">
        <v>17</v>
      </c>
      <c r="BO24" s="72">
        <v>74</v>
      </c>
      <c r="BP24" s="73">
        <v>109</v>
      </c>
      <c r="BQ24" s="70">
        <v>14</v>
      </c>
      <c r="BR24" s="71">
        <v>19</v>
      </c>
      <c r="BS24" s="72">
        <v>33</v>
      </c>
      <c r="BT24" s="244"/>
      <c r="BU24" s="71">
        <v>10</v>
      </c>
      <c r="BV24" s="71">
        <v>19</v>
      </c>
      <c r="BW24" s="71">
        <v>14</v>
      </c>
      <c r="BX24" s="71">
        <v>5</v>
      </c>
      <c r="BY24" s="71">
        <v>4</v>
      </c>
      <c r="BZ24" s="72">
        <v>52</v>
      </c>
      <c r="CA24" s="73">
        <v>85</v>
      </c>
      <c r="CB24" s="70">
        <v>0</v>
      </c>
      <c r="CC24" s="71">
        <v>0</v>
      </c>
      <c r="CD24" s="72">
        <v>0</v>
      </c>
      <c r="CE24" s="244"/>
      <c r="CF24" s="71">
        <v>0</v>
      </c>
      <c r="CG24" s="71">
        <v>0</v>
      </c>
      <c r="CH24" s="71">
        <v>0</v>
      </c>
      <c r="CI24" s="71">
        <v>0</v>
      </c>
      <c r="CJ24" s="71">
        <v>0</v>
      </c>
      <c r="CK24" s="72">
        <v>0</v>
      </c>
      <c r="CL24" s="73">
        <v>0</v>
      </c>
      <c r="CM24" s="70">
        <v>51</v>
      </c>
      <c r="CN24" s="71">
        <v>49</v>
      </c>
      <c r="CO24" s="72">
        <v>100</v>
      </c>
      <c r="CP24" s="244"/>
      <c r="CQ24" s="71">
        <v>60</v>
      </c>
      <c r="CR24" s="71">
        <v>66</v>
      </c>
      <c r="CS24" s="71">
        <v>40</v>
      </c>
      <c r="CT24" s="71">
        <v>29</v>
      </c>
      <c r="CU24" s="71">
        <v>25</v>
      </c>
      <c r="CV24" s="72">
        <v>220</v>
      </c>
      <c r="CW24" s="73">
        <v>320</v>
      </c>
      <c r="CX24" s="123">
        <v>2</v>
      </c>
      <c r="CY24" s="82">
        <v>3</v>
      </c>
      <c r="CZ24" s="83">
        <v>5</v>
      </c>
      <c r="DA24" s="241"/>
      <c r="DB24" s="82">
        <v>10</v>
      </c>
      <c r="DC24" s="82">
        <v>9</v>
      </c>
      <c r="DD24" s="82">
        <v>9</v>
      </c>
      <c r="DE24" s="82">
        <v>10</v>
      </c>
      <c r="DF24" s="82">
        <v>5</v>
      </c>
      <c r="DG24" s="84">
        <v>43</v>
      </c>
      <c r="DH24" s="85">
        <v>48</v>
      </c>
      <c r="DI24" s="70">
        <v>0</v>
      </c>
      <c r="DJ24" s="71">
        <v>0</v>
      </c>
      <c r="DK24" s="72">
        <v>0</v>
      </c>
      <c r="DL24" s="244"/>
      <c r="DM24" s="71">
        <v>1</v>
      </c>
      <c r="DN24" s="71">
        <v>1</v>
      </c>
      <c r="DO24" s="71">
        <v>0</v>
      </c>
      <c r="DP24" s="71">
        <v>0</v>
      </c>
      <c r="DQ24" s="71">
        <v>0</v>
      </c>
      <c r="DR24" s="72">
        <v>2</v>
      </c>
      <c r="DS24" s="73">
        <v>2</v>
      </c>
      <c r="DT24" s="70">
        <v>0</v>
      </c>
      <c r="DU24" s="71">
        <v>0</v>
      </c>
      <c r="DV24" s="72">
        <v>0</v>
      </c>
      <c r="DW24" s="244"/>
      <c r="DX24" s="71">
        <v>0</v>
      </c>
      <c r="DY24" s="71">
        <v>1</v>
      </c>
      <c r="DZ24" s="71">
        <v>1</v>
      </c>
      <c r="EA24" s="71">
        <v>0</v>
      </c>
      <c r="EB24" s="71">
        <v>0</v>
      </c>
      <c r="EC24" s="72">
        <v>2</v>
      </c>
      <c r="ED24" s="73">
        <v>2</v>
      </c>
      <c r="EE24" s="70">
        <v>0</v>
      </c>
      <c r="EF24" s="71">
        <v>1</v>
      </c>
      <c r="EG24" s="72">
        <v>1</v>
      </c>
      <c r="EH24" s="244"/>
      <c r="EI24" s="71">
        <v>0</v>
      </c>
      <c r="EJ24" s="71">
        <v>0</v>
      </c>
      <c r="EK24" s="71">
        <v>0</v>
      </c>
      <c r="EL24" s="71">
        <v>0</v>
      </c>
      <c r="EM24" s="71">
        <v>0</v>
      </c>
      <c r="EN24" s="72">
        <v>0</v>
      </c>
      <c r="EO24" s="73">
        <v>1</v>
      </c>
      <c r="EP24" s="70">
        <v>0</v>
      </c>
      <c r="EQ24" s="71">
        <v>0</v>
      </c>
      <c r="ER24" s="72">
        <v>0</v>
      </c>
      <c r="ES24" s="244"/>
      <c r="ET24" s="71">
        <v>1</v>
      </c>
      <c r="EU24" s="71">
        <v>1</v>
      </c>
      <c r="EV24" s="71">
        <v>2</v>
      </c>
      <c r="EW24" s="71">
        <v>0</v>
      </c>
      <c r="EX24" s="71">
        <v>0</v>
      </c>
      <c r="EY24" s="72">
        <v>4</v>
      </c>
      <c r="EZ24" s="73">
        <v>4</v>
      </c>
      <c r="FA24" s="70">
        <v>1</v>
      </c>
      <c r="FB24" s="71">
        <v>0</v>
      </c>
      <c r="FC24" s="72">
        <v>1</v>
      </c>
      <c r="FD24" s="244"/>
      <c r="FE24" s="71">
        <v>4</v>
      </c>
      <c r="FF24" s="71">
        <v>2</v>
      </c>
      <c r="FG24" s="71">
        <v>2</v>
      </c>
      <c r="FH24" s="71">
        <v>4</v>
      </c>
      <c r="FI24" s="71">
        <v>2</v>
      </c>
      <c r="FJ24" s="72">
        <v>14</v>
      </c>
      <c r="FK24" s="73">
        <v>15</v>
      </c>
      <c r="FL24" s="70">
        <v>1</v>
      </c>
      <c r="FM24" s="71">
        <v>2</v>
      </c>
      <c r="FN24" s="72">
        <v>3</v>
      </c>
      <c r="FO24" s="244"/>
      <c r="FP24" s="71">
        <v>4</v>
      </c>
      <c r="FQ24" s="71">
        <v>4</v>
      </c>
      <c r="FR24" s="71">
        <v>4</v>
      </c>
      <c r="FS24" s="71">
        <v>6</v>
      </c>
      <c r="FT24" s="71">
        <v>3</v>
      </c>
      <c r="FU24" s="72">
        <v>21</v>
      </c>
      <c r="FV24" s="73">
        <v>24</v>
      </c>
      <c r="FW24" s="70">
        <v>0</v>
      </c>
      <c r="FX24" s="71">
        <v>0</v>
      </c>
      <c r="FY24" s="72">
        <v>0</v>
      </c>
      <c r="FZ24" s="244"/>
      <c r="GA24" s="71">
        <v>0</v>
      </c>
      <c r="GB24" s="71">
        <v>0</v>
      </c>
      <c r="GC24" s="71">
        <v>0</v>
      </c>
      <c r="GD24" s="71">
        <v>0</v>
      </c>
      <c r="GE24" s="71">
        <v>0</v>
      </c>
      <c r="GF24" s="72">
        <v>0</v>
      </c>
      <c r="GG24" s="73">
        <v>0</v>
      </c>
      <c r="GH24" s="70">
        <v>2</v>
      </c>
      <c r="GI24" s="71">
        <v>3</v>
      </c>
      <c r="GJ24" s="72">
        <v>5</v>
      </c>
      <c r="GK24" s="244"/>
      <c r="GL24" s="71">
        <v>10</v>
      </c>
      <c r="GM24" s="71">
        <v>9</v>
      </c>
      <c r="GN24" s="71">
        <v>9</v>
      </c>
      <c r="GO24" s="71">
        <v>10</v>
      </c>
      <c r="GP24" s="71">
        <v>5</v>
      </c>
      <c r="GQ24" s="72">
        <v>43</v>
      </c>
      <c r="GR24" s="73">
        <v>48</v>
      </c>
      <c r="GS24" s="123">
        <v>53</v>
      </c>
      <c r="GT24" s="82">
        <v>52</v>
      </c>
      <c r="GU24" s="83">
        <v>105</v>
      </c>
      <c r="GV24" s="241"/>
      <c r="GW24" s="82">
        <v>70</v>
      </c>
      <c r="GX24" s="82">
        <v>75</v>
      </c>
      <c r="GY24" s="82">
        <v>49</v>
      </c>
      <c r="GZ24" s="82">
        <v>39</v>
      </c>
      <c r="HA24" s="82">
        <v>30</v>
      </c>
      <c r="HB24" s="84">
        <v>263</v>
      </c>
      <c r="HC24" s="85">
        <v>368</v>
      </c>
      <c r="HD24" s="70">
        <v>0</v>
      </c>
      <c r="HE24" s="71">
        <v>2</v>
      </c>
      <c r="HF24" s="72">
        <v>2</v>
      </c>
      <c r="HG24" s="244"/>
      <c r="HH24" s="71">
        <v>1</v>
      </c>
      <c r="HI24" s="71">
        <v>3</v>
      </c>
      <c r="HJ24" s="71">
        <v>0</v>
      </c>
      <c r="HK24" s="71">
        <v>0</v>
      </c>
      <c r="HL24" s="71">
        <v>1</v>
      </c>
      <c r="HM24" s="72">
        <v>5</v>
      </c>
      <c r="HN24" s="73">
        <v>7</v>
      </c>
      <c r="HO24" s="70">
        <v>2</v>
      </c>
      <c r="HP24" s="71">
        <v>2</v>
      </c>
      <c r="HQ24" s="72">
        <v>4</v>
      </c>
      <c r="HR24" s="244"/>
      <c r="HS24" s="71">
        <v>4</v>
      </c>
      <c r="HT24" s="71">
        <v>5</v>
      </c>
      <c r="HU24" s="71">
        <v>3</v>
      </c>
      <c r="HV24" s="71">
        <v>2</v>
      </c>
      <c r="HW24" s="71">
        <v>1</v>
      </c>
      <c r="HX24" s="72">
        <v>15</v>
      </c>
      <c r="HY24" s="73">
        <v>19</v>
      </c>
      <c r="HZ24" s="70">
        <v>4</v>
      </c>
      <c r="IA24" s="71">
        <v>5</v>
      </c>
      <c r="IB24" s="72">
        <v>9</v>
      </c>
      <c r="IC24" s="244"/>
      <c r="ID24" s="71">
        <v>7</v>
      </c>
      <c r="IE24" s="71">
        <v>5</v>
      </c>
      <c r="IF24" s="71">
        <v>5</v>
      </c>
      <c r="IG24" s="71">
        <v>6</v>
      </c>
      <c r="IH24" s="71">
        <v>1</v>
      </c>
      <c r="II24" s="72">
        <v>24</v>
      </c>
      <c r="IJ24" s="73">
        <v>33</v>
      </c>
      <c r="IK24" s="70">
        <v>11</v>
      </c>
      <c r="IL24" s="71">
        <v>7</v>
      </c>
      <c r="IM24" s="72">
        <v>18</v>
      </c>
      <c r="IN24" s="244"/>
      <c r="IO24" s="71">
        <v>22</v>
      </c>
      <c r="IP24" s="71">
        <v>18</v>
      </c>
      <c r="IQ24" s="71">
        <v>11</v>
      </c>
      <c r="IR24" s="71">
        <v>6</v>
      </c>
      <c r="IS24" s="71">
        <v>1</v>
      </c>
      <c r="IT24" s="72">
        <v>58</v>
      </c>
      <c r="IU24" s="73">
        <v>76</v>
      </c>
      <c r="IV24" s="70">
        <v>21</v>
      </c>
      <c r="IW24" s="71">
        <v>15</v>
      </c>
      <c r="IX24" s="72">
        <v>36</v>
      </c>
      <c r="IY24" s="244"/>
      <c r="IZ24" s="71">
        <v>22</v>
      </c>
      <c r="JA24" s="71">
        <v>21</v>
      </c>
      <c r="JB24" s="71">
        <v>12</v>
      </c>
      <c r="JC24" s="71">
        <v>14</v>
      </c>
      <c r="JD24" s="71">
        <v>19</v>
      </c>
      <c r="JE24" s="72">
        <v>88</v>
      </c>
      <c r="JF24" s="73">
        <v>124</v>
      </c>
      <c r="JG24" s="70">
        <v>15</v>
      </c>
      <c r="JH24" s="71">
        <v>21</v>
      </c>
      <c r="JI24" s="72">
        <v>36</v>
      </c>
      <c r="JJ24" s="244"/>
      <c r="JK24" s="71">
        <v>14</v>
      </c>
      <c r="JL24" s="71">
        <v>23</v>
      </c>
      <c r="JM24" s="71">
        <v>18</v>
      </c>
      <c r="JN24" s="71">
        <v>11</v>
      </c>
      <c r="JO24" s="71">
        <v>7</v>
      </c>
      <c r="JP24" s="72">
        <v>73</v>
      </c>
      <c r="JQ24" s="73">
        <v>109</v>
      </c>
      <c r="JR24" s="70">
        <v>0</v>
      </c>
      <c r="JS24" s="71">
        <v>0</v>
      </c>
      <c r="JT24" s="72">
        <v>0</v>
      </c>
      <c r="JU24" s="244"/>
      <c r="JV24" s="71">
        <v>0</v>
      </c>
      <c r="JW24" s="71">
        <v>0</v>
      </c>
      <c r="JX24" s="71">
        <v>0</v>
      </c>
      <c r="JY24" s="71">
        <v>0</v>
      </c>
      <c r="JZ24" s="71">
        <v>0</v>
      </c>
      <c r="KA24" s="72">
        <v>0</v>
      </c>
      <c r="KB24" s="73">
        <v>0</v>
      </c>
      <c r="KC24" s="70">
        <v>53</v>
      </c>
      <c r="KD24" s="71">
        <v>52</v>
      </c>
      <c r="KE24" s="72">
        <v>105</v>
      </c>
      <c r="KF24" s="244"/>
      <c r="KG24" s="71">
        <v>70</v>
      </c>
      <c r="KH24" s="71">
        <v>75</v>
      </c>
      <c r="KI24" s="71">
        <v>49</v>
      </c>
      <c r="KJ24" s="71">
        <v>39</v>
      </c>
      <c r="KK24" s="71">
        <v>30</v>
      </c>
      <c r="KL24" s="72">
        <v>263</v>
      </c>
      <c r="KM24" s="73">
        <v>368</v>
      </c>
    </row>
    <row r="25" spans="2:299" ht="21" customHeight="1" x14ac:dyDescent="0.2">
      <c r="B25" s="126" t="s">
        <v>22</v>
      </c>
      <c r="C25" s="313">
        <v>17</v>
      </c>
      <c r="D25" s="82">
        <v>17</v>
      </c>
      <c r="E25" s="83">
        <v>34</v>
      </c>
      <c r="F25" s="241"/>
      <c r="G25" s="82">
        <v>44</v>
      </c>
      <c r="H25" s="82">
        <v>27</v>
      </c>
      <c r="I25" s="82">
        <v>16</v>
      </c>
      <c r="J25" s="82">
        <v>20</v>
      </c>
      <c r="K25" s="82">
        <v>9</v>
      </c>
      <c r="L25" s="84">
        <v>116</v>
      </c>
      <c r="M25" s="85">
        <v>150</v>
      </c>
      <c r="N25" s="70">
        <v>0</v>
      </c>
      <c r="O25" s="71">
        <v>0</v>
      </c>
      <c r="P25" s="72">
        <v>0</v>
      </c>
      <c r="Q25" s="244"/>
      <c r="R25" s="71">
        <v>0</v>
      </c>
      <c r="S25" s="71">
        <v>0</v>
      </c>
      <c r="T25" s="71">
        <v>0</v>
      </c>
      <c r="U25" s="71">
        <v>0</v>
      </c>
      <c r="V25" s="71">
        <v>0</v>
      </c>
      <c r="W25" s="72">
        <v>0</v>
      </c>
      <c r="X25" s="73">
        <v>0</v>
      </c>
      <c r="Y25" s="70">
        <v>1</v>
      </c>
      <c r="Z25" s="71">
        <v>1</v>
      </c>
      <c r="AA25" s="72">
        <v>2</v>
      </c>
      <c r="AB25" s="244"/>
      <c r="AC25" s="71">
        <v>2</v>
      </c>
      <c r="AD25" s="71">
        <v>2</v>
      </c>
      <c r="AE25" s="71">
        <v>2</v>
      </c>
      <c r="AF25" s="71">
        <v>2</v>
      </c>
      <c r="AG25" s="71">
        <v>0</v>
      </c>
      <c r="AH25" s="72">
        <v>8</v>
      </c>
      <c r="AI25" s="73">
        <v>10</v>
      </c>
      <c r="AJ25" s="70">
        <v>0</v>
      </c>
      <c r="AK25" s="71">
        <v>2</v>
      </c>
      <c r="AL25" s="72">
        <v>2</v>
      </c>
      <c r="AM25" s="244"/>
      <c r="AN25" s="71">
        <v>4</v>
      </c>
      <c r="AO25" s="71">
        <v>1</v>
      </c>
      <c r="AP25" s="71">
        <v>3</v>
      </c>
      <c r="AQ25" s="71">
        <v>1</v>
      </c>
      <c r="AR25" s="71">
        <v>1</v>
      </c>
      <c r="AS25" s="72">
        <v>10</v>
      </c>
      <c r="AT25" s="73">
        <v>12</v>
      </c>
      <c r="AU25" s="70">
        <v>3</v>
      </c>
      <c r="AV25" s="71">
        <v>1</v>
      </c>
      <c r="AW25" s="72">
        <v>4</v>
      </c>
      <c r="AX25" s="244"/>
      <c r="AY25" s="71">
        <v>7</v>
      </c>
      <c r="AZ25" s="71">
        <v>4</v>
      </c>
      <c r="BA25" s="71">
        <v>3</v>
      </c>
      <c r="BB25" s="71">
        <v>5</v>
      </c>
      <c r="BC25" s="71">
        <v>3</v>
      </c>
      <c r="BD25" s="72">
        <v>22</v>
      </c>
      <c r="BE25" s="73">
        <v>26</v>
      </c>
      <c r="BF25" s="70">
        <v>6</v>
      </c>
      <c r="BG25" s="71">
        <v>8</v>
      </c>
      <c r="BH25" s="72">
        <v>14</v>
      </c>
      <c r="BI25" s="244"/>
      <c r="BJ25" s="71">
        <v>15</v>
      </c>
      <c r="BK25" s="71">
        <v>9</v>
      </c>
      <c r="BL25" s="71">
        <v>3</v>
      </c>
      <c r="BM25" s="71">
        <v>7</v>
      </c>
      <c r="BN25" s="71">
        <v>2</v>
      </c>
      <c r="BO25" s="72">
        <v>36</v>
      </c>
      <c r="BP25" s="73">
        <v>50</v>
      </c>
      <c r="BQ25" s="70">
        <v>7</v>
      </c>
      <c r="BR25" s="71">
        <v>5</v>
      </c>
      <c r="BS25" s="72">
        <v>12</v>
      </c>
      <c r="BT25" s="244"/>
      <c r="BU25" s="71">
        <v>16</v>
      </c>
      <c r="BV25" s="71">
        <v>11</v>
      </c>
      <c r="BW25" s="71">
        <v>5</v>
      </c>
      <c r="BX25" s="71">
        <v>5</v>
      </c>
      <c r="BY25" s="71">
        <v>3</v>
      </c>
      <c r="BZ25" s="72">
        <v>40</v>
      </c>
      <c r="CA25" s="73">
        <v>52</v>
      </c>
      <c r="CB25" s="70">
        <v>0</v>
      </c>
      <c r="CC25" s="71">
        <v>0</v>
      </c>
      <c r="CD25" s="72">
        <v>0</v>
      </c>
      <c r="CE25" s="244"/>
      <c r="CF25" s="71">
        <v>0</v>
      </c>
      <c r="CG25" s="71">
        <v>0</v>
      </c>
      <c r="CH25" s="71">
        <v>0</v>
      </c>
      <c r="CI25" s="71">
        <v>0</v>
      </c>
      <c r="CJ25" s="71">
        <v>0</v>
      </c>
      <c r="CK25" s="72">
        <v>0</v>
      </c>
      <c r="CL25" s="73">
        <v>0</v>
      </c>
      <c r="CM25" s="70">
        <v>17</v>
      </c>
      <c r="CN25" s="71">
        <v>17</v>
      </c>
      <c r="CO25" s="72">
        <v>34</v>
      </c>
      <c r="CP25" s="244"/>
      <c r="CQ25" s="71">
        <v>44</v>
      </c>
      <c r="CR25" s="71">
        <v>27</v>
      </c>
      <c r="CS25" s="71">
        <v>16</v>
      </c>
      <c r="CT25" s="71">
        <v>20</v>
      </c>
      <c r="CU25" s="71">
        <v>9</v>
      </c>
      <c r="CV25" s="72">
        <v>116</v>
      </c>
      <c r="CW25" s="73">
        <v>150</v>
      </c>
      <c r="CX25" s="123">
        <v>1</v>
      </c>
      <c r="CY25" s="82">
        <v>4</v>
      </c>
      <c r="CZ25" s="83">
        <v>5</v>
      </c>
      <c r="DA25" s="241"/>
      <c r="DB25" s="82">
        <v>5</v>
      </c>
      <c r="DC25" s="82">
        <v>4</v>
      </c>
      <c r="DD25" s="82">
        <v>3</v>
      </c>
      <c r="DE25" s="82">
        <v>2</v>
      </c>
      <c r="DF25" s="82">
        <v>1</v>
      </c>
      <c r="DG25" s="84">
        <v>15</v>
      </c>
      <c r="DH25" s="85">
        <v>20</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0</v>
      </c>
      <c r="EF25" s="71">
        <v>2</v>
      </c>
      <c r="EG25" s="72">
        <v>2</v>
      </c>
      <c r="EH25" s="244"/>
      <c r="EI25" s="71">
        <v>0</v>
      </c>
      <c r="EJ25" s="71">
        <v>1</v>
      </c>
      <c r="EK25" s="71">
        <v>2</v>
      </c>
      <c r="EL25" s="71">
        <v>0</v>
      </c>
      <c r="EM25" s="71">
        <v>0</v>
      </c>
      <c r="EN25" s="72">
        <v>3</v>
      </c>
      <c r="EO25" s="73">
        <v>5</v>
      </c>
      <c r="EP25" s="70">
        <v>1</v>
      </c>
      <c r="EQ25" s="71">
        <v>0</v>
      </c>
      <c r="ER25" s="72">
        <v>1</v>
      </c>
      <c r="ES25" s="244"/>
      <c r="ET25" s="71">
        <v>0</v>
      </c>
      <c r="EU25" s="71">
        <v>0</v>
      </c>
      <c r="EV25" s="71">
        <v>0</v>
      </c>
      <c r="EW25" s="71">
        <v>0</v>
      </c>
      <c r="EX25" s="71">
        <v>0</v>
      </c>
      <c r="EY25" s="72">
        <v>0</v>
      </c>
      <c r="EZ25" s="73">
        <v>1</v>
      </c>
      <c r="FA25" s="70">
        <v>0</v>
      </c>
      <c r="FB25" s="71">
        <v>0</v>
      </c>
      <c r="FC25" s="72">
        <v>0</v>
      </c>
      <c r="FD25" s="244"/>
      <c r="FE25" s="71">
        <v>2</v>
      </c>
      <c r="FF25" s="71">
        <v>1</v>
      </c>
      <c r="FG25" s="71">
        <v>0</v>
      </c>
      <c r="FH25" s="71">
        <v>0</v>
      </c>
      <c r="FI25" s="71">
        <v>0</v>
      </c>
      <c r="FJ25" s="72">
        <v>3</v>
      </c>
      <c r="FK25" s="73">
        <v>3</v>
      </c>
      <c r="FL25" s="70">
        <v>0</v>
      </c>
      <c r="FM25" s="71">
        <v>2</v>
      </c>
      <c r="FN25" s="72">
        <v>2</v>
      </c>
      <c r="FO25" s="244"/>
      <c r="FP25" s="71">
        <v>3</v>
      </c>
      <c r="FQ25" s="71">
        <v>2</v>
      </c>
      <c r="FR25" s="71">
        <v>1</v>
      </c>
      <c r="FS25" s="71">
        <v>2</v>
      </c>
      <c r="FT25" s="71">
        <v>1</v>
      </c>
      <c r="FU25" s="72">
        <v>9</v>
      </c>
      <c r="FV25" s="73">
        <v>11</v>
      </c>
      <c r="FW25" s="70">
        <v>0</v>
      </c>
      <c r="FX25" s="71">
        <v>0</v>
      </c>
      <c r="FY25" s="72">
        <v>0</v>
      </c>
      <c r="FZ25" s="244"/>
      <c r="GA25" s="71">
        <v>0</v>
      </c>
      <c r="GB25" s="71">
        <v>0</v>
      </c>
      <c r="GC25" s="71">
        <v>0</v>
      </c>
      <c r="GD25" s="71">
        <v>0</v>
      </c>
      <c r="GE25" s="71">
        <v>0</v>
      </c>
      <c r="GF25" s="72">
        <v>0</v>
      </c>
      <c r="GG25" s="73">
        <v>0</v>
      </c>
      <c r="GH25" s="70">
        <v>1</v>
      </c>
      <c r="GI25" s="71">
        <v>4</v>
      </c>
      <c r="GJ25" s="72">
        <v>5</v>
      </c>
      <c r="GK25" s="244"/>
      <c r="GL25" s="71">
        <v>5</v>
      </c>
      <c r="GM25" s="71">
        <v>4</v>
      </c>
      <c r="GN25" s="71">
        <v>3</v>
      </c>
      <c r="GO25" s="71">
        <v>2</v>
      </c>
      <c r="GP25" s="71">
        <v>1</v>
      </c>
      <c r="GQ25" s="72">
        <v>15</v>
      </c>
      <c r="GR25" s="73">
        <v>20</v>
      </c>
      <c r="GS25" s="123">
        <v>18</v>
      </c>
      <c r="GT25" s="82">
        <v>21</v>
      </c>
      <c r="GU25" s="83">
        <v>39</v>
      </c>
      <c r="GV25" s="241"/>
      <c r="GW25" s="82">
        <v>49</v>
      </c>
      <c r="GX25" s="82">
        <v>31</v>
      </c>
      <c r="GY25" s="82">
        <v>19</v>
      </c>
      <c r="GZ25" s="82">
        <v>22</v>
      </c>
      <c r="HA25" s="82">
        <v>10</v>
      </c>
      <c r="HB25" s="84">
        <v>131</v>
      </c>
      <c r="HC25" s="85">
        <v>170</v>
      </c>
      <c r="HD25" s="70">
        <v>0</v>
      </c>
      <c r="HE25" s="71">
        <v>0</v>
      </c>
      <c r="HF25" s="72">
        <v>0</v>
      </c>
      <c r="HG25" s="244"/>
      <c r="HH25" s="71">
        <v>0</v>
      </c>
      <c r="HI25" s="71">
        <v>0</v>
      </c>
      <c r="HJ25" s="71">
        <v>0</v>
      </c>
      <c r="HK25" s="71">
        <v>0</v>
      </c>
      <c r="HL25" s="71">
        <v>0</v>
      </c>
      <c r="HM25" s="72">
        <v>0</v>
      </c>
      <c r="HN25" s="73">
        <v>0</v>
      </c>
      <c r="HO25" s="70">
        <v>1</v>
      </c>
      <c r="HP25" s="71">
        <v>1</v>
      </c>
      <c r="HQ25" s="72">
        <v>2</v>
      </c>
      <c r="HR25" s="244"/>
      <c r="HS25" s="71">
        <v>2</v>
      </c>
      <c r="HT25" s="71">
        <v>2</v>
      </c>
      <c r="HU25" s="71">
        <v>2</v>
      </c>
      <c r="HV25" s="71">
        <v>2</v>
      </c>
      <c r="HW25" s="71">
        <v>0</v>
      </c>
      <c r="HX25" s="72">
        <v>8</v>
      </c>
      <c r="HY25" s="73">
        <v>10</v>
      </c>
      <c r="HZ25" s="70">
        <v>0</v>
      </c>
      <c r="IA25" s="71">
        <v>4</v>
      </c>
      <c r="IB25" s="72">
        <v>4</v>
      </c>
      <c r="IC25" s="244"/>
      <c r="ID25" s="71">
        <v>4</v>
      </c>
      <c r="IE25" s="71">
        <v>2</v>
      </c>
      <c r="IF25" s="71">
        <v>5</v>
      </c>
      <c r="IG25" s="71">
        <v>1</v>
      </c>
      <c r="IH25" s="71">
        <v>1</v>
      </c>
      <c r="II25" s="72">
        <v>13</v>
      </c>
      <c r="IJ25" s="73">
        <v>17</v>
      </c>
      <c r="IK25" s="70">
        <v>4</v>
      </c>
      <c r="IL25" s="71">
        <v>1</v>
      </c>
      <c r="IM25" s="72">
        <v>5</v>
      </c>
      <c r="IN25" s="244"/>
      <c r="IO25" s="71">
        <v>7</v>
      </c>
      <c r="IP25" s="71">
        <v>4</v>
      </c>
      <c r="IQ25" s="71">
        <v>3</v>
      </c>
      <c r="IR25" s="71">
        <v>5</v>
      </c>
      <c r="IS25" s="71">
        <v>3</v>
      </c>
      <c r="IT25" s="72">
        <v>22</v>
      </c>
      <c r="IU25" s="73">
        <v>27</v>
      </c>
      <c r="IV25" s="70">
        <v>6</v>
      </c>
      <c r="IW25" s="71">
        <v>8</v>
      </c>
      <c r="IX25" s="72">
        <v>14</v>
      </c>
      <c r="IY25" s="244"/>
      <c r="IZ25" s="71">
        <v>17</v>
      </c>
      <c r="JA25" s="71">
        <v>10</v>
      </c>
      <c r="JB25" s="71">
        <v>3</v>
      </c>
      <c r="JC25" s="71">
        <v>7</v>
      </c>
      <c r="JD25" s="71">
        <v>2</v>
      </c>
      <c r="JE25" s="72">
        <v>39</v>
      </c>
      <c r="JF25" s="73">
        <v>53</v>
      </c>
      <c r="JG25" s="70">
        <v>7</v>
      </c>
      <c r="JH25" s="71">
        <v>7</v>
      </c>
      <c r="JI25" s="72">
        <v>14</v>
      </c>
      <c r="JJ25" s="244"/>
      <c r="JK25" s="71">
        <v>19</v>
      </c>
      <c r="JL25" s="71">
        <v>13</v>
      </c>
      <c r="JM25" s="71">
        <v>6</v>
      </c>
      <c r="JN25" s="71">
        <v>7</v>
      </c>
      <c r="JO25" s="71">
        <v>4</v>
      </c>
      <c r="JP25" s="72">
        <v>49</v>
      </c>
      <c r="JQ25" s="73">
        <v>63</v>
      </c>
      <c r="JR25" s="70">
        <v>0</v>
      </c>
      <c r="JS25" s="71">
        <v>0</v>
      </c>
      <c r="JT25" s="72">
        <v>0</v>
      </c>
      <c r="JU25" s="244"/>
      <c r="JV25" s="71">
        <v>0</v>
      </c>
      <c r="JW25" s="71">
        <v>0</v>
      </c>
      <c r="JX25" s="71">
        <v>0</v>
      </c>
      <c r="JY25" s="71">
        <v>0</v>
      </c>
      <c r="JZ25" s="71">
        <v>0</v>
      </c>
      <c r="KA25" s="72">
        <v>0</v>
      </c>
      <c r="KB25" s="73">
        <v>0</v>
      </c>
      <c r="KC25" s="70">
        <v>18</v>
      </c>
      <c r="KD25" s="71">
        <v>21</v>
      </c>
      <c r="KE25" s="72">
        <v>39</v>
      </c>
      <c r="KF25" s="244"/>
      <c r="KG25" s="71">
        <v>49</v>
      </c>
      <c r="KH25" s="71">
        <v>31</v>
      </c>
      <c r="KI25" s="71">
        <v>19</v>
      </c>
      <c r="KJ25" s="71">
        <v>22</v>
      </c>
      <c r="KK25" s="71">
        <v>10</v>
      </c>
      <c r="KL25" s="72">
        <v>131</v>
      </c>
      <c r="KM25" s="73">
        <v>170</v>
      </c>
    </row>
    <row r="26" spans="2:299" ht="21" customHeight="1" x14ac:dyDescent="0.2">
      <c r="B26" s="126" t="s">
        <v>23</v>
      </c>
      <c r="C26" s="313">
        <v>31</v>
      </c>
      <c r="D26" s="82">
        <v>31</v>
      </c>
      <c r="E26" s="83">
        <v>62</v>
      </c>
      <c r="F26" s="241"/>
      <c r="G26" s="82">
        <v>53</v>
      </c>
      <c r="H26" s="82">
        <v>36</v>
      </c>
      <c r="I26" s="82">
        <v>18</v>
      </c>
      <c r="J26" s="82">
        <v>22</v>
      </c>
      <c r="K26" s="82">
        <v>7</v>
      </c>
      <c r="L26" s="84">
        <v>136</v>
      </c>
      <c r="M26" s="85">
        <v>198</v>
      </c>
      <c r="N26" s="70">
        <v>0</v>
      </c>
      <c r="O26" s="71">
        <v>0</v>
      </c>
      <c r="P26" s="72">
        <v>0</v>
      </c>
      <c r="Q26" s="244"/>
      <c r="R26" s="71">
        <v>2</v>
      </c>
      <c r="S26" s="71">
        <v>1</v>
      </c>
      <c r="T26" s="71">
        <v>1</v>
      </c>
      <c r="U26" s="71">
        <v>0</v>
      </c>
      <c r="V26" s="71">
        <v>0</v>
      </c>
      <c r="W26" s="72">
        <v>4</v>
      </c>
      <c r="X26" s="73">
        <v>4</v>
      </c>
      <c r="Y26" s="70">
        <v>2</v>
      </c>
      <c r="Z26" s="71">
        <v>1</v>
      </c>
      <c r="AA26" s="72">
        <v>3</v>
      </c>
      <c r="AB26" s="244"/>
      <c r="AC26" s="71">
        <v>1</v>
      </c>
      <c r="AD26" s="71">
        <v>2</v>
      </c>
      <c r="AE26" s="71">
        <v>0</v>
      </c>
      <c r="AF26" s="71">
        <v>2</v>
      </c>
      <c r="AG26" s="71">
        <v>1</v>
      </c>
      <c r="AH26" s="72">
        <v>6</v>
      </c>
      <c r="AI26" s="73">
        <v>9</v>
      </c>
      <c r="AJ26" s="70">
        <v>7</v>
      </c>
      <c r="AK26" s="71">
        <v>2</v>
      </c>
      <c r="AL26" s="72">
        <v>9</v>
      </c>
      <c r="AM26" s="244"/>
      <c r="AN26" s="71">
        <v>7</v>
      </c>
      <c r="AO26" s="71">
        <v>4</v>
      </c>
      <c r="AP26" s="71">
        <v>1</v>
      </c>
      <c r="AQ26" s="71">
        <v>2</v>
      </c>
      <c r="AR26" s="71">
        <v>0</v>
      </c>
      <c r="AS26" s="72">
        <v>14</v>
      </c>
      <c r="AT26" s="73">
        <v>23</v>
      </c>
      <c r="AU26" s="70">
        <v>7</v>
      </c>
      <c r="AV26" s="71">
        <v>13</v>
      </c>
      <c r="AW26" s="72">
        <v>20</v>
      </c>
      <c r="AX26" s="244"/>
      <c r="AY26" s="71">
        <v>14</v>
      </c>
      <c r="AZ26" s="71">
        <v>10</v>
      </c>
      <c r="BA26" s="71">
        <v>6</v>
      </c>
      <c r="BB26" s="71">
        <v>8</v>
      </c>
      <c r="BC26" s="71">
        <v>1</v>
      </c>
      <c r="BD26" s="72">
        <v>39</v>
      </c>
      <c r="BE26" s="73">
        <v>59</v>
      </c>
      <c r="BF26" s="70">
        <v>10</v>
      </c>
      <c r="BG26" s="71">
        <v>10</v>
      </c>
      <c r="BH26" s="72">
        <v>20</v>
      </c>
      <c r="BI26" s="244"/>
      <c r="BJ26" s="71">
        <v>17</v>
      </c>
      <c r="BK26" s="71">
        <v>7</v>
      </c>
      <c r="BL26" s="71">
        <v>3</v>
      </c>
      <c r="BM26" s="71">
        <v>4</v>
      </c>
      <c r="BN26" s="71">
        <v>4</v>
      </c>
      <c r="BO26" s="72">
        <v>35</v>
      </c>
      <c r="BP26" s="73">
        <v>55</v>
      </c>
      <c r="BQ26" s="70">
        <v>5</v>
      </c>
      <c r="BR26" s="71">
        <v>5</v>
      </c>
      <c r="BS26" s="72">
        <v>10</v>
      </c>
      <c r="BT26" s="244"/>
      <c r="BU26" s="71">
        <v>12</v>
      </c>
      <c r="BV26" s="71">
        <v>12</v>
      </c>
      <c r="BW26" s="71">
        <v>7</v>
      </c>
      <c r="BX26" s="71">
        <v>6</v>
      </c>
      <c r="BY26" s="71">
        <v>1</v>
      </c>
      <c r="BZ26" s="72">
        <v>38</v>
      </c>
      <c r="CA26" s="73">
        <v>48</v>
      </c>
      <c r="CB26" s="70">
        <v>0</v>
      </c>
      <c r="CC26" s="71">
        <v>0</v>
      </c>
      <c r="CD26" s="72">
        <v>0</v>
      </c>
      <c r="CE26" s="244"/>
      <c r="CF26" s="71">
        <v>0</v>
      </c>
      <c r="CG26" s="71">
        <v>0</v>
      </c>
      <c r="CH26" s="71">
        <v>0</v>
      </c>
      <c r="CI26" s="71">
        <v>0</v>
      </c>
      <c r="CJ26" s="71">
        <v>0</v>
      </c>
      <c r="CK26" s="72">
        <v>0</v>
      </c>
      <c r="CL26" s="73">
        <v>0</v>
      </c>
      <c r="CM26" s="70">
        <v>31</v>
      </c>
      <c r="CN26" s="71">
        <v>31</v>
      </c>
      <c r="CO26" s="72">
        <v>62</v>
      </c>
      <c r="CP26" s="244"/>
      <c r="CQ26" s="71">
        <v>53</v>
      </c>
      <c r="CR26" s="71">
        <v>36</v>
      </c>
      <c r="CS26" s="71">
        <v>18</v>
      </c>
      <c r="CT26" s="71">
        <v>22</v>
      </c>
      <c r="CU26" s="71">
        <v>7</v>
      </c>
      <c r="CV26" s="72">
        <v>136</v>
      </c>
      <c r="CW26" s="73">
        <v>198</v>
      </c>
      <c r="CX26" s="123">
        <v>3</v>
      </c>
      <c r="CY26" s="82">
        <v>4</v>
      </c>
      <c r="CZ26" s="83">
        <v>7</v>
      </c>
      <c r="DA26" s="241"/>
      <c r="DB26" s="82">
        <v>8</v>
      </c>
      <c r="DC26" s="82">
        <v>4</v>
      </c>
      <c r="DD26" s="82">
        <v>3</v>
      </c>
      <c r="DE26" s="82">
        <v>5</v>
      </c>
      <c r="DF26" s="82">
        <v>4</v>
      </c>
      <c r="DG26" s="84">
        <v>24</v>
      </c>
      <c r="DH26" s="85">
        <v>31</v>
      </c>
      <c r="DI26" s="70">
        <v>0</v>
      </c>
      <c r="DJ26" s="71">
        <v>0</v>
      </c>
      <c r="DK26" s="72">
        <v>0</v>
      </c>
      <c r="DL26" s="244"/>
      <c r="DM26" s="71">
        <v>0</v>
      </c>
      <c r="DN26" s="71">
        <v>0</v>
      </c>
      <c r="DO26" s="71">
        <v>0</v>
      </c>
      <c r="DP26" s="71">
        <v>0</v>
      </c>
      <c r="DQ26" s="71">
        <v>0</v>
      </c>
      <c r="DR26" s="72">
        <v>0</v>
      </c>
      <c r="DS26" s="73">
        <v>0</v>
      </c>
      <c r="DT26" s="70">
        <v>1</v>
      </c>
      <c r="DU26" s="71">
        <v>1</v>
      </c>
      <c r="DV26" s="72">
        <v>2</v>
      </c>
      <c r="DW26" s="244"/>
      <c r="DX26" s="71">
        <v>1</v>
      </c>
      <c r="DY26" s="71">
        <v>0</v>
      </c>
      <c r="DZ26" s="71">
        <v>1</v>
      </c>
      <c r="EA26" s="71">
        <v>1</v>
      </c>
      <c r="EB26" s="71">
        <v>0</v>
      </c>
      <c r="EC26" s="72">
        <v>3</v>
      </c>
      <c r="ED26" s="73">
        <v>5</v>
      </c>
      <c r="EE26" s="70">
        <v>1</v>
      </c>
      <c r="EF26" s="71">
        <v>1</v>
      </c>
      <c r="EG26" s="72">
        <v>2</v>
      </c>
      <c r="EH26" s="244"/>
      <c r="EI26" s="71">
        <v>1</v>
      </c>
      <c r="EJ26" s="71">
        <v>2</v>
      </c>
      <c r="EK26" s="71">
        <v>1</v>
      </c>
      <c r="EL26" s="71">
        <v>0</v>
      </c>
      <c r="EM26" s="71">
        <v>2</v>
      </c>
      <c r="EN26" s="72">
        <v>6</v>
      </c>
      <c r="EO26" s="73">
        <v>8</v>
      </c>
      <c r="EP26" s="70">
        <v>1</v>
      </c>
      <c r="EQ26" s="71">
        <v>1</v>
      </c>
      <c r="ER26" s="72">
        <v>2</v>
      </c>
      <c r="ES26" s="244"/>
      <c r="ET26" s="71">
        <v>3</v>
      </c>
      <c r="EU26" s="71">
        <v>0</v>
      </c>
      <c r="EV26" s="71">
        <v>0</v>
      </c>
      <c r="EW26" s="71">
        <v>0</v>
      </c>
      <c r="EX26" s="71">
        <v>0</v>
      </c>
      <c r="EY26" s="72">
        <v>3</v>
      </c>
      <c r="EZ26" s="73">
        <v>5</v>
      </c>
      <c r="FA26" s="70">
        <v>0</v>
      </c>
      <c r="FB26" s="71">
        <v>1</v>
      </c>
      <c r="FC26" s="72">
        <v>1</v>
      </c>
      <c r="FD26" s="244"/>
      <c r="FE26" s="71">
        <v>3</v>
      </c>
      <c r="FF26" s="71">
        <v>2</v>
      </c>
      <c r="FG26" s="71">
        <v>0</v>
      </c>
      <c r="FH26" s="71">
        <v>3</v>
      </c>
      <c r="FI26" s="71">
        <v>1</v>
      </c>
      <c r="FJ26" s="72">
        <v>9</v>
      </c>
      <c r="FK26" s="73">
        <v>10</v>
      </c>
      <c r="FL26" s="70">
        <v>0</v>
      </c>
      <c r="FM26" s="71">
        <v>0</v>
      </c>
      <c r="FN26" s="72">
        <v>0</v>
      </c>
      <c r="FO26" s="244"/>
      <c r="FP26" s="71">
        <v>0</v>
      </c>
      <c r="FQ26" s="71">
        <v>0</v>
      </c>
      <c r="FR26" s="71">
        <v>1</v>
      </c>
      <c r="FS26" s="71">
        <v>1</v>
      </c>
      <c r="FT26" s="71">
        <v>1</v>
      </c>
      <c r="FU26" s="72">
        <v>3</v>
      </c>
      <c r="FV26" s="73">
        <v>3</v>
      </c>
      <c r="FW26" s="70">
        <v>0</v>
      </c>
      <c r="FX26" s="71">
        <v>0</v>
      </c>
      <c r="FY26" s="72">
        <v>0</v>
      </c>
      <c r="FZ26" s="244"/>
      <c r="GA26" s="71">
        <v>0</v>
      </c>
      <c r="GB26" s="71">
        <v>0</v>
      </c>
      <c r="GC26" s="71">
        <v>0</v>
      </c>
      <c r="GD26" s="71">
        <v>0</v>
      </c>
      <c r="GE26" s="71">
        <v>0</v>
      </c>
      <c r="GF26" s="72">
        <v>0</v>
      </c>
      <c r="GG26" s="73">
        <v>0</v>
      </c>
      <c r="GH26" s="70">
        <v>3</v>
      </c>
      <c r="GI26" s="71">
        <v>4</v>
      </c>
      <c r="GJ26" s="72">
        <v>7</v>
      </c>
      <c r="GK26" s="244"/>
      <c r="GL26" s="71">
        <v>8</v>
      </c>
      <c r="GM26" s="71">
        <v>4</v>
      </c>
      <c r="GN26" s="71">
        <v>3</v>
      </c>
      <c r="GO26" s="71">
        <v>5</v>
      </c>
      <c r="GP26" s="71">
        <v>4</v>
      </c>
      <c r="GQ26" s="72">
        <v>24</v>
      </c>
      <c r="GR26" s="73">
        <v>31</v>
      </c>
      <c r="GS26" s="123">
        <v>34</v>
      </c>
      <c r="GT26" s="82">
        <v>35</v>
      </c>
      <c r="GU26" s="83">
        <v>69</v>
      </c>
      <c r="GV26" s="241"/>
      <c r="GW26" s="82">
        <v>61</v>
      </c>
      <c r="GX26" s="82">
        <v>40</v>
      </c>
      <c r="GY26" s="82">
        <v>21</v>
      </c>
      <c r="GZ26" s="82">
        <v>27</v>
      </c>
      <c r="HA26" s="82">
        <v>11</v>
      </c>
      <c r="HB26" s="84">
        <v>160</v>
      </c>
      <c r="HC26" s="85">
        <v>229</v>
      </c>
      <c r="HD26" s="70">
        <v>0</v>
      </c>
      <c r="HE26" s="71">
        <v>0</v>
      </c>
      <c r="HF26" s="72">
        <v>0</v>
      </c>
      <c r="HG26" s="244"/>
      <c r="HH26" s="71">
        <v>2</v>
      </c>
      <c r="HI26" s="71">
        <v>1</v>
      </c>
      <c r="HJ26" s="71">
        <v>1</v>
      </c>
      <c r="HK26" s="71">
        <v>0</v>
      </c>
      <c r="HL26" s="71">
        <v>0</v>
      </c>
      <c r="HM26" s="72">
        <v>4</v>
      </c>
      <c r="HN26" s="73">
        <v>4</v>
      </c>
      <c r="HO26" s="70">
        <v>3</v>
      </c>
      <c r="HP26" s="71">
        <v>2</v>
      </c>
      <c r="HQ26" s="72">
        <v>5</v>
      </c>
      <c r="HR26" s="244"/>
      <c r="HS26" s="71">
        <v>2</v>
      </c>
      <c r="HT26" s="71">
        <v>2</v>
      </c>
      <c r="HU26" s="71">
        <v>1</v>
      </c>
      <c r="HV26" s="71">
        <v>3</v>
      </c>
      <c r="HW26" s="71">
        <v>1</v>
      </c>
      <c r="HX26" s="72">
        <v>9</v>
      </c>
      <c r="HY26" s="73">
        <v>14</v>
      </c>
      <c r="HZ26" s="70">
        <v>8</v>
      </c>
      <c r="IA26" s="71">
        <v>3</v>
      </c>
      <c r="IB26" s="72">
        <v>11</v>
      </c>
      <c r="IC26" s="244"/>
      <c r="ID26" s="71">
        <v>8</v>
      </c>
      <c r="IE26" s="71">
        <v>6</v>
      </c>
      <c r="IF26" s="71">
        <v>2</v>
      </c>
      <c r="IG26" s="71">
        <v>2</v>
      </c>
      <c r="IH26" s="71">
        <v>2</v>
      </c>
      <c r="II26" s="72">
        <v>20</v>
      </c>
      <c r="IJ26" s="73">
        <v>31</v>
      </c>
      <c r="IK26" s="70">
        <v>8</v>
      </c>
      <c r="IL26" s="71">
        <v>14</v>
      </c>
      <c r="IM26" s="72">
        <v>22</v>
      </c>
      <c r="IN26" s="244"/>
      <c r="IO26" s="71">
        <v>17</v>
      </c>
      <c r="IP26" s="71">
        <v>10</v>
      </c>
      <c r="IQ26" s="71">
        <v>6</v>
      </c>
      <c r="IR26" s="71">
        <v>8</v>
      </c>
      <c r="IS26" s="71">
        <v>1</v>
      </c>
      <c r="IT26" s="72">
        <v>42</v>
      </c>
      <c r="IU26" s="73">
        <v>64</v>
      </c>
      <c r="IV26" s="70">
        <v>10</v>
      </c>
      <c r="IW26" s="71">
        <v>11</v>
      </c>
      <c r="IX26" s="72">
        <v>21</v>
      </c>
      <c r="IY26" s="244"/>
      <c r="IZ26" s="71">
        <v>20</v>
      </c>
      <c r="JA26" s="71">
        <v>9</v>
      </c>
      <c r="JB26" s="71">
        <v>3</v>
      </c>
      <c r="JC26" s="71">
        <v>7</v>
      </c>
      <c r="JD26" s="71">
        <v>5</v>
      </c>
      <c r="JE26" s="72">
        <v>44</v>
      </c>
      <c r="JF26" s="73">
        <v>65</v>
      </c>
      <c r="JG26" s="70">
        <v>5</v>
      </c>
      <c r="JH26" s="71">
        <v>5</v>
      </c>
      <c r="JI26" s="72">
        <v>10</v>
      </c>
      <c r="JJ26" s="244"/>
      <c r="JK26" s="71">
        <v>12</v>
      </c>
      <c r="JL26" s="71">
        <v>12</v>
      </c>
      <c r="JM26" s="71">
        <v>8</v>
      </c>
      <c r="JN26" s="71">
        <v>7</v>
      </c>
      <c r="JO26" s="71">
        <v>2</v>
      </c>
      <c r="JP26" s="72">
        <v>41</v>
      </c>
      <c r="JQ26" s="73">
        <v>51</v>
      </c>
      <c r="JR26" s="70">
        <v>0</v>
      </c>
      <c r="JS26" s="71">
        <v>0</v>
      </c>
      <c r="JT26" s="72">
        <v>0</v>
      </c>
      <c r="JU26" s="244"/>
      <c r="JV26" s="71">
        <v>0</v>
      </c>
      <c r="JW26" s="71">
        <v>0</v>
      </c>
      <c r="JX26" s="71">
        <v>0</v>
      </c>
      <c r="JY26" s="71">
        <v>0</v>
      </c>
      <c r="JZ26" s="71">
        <v>0</v>
      </c>
      <c r="KA26" s="72">
        <v>0</v>
      </c>
      <c r="KB26" s="73">
        <v>0</v>
      </c>
      <c r="KC26" s="70">
        <v>34</v>
      </c>
      <c r="KD26" s="71">
        <v>35</v>
      </c>
      <c r="KE26" s="72">
        <v>69</v>
      </c>
      <c r="KF26" s="244"/>
      <c r="KG26" s="71">
        <v>61</v>
      </c>
      <c r="KH26" s="71">
        <v>40</v>
      </c>
      <c r="KI26" s="71">
        <v>21</v>
      </c>
      <c r="KJ26" s="71">
        <v>27</v>
      </c>
      <c r="KK26" s="71">
        <v>11</v>
      </c>
      <c r="KL26" s="72">
        <v>160</v>
      </c>
      <c r="KM26" s="73">
        <v>229</v>
      </c>
    </row>
    <row r="27" spans="2:299" ht="21" customHeight="1" x14ac:dyDescent="0.2">
      <c r="B27" s="126" t="s">
        <v>24</v>
      </c>
      <c r="C27" s="313">
        <v>37</v>
      </c>
      <c r="D27" s="82">
        <v>22</v>
      </c>
      <c r="E27" s="83">
        <v>59</v>
      </c>
      <c r="F27" s="241"/>
      <c r="G27" s="82">
        <v>39</v>
      </c>
      <c r="H27" s="82">
        <v>31</v>
      </c>
      <c r="I27" s="82">
        <v>21</v>
      </c>
      <c r="J27" s="82">
        <v>11</v>
      </c>
      <c r="K27" s="82">
        <v>10</v>
      </c>
      <c r="L27" s="84">
        <v>112</v>
      </c>
      <c r="M27" s="85">
        <v>171</v>
      </c>
      <c r="N27" s="70">
        <v>0</v>
      </c>
      <c r="O27" s="71">
        <v>0</v>
      </c>
      <c r="P27" s="72">
        <v>0</v>
      </c>
      <c r="Q27" s="244"/>
      <c r="R27" s="71">
        <v>0</v>
      </c>
      <c r="S27" s="71">
        <v>0</v>
      </c>
      <c r="T27" s="71">
        <v>0</v>
      </c>
      <c r="U27" s="71">
        <v>0</v>
      </c>
      <c r="V27" s="71">
        <v>0</v>
      </c>
      <c r="W27" s="72">
        <v>0</v>
      </c>
      <c r="X27" s="73">
        <v>0</v>
      </c>
      <c r="Y27" s="70">
        <v>0</v>
      </c>
      <c r="Z27" s="71">
        <v>1</v>
      </c>
      <c r="AA27" s="72">
        <v>1</v>
      </c>
      <c r="AB27" s="244"/>
      <c r="AC27" s="71">
        <v>2</v>
      </c>
      <c r="AD27" s="71">
        <v>3</v>
      </c>
      <c r="AE27" s="71">
        <v>3</v>
      </c>
      <c r="AF27" s="71">
        <v>0</v>
      </c>
      <c r="AG27" s="71">
        <v>1</v>
      </c>
      <c r="AH27" s="72">
        <v>9</v>
      </c>
      <c r="AI27" s="73">
        <v>10</v>
      </c>
      <c r="AJ27" s="70">
        <v>2</v>
      </c>
      <c r="AK27" s="71">
        <v>1</v>
      </c>
      <c r="AL27" s="72">
        <v>3</v>
      </c>
      <c r="AM27" s="244"/>
      <c r="AN27" s="71">
        <v>3</v>
      </c>
      <c r="AO27" s="71">
        <v>1</v>
      </c>
      <c r="AP27" s="71">
        <v>2</v>
      </c>
      <c r="AQ27" s="71">
        <v>1</v>
      </c>
      <c r="AR27" s="71">
        <v>0</v>
      </c>
      <c r="AS27" s="72">
        <v>7</v>
      </c>
      <c r="AT27" s="73">
        <v>10</v>
      </c>
      <c r="AU27" s="70">
        <v>3</v>
      </c>
      <c r="AV27" s="71">
        <v>4</v>
      </c>
      <c r="AW27" s="72">
        <v>7</v>
      </c>
      <c r="AX27" s="244"/>
      <c r="AY27" s="71">
        <v>7</v>
      </c>
      <c r="AZ27" s="71">
        <v>5</v>
      </c>
      <c r="BA27" s="71">
        <v>3</v>
      </c>
      <c r="BB27" s="71">
        <v>1</v>
      </c>
      <c r="BC27" s="71">
        <v>2</v>
      </c>
      <c r="BD27" s="72">
        <v>18</v>
      </c>
      <c r="BE27" s="73">
        <v>25</v>
      </c>
      <c r="BF27" s="70">
        <v>12</v>
      </c>
      <c r="BG27" s="71">
        <v>7</v>
      </c>
      <c r="BH27" s="72">
        <v>19</v>
      </c>
      <c r="BI27" s="244"/>
      <c r="BJ27" s="71">
        <v>14</v>
      </c>
      <c r="BK27" s="71">
        <v>11</v>
      </c>
      <c r="BL27" s="71">
        <v>6</v>
      </c>
      <c r="BM27" s="71">
        <v>6</v>
      </c>
      <c r="BN27" s="71">
        <v>2</v>
      </c>
      <c r="BO27" s="72">
        <v>39</v>
      </c>
      <c r="BP27" s="73">
        <v>58</v>
      </c>
      <c r="BQ27" s="70">
        <v>20</v>
      </c>
      <c r="BR27" s="71">
        <v>9</v>
      </c>
      <c r="BS27" s="72">
        <v>29</v>
      </c>
      <c r="BT27" s="244"/>
      <c r="BU27" s="71">
        <v>13</v>
      </c>
      <c r="BV27" s="71">
        <v>11</v>
      </c>
      <c r="BW27" s="71">
        <v>7</v>
      </c>
      <c r="BX27" s="71">
        <v>3</v>
      </c>
      <c r="BY27" s="71">
        <v>5</v>
      </c>
      <c r="BZ27" s="72">
        <v>39</v>
      </c>
      <c r="CA27" s="73">
        <v>68</v>
      </c>
      <c r="CB27" s="70">
        <v>0</v>
      </c>
      <c r="CC27" s="71">
        <v>0</v>
      </c>
      <c r="CD27" s="72">
        <v>0</v>
      </c>
      <c r="CE27" s="244"/>
      <c r="CF27" s="71">
        <v>0</v>
      </c>
      <c r="CG27" s="71">
        <v>0</v>
      </c>
      <c r="CH27" s="71">
        <v>0</v>
      </c>
      <c r="CI27" s="71">
        <v>0</v>
      </c>
      <c r="CJ27" s="71">
        <v>0</v>
      </c>
      <c r="CK27" s="72">
        <v>0</v>
      </c>
      <c r="CL27" s="73">
        <v>0</v>
      </c>
      <c r="CM27" s="70">
        <v>37</v>
      </c>
      <c r="CN27" s="71">
        <v>22</v>
      </c>
      <c r="CO27" s="72">
        <v>59</v>
      </c>
      <c r="CP27" s="244"/>
      <c r="CQ27" s="71">
        <v>39</v>
      </c>
      <c r="CR27" s="71">
        <v>31</v>
      </c>
      <c r="CS27" s="71">
        <v>21</v>
      </c>
      <c r="CT27" s="71">
        <v>11</v>
      </c>
      <c r="CU27" s="71">
        <v>10</v>
      </c>
      <c r="CV27" s="72">
        <v>112</v>
      </c>
      <c r="CW27" s="73">
        <v>171</v>
      </c>
      <c r="CX27" s="123">
        <v>3</v>
      </c>
      <c r="CY27" s="82">
        <v>3</v>
      </c>
      <c r="CZ27" s="83">
        <v>6</v>
      </c>
      <c r="DA27" s="241"/>
      <c r="DB27" s="82">
        <v>4</v>
      </c>
      <c r="DC27" s="82">
        <v>2</v>
      </c>
      <c r="DD27" s="82">
        <v>6</v>
      </c>
      <c r="DE27" s="82">
        <v>4</v>
      </c>
      <c r="DF27" s="82">
        <v>2</v>
      </c>
      <c r="DG27" s="84">
        <v>18</v>
      </c>
      <c r="DH27" s="85">
        <v>24</v>
      </c>
      <c r="DI27" s="70">
        <v>0</v>
      </c>
      <c r="DJ27" s="71">
        <v>0</v>
      </c>
      <c r="DK27" s="72">
        <v>0</v>
      </c>
      <c r="DL27" s="244"/>
      <c r="DM27" s="71">
        <v>0</v>
      </c>
      <c r="DN27" s="71">
        <v>0</v>
      </c>
      <c r="DO27" s="71">
        <v>0</v>
      </c>
      <c r="DP27" s="71">
        <v>0</v>
      </c>
      <c r="DQ27" s="71">
        <v>0</v>
      </c>
      <c r="DR27" s="72">
        <v>0</v>
      </c>
      <c r="DS27" s="73">
        <v>0</v>
      </c>
      <c r="DT27" s="70">
        <v>0</v>
      </c>
      <c r="DU27" s="71">
        <v>0</v>
      </c>
      <c r="DV27" s="72">
        <v>0</v>
      </c>
      <c r="DW27" s="244"/>
      <c r="DX27" s="71">
        <v>0</v>
      </c>
      <c r="DY27" s="71">
        <v>0</v>
      </c>
      <c r="DZ27" s="71">
        <v>0</v>
      </c>
      <c r="EA27" s="71">
        <v>0</v>
      </c>
      <c r="EB27" s="71">
        <v>0</v>
      </c>
      <c r="EC27" s="72">
        <v>0</v>
      </c>
      <c r="ED27" s="73">
        <v>0</v>
      </c>
      <c r="EE27" s="70">
        <v>0</v>
      </c>
      <c r="EF27" s="71">
        <v>1</v>
      </c>
      <c r="EG27" s="72">
        <v>1</v>
      </c>
      <c r="EH27" s="244"/>
      <c r="EI27" s="71">
        <v>0</v>
      </c>
      <c r="EJ27" s="71">
        <v>0</v>
      </c>
      <c r="EK27" s="71">
        <v>1</v>
      </c>
      <c r="EL27" s="71">
        <v>0</v>
      </c>
      <c r="EM27" s="71">
        <v>0</v>
      </c>
      <c r="EN27" s="72">
        <v>1</v>
      </c>
      <c r="EO27" s="73">
        <v>2</v>
      </c>
      <c r="EP27" s="70">
        <v>0</v>
      </c>
      <c r="EQ27" s="71">
        <v>0</v>
      </c>
      <c r="ER27" s="72">
        <v>0</v>
      </c>
      <c r="ES27" s="244"/>
      <c r="ET27" s="71">
        <v>1</v>
      </c>
      <c r="EU27" s="71">
        <v>0</v>
      </c>
      <c r="EV27" s="71">
        <v>1</v>
      </c>
      <c r="EW27" s="71">
        <v>1</v>
      </c>
      <c r="EX27" s="71">
        <v>0</v>
      </c>
      <c r="EY27" s="72">
        <v>3</v>
      </c>
      <c r="EZ27" s="73">
        <v>3</v>
      </c>
      <c r="FA27" s="70">
        <v>3</v>
      </c>
      <c r="FB27" s="71">
        <v>2</v>
      </c>
      <c r="FC27" s="72">
        <v>5</v>
      </c>
      <c r="FD27" s="244"/>
      <c r="FE27" s="71">
        <v>0</v>
      </c>
      <c r="FF27" s="71">
        <v>1</v>
      </c>
      <c r="FG27" s="71">
        <v>2</v>
      </c>
      <c r="FH27" s="71">
        <v>2</v>
      </c>
      <c r="FI27" s="71">
        <v>0</v>
      </c>
      <c r="FJ27" s="72">
        <v>5</v>
      </c>
      <c r="FK27" s="73">
        <v>10</v>
      </c>
      <c r="FL27" s="70">
        <v>0</v>
      </c>
      <c r="FM27" s="71">
        <v>0</v>
      </c>
      <c r="FN27" s="72">
        <v>0</v>
      </c>
      <c r="FO27" s="244"/>
      <c r="FP27" s="71">
        <v>3</v>
      </c>
      <c r="FQ27" s="71">
        <v>1</v>
      </c>
      <c r="FR27" s="71">
        <v>2</v>
      </c>
      <c r="FS27" s="71">
        <v>1</v>
      </c>
      <c r="FT27" s="71">
        <v>2</v>
      </c>
      <c r="FU27" s="72">
        <v>9</v>
      </c>
      <c r="FV27" s="73">
        <v>9</v>
      </c>
      <c r="FW27" s="70">
        <v>0</v>
      </c>
      <c r="FX27" s="71">
        <v>0</v>
      </c>
      <c r="FY27" s="72">
        <v>0</v>
      </c>
      <c r="FZ27" s="244"/>
      <c r="GA27" s="71">
        <v>0</v>
      </c>
      <c r="GB27" s="71">
        <v>0</v>
      </c>
      <c r="GC27" s="71">
        <v>0</v>
      </c>
      <c r="GD27" s="71">
        <v>0</v>
      </c>
      <c r="GE27" s="71">
        <v>0</v>
      </c>
      <c r="GF27" s="72">
        <v>0</v>
      </c>
      <c r="GG27" s="73">
        <v>0</v>
      </c>
      <c r="GH27" s="70">
        <v>3</v>
      </c>
      <c r="GI27" s="71">
        <v>3</v>
      </c>
      <c r="GJ27" s="72">
        <v>6</v>
      </c>
      <c r="GK27" s="244"/>
      <c r="GL27" s="71">
        <v>4</v>
      </c>
      <c r="GM27" s="71">
        <v>2</v>
      </c>
      <c r="GN27" s="71">
        <v>6</v>
      </c>
      <c r="GO27" s="71">
        <v>4</v>
      </c>
      <c r="GP27" s="71">
        <v>2</v>
      </c>
      <c r="GQ27" s="72">
        <v>18</v>
      </c>
      <c r="GR27" s="73">
        <v>24</v>
      </c>
      <c r="GS27" s="123">
        <v>40</v>
      </c>
      <c r="GT27" s="82">
        <v>25</v>
      </c>
      <c r="GU27" s="83">
        <v>65</v>
      </c>
      <c r="GV27" s="241"/>
      <c r="GW27" s="82">
        <v>43</v>
      </c>
      <c r="GX27" s="82">
        <v>33</v>
      </c>
      <c r="GY27" s="82">
        <v>27</v>
      </c>
      <c r="GZ27" s="82">
        <v>15</v>
      </c>
      <c r="HA27" s="82">
        <v>12</v>
      </c>
      <c r="HB27" s="84">
        <v>130</v>
      </c>
      <c r="HC27" s="85">
        <v>195</v>
      </c>
      <c r="HD27" s="70">
        <v>0</v>
      </c>
      <c r="HE27" s="71">
        <v>0</v>
      </c>
      <c r="HF27" s="72">
        <v>0</v>
      </c>
      <c r="HG27" s="244"/>
      <c r="HH27" s="71">
        <v>0</v>
      </c>
      <c r="HI27" s="71">
        <v>0</v>
      </c>
      <c r="HJ27" s="71">
        <v>0</v>
      </c>
      <c r="HK27" s="71">
        <v>0</v>
      </c>
      <c r="HL27" s="71">
        <v>0</v>
      </c>
      <c r="HM27" s="72">
        <v>0</v>
      </c>
      <c r="HN27" s="73">
        <v>0</v>
      </c>
      <c r="HO27" s="70">
        <v>0</v>
      </c>
      <c r="HP27" s="71">
        <v>1</v>
      </c>
      <c r="HQ27" s="72">
        <v>1</v>
      </c>
      <c r="HR27" s="244"/>
      <c r="HS27" s="71">
        <v>2</v>
      </c>
      <c r="HT27" s="71">
        <v>3</v>
      </c>
      <c r="HU27" s="71">
        <v>3</v>
      </c>
      <c r="HV27" s="71">
        <v>0</v>
      </c>
      <c r="HW27" s="71">
        <v>1</v>
      </c>
      <c r="HX27" s="72">
        <v>9</v>
      </c>
      <c r="HY27" s="73">
        <v>10</v>
      </c>
      <c r="HZ27" s="70">
        <v>2</v>
      </c>
      <c r="IA27" s="71">
        <v>2</v>
      </c>
      <c r="IB27" s="72">
        <v>4</v>
      </c>
      <c r="IC27" s="244"/>
      <c r="ID27" s="71">
        <v>3</v>
      </c>
      <c r="IE27" s="71">
        <v>1</v>
      </c>
      <c r="IF27" s="71">
        <v>3</v>
      </c>
      <c r="IG27" s="71">
        <v>1</v>
      </c>
      <c r="IH27" s="71">
        <v>0</v>
      </c>
      <c r="II27" s="72">
        <v>8</v>
      </c>
      <c r="IJ27" s="73">
        <v>12</v>
      </c>
      <c r="IK27" s="70">
        <v>3</v>
      </c>
      <c r="IL27" s="71">
        <v>4</v>
      </c>
      <c r="IM27" s="72">
        <v>7</v>
      </c>
      <c r="IN27" s="244"/>
      <c r="IO27" s="71">
        <v>8</v>
      </c>
      <c r="IP27" s="71">
        <v>5</v>
      </c>
      <c r="IQ27" s="71">
        <v>4</v>
      </c>
      <c r="IR27" s="71">
        <v>2</v>
      </c>
      <c r="IS27" s="71">
        <v>2</v>
      </c>
      <c r="IT27" s="72">
        <v>21</v>
      </c>
      <c r="IU27" s="73">
        <v>28</v>
      </c>
      <c r="IV27" s="70">
        <v>15</v>
      </c>
      <c r="IW27" s="71">
        <v>9</v>
      </c>
      <c r="IX27" s="72">
        <v>24</v>
      </c>
      <c r="IY27" s="244"/>
      <c r="IZ27" s="71">
        <v>14</v>
      </c>
      <c r="JA27" s="71">
        <v>12</v>
      </c>
      <c r="JB27" s="71">
        <v>8</v>
      </c>
      <c r="JC27" s="71">
        <v>8</v>
      </c>
      <c r="JD27" s="71">
        <v>2</v>
      </c>
      <c r="JE27" s="72">
        <v>44</v>
      </c>
      <c r="JF27" s="73">
        <v>68</v>
      </c>
      <c r="JG27" s="70">
        <v>20</v>
      </c>
      <c r="JH27" s="71">
        <v>9</v>
      </c>
      <c r="JI27" s="72">
        <v>29</v>
      </c>
      <c r="JJ27" s="244"/>
      <c r="JK27" s="71">
        <v>16</v>
      </c>
      <c r="JL27" s="71">
        <v>12</v>
      </c>
      <c r="JM27" s="71">
        <v>9</v>
      </c>
      <c r="JN27" s="71">
        <v>4</v>
      </c>
      <c r="JO27" s="71">
        <v>7</v>
      </c>
      <c r="JP27" s="72">
        <v>48</v>
      </c>
      <c r="JQ27" s="73">
        <v>77</v>
      </c>
      <c r="JR27" s="70">
        <v>0</v>
      </c>
      <c r="JS27" s="71">
        <v>0</v>
      </c>
      <c r="JT27" s="72">
        <v>0</v>
      </c>
      <c r="JU27" s="244"/>
      <c r="JV27" s="71">
        <v>0</v>
      </c>
      <c r="JW27" s="71">
        <v>0</v>
      </c>
      <c r="JX27" s="71">
        <v>0</v>
      </c>
      <c r="JY27" s="71">
        <v>0</v>
      </c>
      <c r="JZ27" s="71">
        <v>0</v>
      </c>
      <c r="KA27" s="72">
        <v>0</v>
      </c>
      <c r="KB27" s="73">
        <v>0</v>
      </c>
      <c r="KC27" s="70">
        <v>40</v>
      </c>
      <c r="KD27" s="71">
        <v>25</v>
      </c>
      <c r="KE27" s="72">
        <v>65</v>
      </c>
      <c r="KF27" s="244"/>
      <c r="KG27" s="71">
        <v>43</v>
      </c>
      <c r="KH27" s="71">
        <v>33</v>
      </c>
      <c r="KI27" s="71">
        <v>27</v>
      </c>
      <c r="KJ27" s="71">
        <v>15</v>
      </c>
      <c r="KK27" s="71">
        <v>12</v>
      </c>
      <c r="KL27" s="72">
        <v>130</v>
      </c>
      <c r="KM27" s="73">
        <v>195</v>
      </c>
    </row>
    <row r="28" spans="2:299" ht="21" customHeight="1" x14ac:dyDescent="0.2">
      <c r="B28" s="126" t="s">
        <v>25</v>
      </c>
      <c r="C28" s="313">
        <v>16</v>
      </c>
      <c r="D28" s="82">
        <v>23</v>
      </c>
      <c r="E28" s="83">
        <v>39</v>
      </c>
      <c r="F28" s="241"/>
      <c r="G28" s="82">
        <v>29</v>
      </c>
      <c r="H28" s="82">
        <v>12</v>
      </c>
      <c r="I28" s="82">
        <v>16</v>
      </c>
      <c r="J28" s="82">
        <v>13</v>
      </c>
      <c r="K28" s="82">
        <v>10</v>
      </c>
      <c r="L28" s="84">
        <v>80</v>
      </c>
      <c r="M28" s="85">
        <v>119</v>
      </c>
      <c r="N28" s="70">
        <v>0</v>
      </c>
      <c r="O28" s="71">
        <v>2</v>
      </c>
      <c r="P28" s="72">
        <v>2</v>
      </c>
      <c r="Q28" s="244"/>
      <c r="R28" s="71">
        <v>2</v>
      </c>
      <c r="S28" s="71">
        <v>0</v>
      </c>
      <c r="T28" s="71">
        <v>0</v>
      </c>
      <c r="U28" s="71">
        <v>0</v>
      </c>
      <c r="V28" s="71">
        <v>1</v>
      </c>
      <c r="W28" s="72">
        <v>3</v>
      </c>
      <c r="X28" s="73">
        <v>5</v>
      </c>
      <c r="Y28" s="70">
        <v>1</v>
      </c>
      <c r="Z28" s="71">
        <v>3</v>
      </c>
      <c r="AA28" s="72">
        <v>4</v>
      </c>
      <c r="AB28" s="244"/>
      <c r="AC28" s="71">
        <v>4</v>
      </c>
      <c r="AD28" s="71">
        <v>0</v>
      </c>
      <c r="AE28" s="71">
        <v>0</v>
      </c>
      <c r="AF28" s="71">
        <v>1</v>
      </c>
      <c r="AG28" s="71">
        <v>0</v>
      </c>
      <c r="AH28" s="72">
        <v>5</v>
      </c>
      <c r="AI28" s="73">
        <v>9</v>
      </c>
      <c r="AJ28" s="70">
        <v>2</v>
      </c>
      <c r="AK28" s="71">
        <v>4</v>
      </c>
      <c r="AL28" s="72">
        <v>6</v>
      </c>
      <c r="AM28" s="244"/>
      <c r="AN28" s="71">
        <v>2</v>
      </c>
      <c r="AO28" s="71">
        <v>2</v>
      </c>
      <c r="AP28" s="71">
        <v>1</v>
      </c>
      <c r="AQ28" s="71">
        <v>3</v>
      </c>
      <c r="AR28" s="71">
        <v>0</v>
      </c>
      <c r="AS28" s="72">
        <v>8</v>
      </c>
      <c r="AT28" s="73">
        <v>14</v>
      </c>
      <c r="AU28" s="70">
        <v>3</v>
      </c>
      <c r="AV28" s="71">
        <v>7</v>
      </c>
      <c r="AW28" s="72">
        <v>10</v>
      </c>
      <c r="AX28" s="244"/>
      <c r="AY28" s="71">
        <v>6</v>
      </c>
      <c r="AZ28" s="71">
        <v>2</v>
      </c>
      <c r="BA28" s="71">
        <v>4</v>
      </c>
      <c r="BB28" s="71">
        <v>2</v>
      </c>
      <c r="BC28" s="71">
        <v>3</v>
      </c>
      <c r="BD28" s="72">
        <v>17</v>
      </c>
      <c r="BE28" s="73">
        <v>27</v>
      </c>
      <c r="BF28" s="70">
        <v>4</v>
      </c>
      <c r="BG28" s="71">
        <v>5</v>
      </c>
      <c r="BH28" s="72">
        <v>9</v>
      </c>
      <c r="BI28" s="244"/>
      <c r="BJ28" s="71">
        <v>8</v>
      </c>
      <c r="BK28" s="71">
        <v>4</v>
      </c>
      <c r="BL28" s="71">
        <v>6</v>
      </c>
      <c r="BM28" s="71">
        <v>3</v>
      </c>
      <c r="BN28" s="71">
        <v>3</v>
      </c>
      <c r="BO28" s="72">
        <v>24</v>
      </c>
      <c r="BP28" s="73">
        <v>33</v>
      </c>
      <c r="BQ28" s="70">
        <v>6</v>
      </c>
      <c r="BR28" s="71">
        <v>2</v>
      </c>
      <c r="BS28" s="72">
        <v>8</v>
      </c>
      <c r="BT28" s="244"/>
      <c r="BU28" s="71">
        <v>7</v>
      </c>
      <c r="BV28" s="71">
        <v>4</v>
      </c>
      <c r="BW28" s="71">
        <v>5</v>
      </c>
      <c r="BX28" s="71">
        <v>4</v>
      </c>
      <c r="BY28" s="71">
        <v>3</v>
      </c>
      <c r="BZ28" s="72">
        <v>23</v>
      </c>
      <c r="CA28" s="73">
        <v>31</v>
      </c>
      <c r="CB28" s="70">
        <v>0</v>
      </c>
      <c r="CC28" s="71">
        <v>0</v>
      </c>
      <c r="CD28" s="72">
        <v>0</v>
      </c>
      <c r="CE28" s="244"/>
      <c r="CF28" s="71">
        <v>0</v>
      </c>
      <c r="CG28" s="71">
        <v>0</v>
      </c>
      <c r="CH28" s="71">
        <v>0</v>
      </c>
      <c r="CI28" s="71">
        <v>0</v>
      </c>
      <c r="CJ28" s="71">
        <v>0</v>
      </c>
      <c r="CK28" s="72">
        <v>0</v>
      </c>
      <c r="CL28" s="73">
        <v>0</v>
      </c>
      <c r="CM28" s="70">
        <v>16</v>
      </c>
      <c r="CN28" s="71">
        <v>23</v>
      </c>
      <c r="CO28" s="72">
        <v>39</v>
      </c>
      <c r="CP28" s="244"/>
      <c r="CQ28" s="71">
        <v>29</v>
      </c>
      <c r="CR28" s="71">
        <v>12</v>
      </c>
      <c r="CS28" s="71">
        <v>16</v>
      </c>
      <c r="CT28" s="71">
        <v>13</v>
      </c>
      <c r="CU28" s="71">
        <v>10</v>
      </c>
      <c r="CV28" s="72">
        <v>80</v>
      </c>
      <c r="CW28" s="73">
        <v>119</v>
      </c>
      <c r="CX28" s="123">
        <v>3</v>
      </c>
      <c r="CY28" s="82">
        <v>4</v>
      </c>
      <c r="CZ28" s="83">
        <v>7</v>
      </c>
      <c r="DA28" s="241"/>
      <c r="DB28" s="82">
        <v>3</v>
      </c>
      <c r="DC28" s="82">
        <v>3</v>
      </c>
      <c r="DD28" s="82">
        <v>0</v>
      </c>
      <c r="DE28" s="82">
        <v>0</v>
      </c>
      <c r="DF28" s="82">
        <v>0</v>
      </c>
      <c r="DG28" s="84">
        <v>6</v>
      </c>
      <c r="DH28" s="85">
        <v>13</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0</v>
      </c>
      <c r="DZ28" s="71">
        <v>0</v>
      </c>
      <c r="EA28" s="71">
        <v>0</v>
      </c>
      <c r="EB28" s="71">
        <v>0</v>
      </c>
      <c r="EC28" s="72">
        <v>0</v>
      </c>
      <c r="ED28" s="73">
        <v>0</v>
      </c>
      <c r="EE28" s="70">
        <v>0</v>
      </c>
      <c r="EF28" s="71">
        <v>1</v>
      </c>
      <c r="EG28" s="72">
        <v>1</v>
      </c>
      <c r="EH28" s="244"/>
      <c r="EI28" s="71">
        <v>0</v>
      </c>
      <c r="EJ28" s="71">
        <v>1</v>
      </c>
      <c r="EK28" s="71">
        <v>0</v>
      </c>
      <c r="EL28" s="71">
        <v>0</v>
      </c>
      <c r="EM28" s="71">
        <v>0</v>
      </c>
      <c r="EN28" s="72">
        <v>1</v>
      </c>
      <c r="EO28" s="73">
        <v>2</v>
      </c>
      <c r="EP28" s="70">
        <v>0</v>
      </c>
      <c r="EQ28" s="71">
        <v>2</v>
      </c>
      <c r="ER28" s="72">
        <v>2</v>
      </c>
      <c r="ES28" s="244"/>
      <c r="ET28" s="71">
        <v>0</v>
      </c>
      <c r="EU28" s="71">
        <v>1</v>
      </c>
      <c r="EV28" s="71">
        <v>0</v>
      </c>
      <c r="EW28" s="71">
        <v>0</v>
      </c>
      <c r="EX28" s="71">
        <v>0</v>
      </c>
      <c r="EY28" s="72">
        <v>1</v>
      </c>
      <c r="EZ28" s="73">
        <v>3</v>
      </c>
      <c r="FA28" s="70">
        <v>1</v>
      </c>
      <c r="FB28" s="71">
        <v>1</v>
      </c>
      <c r="FC28" s="72">
        <v>2</v>
      </c>
      <c r="FD28" s="244"/>
      <c r="FE28" s="71">
        <v>1</v>
      </c>
      <c r="FF28" s="71">
        <v>0</v>
      </c>
      <c r="FG28" s="71">
        <v>0</v>
      </c>
      <c r="FH28" s="71">
        <v>0</v>
      </c>
      <c r="FI28" s="71">
        <v>0</v>
      </c>
      <c r="FJ28" s="72">
        <v>1</v>
      </c>
      <c r="FK28" s="73">
        <v>3</v>
      </c>
      <c r="FL28" s="70">
        <v>2</v>
      </c>
      <c r="FM28" s="71">
        <v>0</v>
      </c>
      <c r="FN28" s="72">
        <v>2</v>
      </c>
      <c r="FO28" s="244"/>
      <c r="FP28" s="71">
        <v>2</v>
      </c>
      <c r="FQ28" s="71">
        <v>1</v>
      </c>
      <c r="FR28" s="71">
        <v>0</v>
      </c>
      <c r="FS28" s="71">
        <v>0</v>
      </c>
      <c r="FT28" s="71">
        <v>0</v>
      </c>
      <c r="FU28" s="72">
        <v>3</v>
      </c>
      <c r="FV28" s="73">
        <v>5</v>
      </c>
      <c r="FW28" s="70">
        <v>0</v>
      </c>
      <c r="FX28" s="71">
        <v>0</v>
      </c>
      <c r="FY28" s="72">
        <v>0</v>
      </c>
      <c r="FZ28" s="244"/>
      <c r="GA28" s="71">
        <v>0</v>
      </c>
      <c r="GB28" s="71">
        <v>0</v>
      </c>
      <c r="GC28" s="71">
        <v>0</v>
      </c>
      <c r="GD28" s="71">
        <v>0</v>
      </c>
      <c r="GE28" s="71">
        <v>0</v>
      </c>
      <c r="GF28" s="72">
        <v>0</v>
      </c>
      <c r="GG28" s="73">
        <v>0</v>
      </c>
      <c r="GH28" s="70">
        <v>3</v>
      </c>
      <c r="GI28" s="71">
        <v>4</v>
      </c>
      <c r="GJ28" s="72">
        <v>7</v>
      </c>
      <c r="GK28" s="244"/>
      <c r="GL28" s="71">
        <v>3</v>
      </c>
      <c r="GM28" s="71">
        <v>3</v>
      </c>
      <c r="GN28" s="71">
        <v>0</v>
      </c>
      <c r="GO28" s="71">
        <v>0</v>
      </c>
      <c r="GP28" s="71">
        <v>0</v>
      </c>
      <c r="GQ28" s="72">
        <v>6</v>
      </c>
      <c r="GR28" s="73">
        <v>13</v>
      </c>
      <c r="GS28" s="123">
        <v>19</v>
      </c>
      <c r="GT28" s="82">
        <v>27</v>
      </c>
      <c r="GU28" s="83">
        <v>46</v>
      </c>
      <c r="GV28" s="241"/>
      <c r="GW28" s="82">
        <v>32</v>
      </c>
      <c r="GX28" s="82">
        <v>15</v>
      </c>
      <c r="GY28" s="82">
        <v>16</v>
      </c>
      <c r="GZ28" s="82">
        <v>13</v>
      </c>
      <c r="HA28" s="82">
        <v>10</v>
      </c>
      <c r="HB28" s="84">
        <v>86</v>
      </c>
      <c r="HC28" s="85">
        <v>132</v>
      </c>
      <c r="HD28" s="70">
        <v>0</v>
      </c>
      <c r="HE28" s="71">
        <v>2</v>
      </c>
      <c r="HF28" s="72">
        <v>2</v>
      </c>
      <c r="HG28" s="244"/>
      <c r="HH28" s="71">
        <v>2</v>
      </c>
      <c r="HI28" s="71">
        <v>0</v>
      </c>
      <c r="HJ28" s="71">
        <v>0</v>
      </c>
      <c r="HK28" s="71">
        <v>0</v>
      </c>
      <c r="HL28" s="71">
        <v>1</v>
      </c>
      <c r="HM28" s="72">
        <v>3</v>
      </c>
      <c r="HN28" s="73">
        <v>5</v>
      </c>
      <c r="HO28" s="70">
        <v>1</v>
      </c>
      <c r="HP28" s="71">
        <v>3</v>
      </c>
      <c r="HQ28" s="72">
        <v>4</v>
      </c>
      <c r="HR28" s="244"/>
      <c r="HS28" s="71">
        <v>4</v>
      </c>
      <c r="HT28" s="71">
        <v>0</v>
      </c>
      <c r="HU28" s="71">
        <v>0</v>
      </c>
      <c r="HV28" s="71">
        <v>1</v>
      </c>
      <c r="HW28" s="71">
        <v>0</v>
      </c>
      <c r="HX28" s="72">
        <v>5</v>
      </c>
      <c r="HY28" s="73">
        <v>9</v>
      </c>
      <c r="HZ28" s="70">
        <v>2</v>
      </c>
      <c r="IA28" s="71">
        <v>5</v>
      </c>
      <c r="IB28" s="72">
        <v>7</v>
      </c>
      <c r="IC28" s="244"/>
      <c r="ID28" s="71">
        <v>2</v>
      </c>
      <c r="IE28" s="71">
        <v>3</v>
      </c>
      <c r="IF28" s="71">
        <v>1</v>
      </c>
      <c r="IG28" s="71">
        <v>3</v>
      </c>
      <c r="IH28" s="71">
        <v>0</v>
      </c>
      <c r="II28" s="72">
        <v>9</v>
      </c>
      <c r="IJ28" s="73">
        <v>16</v>
      </c>
      <c r="IK28" s="70">
        <v>3</v>
      </c>
      <c r="IL28" s="71">
        <v>9</v>
      </c>
      <c r="IM28" s="72">
        <v>12</v>
      </c>
      <c r="IN28" s="244"/>
      <c r="IO28" s="71">
        <v>6</v>
      </c>
      <c r="IP28" s="71">
        <v>3</v>
      </c>
      <c r="IQ28" s="71">
        <v>4</v>
      </c>
      <c r="IR28" s="71">
        <v>2</v>
      </c>
      <c r="IS28" s="71">
        <v>3</v>
      </c>
      <c r="IT28" s="72">
        <v>18</v>
      </c>
      <c r="IU28" s="73">
        <v>30</v>
      </c>
      <c r="IV28" s="70">
        <v>5</v>
      </c>
      <c r="IW28" s="71">
        <v>6</v>
      </c>
      <c r="IX28" s="72">
        <v>11</v>
      </c>
      <c r="IY28" s="244"/>
      <c r="IZ28" s="71">
        <v>9</v>
      </c>
      <c r="JA28" s="71">
        <v>4</v>
      </c>
      <c r="JB28" s="71">
        <v>6</v>
      </c>
      <c r="JC28" s="71">
        <v>3</v>
      </c>
      <c r="JD28" s="71">
        <v>3</v>
      </c>
      <c r="JE28" s="72">
        <v>25</v>
      </c>
      <c r="JF28" s="73">
        <v>36</v>
      </c>
      <c r="JG28" s="70">
        <v>8</v>
      </c>
      <c r="JH28" s="71">
        <v>2</v>
      </c>
      <c r="JI28" s="72">
        <v>10</v>
      </c>
      <c r="JJ28" s="244"/>
      <c r="JK28" s="71">
        <v>9</v>
      </c>
      <c r="JL28" s="71">
        <v>5</v>
      </c>
      <c r="JM28" s="71">
        <v>5</v>
      </c>
      <c r="JN28" s="71">
        <v>4</v>
      </c>
      <c r="JO28" s="71">
        <v>3</v>
      </c>
      <c r="JP28" s="72">
        <v>26</v>
      </c>
      <c r="JQ28" s="73">
        <v>36</v>
      </c>
      <c r="JR28" s="70">
        <v>0</v>
      </c>
      <c r="JS28" s="71">
        <v>0</v>
      </c>
      <c r="JT28" s="72">
        <v>0</v>
      </c>
      <c r="JU28" s="244"/>
      <c r="JV28" s="71">
        <v>0</v>
      </c>
      <c r="JW28" s="71">
        <v>0</v>
      </c>
      <c r="JX28" s="71">
        <v>0</v>
      </c>
      <c r="JY28" s="71">
        <v>0</v>
      </c>
      <c r="JZ28" s="71">
        <v>0</v>
      </c>
      <c r="KA28" s="72">
        <v>0</v>
      </c>
      <c r="KB28" s="73">
        <v>0</v>
      </c>
      <c r="KC28" s="70">
        <v>19</v>
      </c>
      <c r="KD28" s="71">
        <v>27</v>
      </c>
      <c r="KE28" s="72">
        <v>46</v>
      </c>
      <c r="KF28" s="244"/>
      <c r="KG28" s="71">
        <v>32</v>
      </c>
      <c r="KH28" s="71">
        <v>15</v>
      </c>
      <c r="KI28" s="71">
        <v>16</v>
      </c>
      <c r="KJ28" s="71">
        <v>13</v>
      </c>
      <c r="KK28" s="71">
        <v>10</v>
      </c>
      <c r="KL28" s="72">
        <v>86</v>
      </c>
      <c r="KM28" s="73">
        <v>132</v>
      </c>
    </row>
    <row r="29" spans="2:299" ht="21" customHeight="1" x14ac:dyDescent="0.2">
      <c r="B29" s="126" t="s">
        <v>26</v>
      </c>
      <c r="C29" s="313">
        <v>23</v>
      </c>
      <c r="D29" s="82">
        <v>11</v>
      </c>
      <c r="E29" s="83">
        <v>34</v>
      </c>
      <c r="F29" s="241"/>
      <c r="G29" s="82">
        <v>27</v>
      </c>
      <c r="H29" s="82">
        <v>26</v>
      </c>
      <c r="I29" s="82">
        <v>19</v>
      </c>
      <c r="J29" s="82">
        <v>12</v>
      </c>
      <c r="K29" s="82">
        <v>3</v>
      </c>
      <c r="L29" s="84">
        <v>87</v>
      </c>
      <c r="M29" s="85">
        <v>121</v>
      </c>
      <c r="N29" s="70">
        <v>0</v>
      </c>
      <c r="O29" s="71">
        <v>0</v>
      </c>
      <c r="P29" s="72">
        <v>0</v>
      </c>
      <c r="Q29" s="244"/>
      <c r="R29" s="71">
        <v>1</v>
      </c>
      <c r="S29" s="71">
        <v>0</v>
      </c>
      <c r="T29" s="71">
        <v>0</v>
      </c>
      <c r="U29" s="71">
        <v>0</v>
      </c>
      <c r="V29" s="71">
        <v>0</v>
      </c>
      <c r="W29" s="72">
        <v>1</v>
      </c>
      <c r="X29" s="73">
        <v>1</v>
      </c>
      <c r="Y29" s="70">
        <v>1</v>
      </c>
      <c r="Z29" s="71">
        <v>0</v>
      </c>
      <c r="AA29" s="72">
        <v>1</v>
      </c>
      <c r="AB29" s="244"/>
      <c r="AC29" s="71">
        <v>0</v>
      </c>
      <c r="AD29" s="71">
        <v>2</v>
      </c>
      <c r="AE29" s="71">
        <v>0</v>
      </c>
      <c r="AF29" s="71">
        <v>1</v>
      </c>
      <c r="AG29" s="71">
        <v>0</v>
      </c>
      <c r="AH29" s="72">
        <v>3</v>
      </c>
      <c r="AI29" s="73">
        <v>4</v>
      </c>
      <c r="AJ29" s="70">
        <v>2</v>
      </c>
      <c r="AK29" s="71">
        <v>1</v>
      </c>
      <c r="AL29" s="72">
        <v>3</v>
      </c>
      <c r="AM29" s="244"/>
      <c r="AN29" s="71">
        <v>4</v>
      </c>
      <c r="AO29" s="71">
        <v>3</v>
      </c>
      <c r="AP29" s="71">
        <v>2</v>
      </c>
      <c r="AQ29" s="71">
        <v>1</v>
      </c>
      <c r="AR29" s="71">
        <v>0</v>
      </c>
      <c r="AS29" s="72">
        <v>10</v>
      </c>
      <c r="AT29" s="73">
        <v>13</v>
      </c>
      <c r="AU29" s="70">
        <v>3</v>
      </c>
      <c r="AV29" s="71">
        <v>2</v>
      </c>
      <c r="AW29" s="72">
        <v>5</v>
      </c>
      <c r="AX29" s="244"/>
      <c r="AY29" s="71">
        <v>11</v>
      </c>
      <c r="AZ29" s="71">
        <v>7</v>
      </c>
      <c r="BA29" s="71">
        <v>5</v>
      </c>
      <c r="BB29" s="71">
        <v>2</v>
      </c>
      <c r="BC29" s="71">
        <v>0</v>
      </c>
      <c r="BD29" s="72">
        <v>25</v>
      </c>
      <c r="BE29" s="73">
        <v>30</v>
      </c>
      <c r="BF29" s="70">
        <v>6</v>
      </c>
      <c r="BG29" s="71">
        <v>5</v>
      </c>
      <c r="BH29" s="72">
        <v>11</v>
      </c>
      <c r="BI29" s="244"/>
      <c r="BJ29" s="71">
        <v>7</v>
      </c>
      <c r="BK29" s="71">
        <v>8</v>
      </c>
      <c r="BL29" s="71">
        <v>7</v>
      </c>
      <c r="BM29" s="71">
        <v>3</v>
      </c>
      <c r="BN29" s="71">
        <v>1</v>
      </c>
      <c r="BO29" s="72">
        <v>26</v>
      </c>
      <c r="BP29" s="73">
        <v>37</v>
      </c>
      <c r="BQ29" s="70">
        <v>11</v>
      </c>
      <c r="BR29" s="71">
        <v>3</v>
      </c>
      <c r="BS29" s="72">
        <v>14</v>
      </c>
      <c r="BT29" s="244"/>
      <c r="BU29" s="71">
        <v>4</v>
      </c>
      <c r="BV29" s="71">
        <v>6</v>
      </c>
      <c r="BW29" s="71">
        <v>5</v>
      </c>
      <c r="BX29" s="71">
        <v>5</v>
      </c>
      <c r="BY29" s="71">
        <v>2</v>
      </c>
      <c r="BZ29" s="72">
        <v>22</v>
      </c>
      <c r="CA29" s="73">
        <v>36</v>
      </c>
      <c r="CB29" s="70">
        <v>0</v>
      </c>
      <c r="CC29" s="71">
        <v>0</v>
      </c>
      <c r="CD29" s="72">
        <v>0</v>
      </c>
      <c r="CE29" s="244"/>
      <c r="CF29" s="71">
        <v>0</v>
      </c>
      <c r="CG29" s="71">
        <v>0</v>
      </c>
      <c r="CH29" s="71">
        <v>0</v>
      </c>
      <c r="CI29" s="71">
        <v>0</v>
      </c>
      <c r="CJ29" s="71">
        <v>0</v>
      </c>
      <c r="CK29" s="72">
        <v>0</v>
      </c>
      <c r="CL29" s="73">
        <v>0</v>
      </c>
      <c r="CM29" s="70">
        <v>23</v>
      </c>
      <c r="CN29" s="71">
        <v>11</v>
      </c>
      <c r="CO29" s="72">
        <v>34</v>
      </c>
      <c r="CP29" s="244"/>
      <c r="CQ29" s="71">
        <v>27</v>
      </c>
      <c r="CR29" s="71">
        <v>26</v>
      </c>
      <c r="CS29" s="71">
        <v>19</v>
      </c>
      <c r="CT29" s="71">
        <v>12</v>
      </c>
      <c r="CU29" s="71">
        <v>3</v>
      </c>
      <c r="CV29" s="72">
        <v>87</v>
      </c>
      <c r="CW29" s="73">
        <v>121</v>
      </c>
      <c r="CX29" s="123">
        <v>2</v>
      </c>
      <c r="CY29" s="82">
        <v>2</v>
      </c>
      <c r="CZ29" s="83">
        <v>4</v>
      </c>
      <c r="DA29" s="241"/>
      <c r="DB29" s="82">
        <v>5</v>
      </c>
      <c r="DC29" s="82">
        <v>6</v>
      </c>
      <c r="DD29" s="82">
        <v>1</v>
      </c>
      <c r="DE29" s="82">
        <v>0</v>
      </c>
      <c r="DF29" s="82">
        <v>0</v>
      </c>
      <c r="DG29" s="84">
        <v>12</v>
      </c>
      <c r="DH29" s="85">
        <v>16</v>
      </c>
      <c r="DI29" s="70">
        <v>0</v>
      </c>
      <c r="DJ29" s="71">
        <v>0</v>
      </c>
      <c r="DK29" s="72">
        <v>0</v>
      </c>
      <c r="DL29" s="244"/>
      <c r="DM29" s="71">
        <v>0</v>
      </c>
      <c r="DN29" s="71">
        <v>0</v>
      </c>
      <c r="DO29" s="71">
        <v>0</v>
      </c>
      <c r="DP29" s="71">
        <v>0</v>
      </c>
      <c r="DQ29" s="71">
        <v>0</v>
      </c>
      <c r="DR29" s="72">
        <v>0</v>
      </c>
      <c r="DS29" s="73">
        <v>0</v>
      </c>
      <c r="DT29" s="70">
        <v>1</v>
      </c>
      <c r="DU29" s="71">
        <v>0</v>
      </c>
      <c r="DV29" s="72">
        <v>1</v>
      </c>
      <c r="DW29" s="244"/>
      <c r="DX29" s="71">
        <v>0</v>
      </c>
      <c r="DY29" s="71">
        <v>0</v>
      </c>
      <c r="DZ29" s="71">
        <v>0</v>
      </c>
      <c r="EA29" s="71">
        <v>0</v>
      </c>
      <c r="EB29" s="71">
        <v>0</v>
      </c>
      <c r="EC29" s="72">
        <v>0</v>
      </c>
      <c r="ED29" s="73">
        <v>1</v>
      </c>
      <c r="EE29" s="70">
        <v>0</v>
      </c>
      <c r="EF29" s="71">
        <v>0</v>
      </c>
      <c r="EG29" s="72">
        <v>0</v>
      </c>
      <c r="EH29" s="244"/>
      <c r="EI29" s="71">
        <v>0</v>
      </c>
      <c r="EJ29" s="71">
        <v>0</v>
      </c>
      <c r="EK29" s="71">
        <v>0</v>
      </c>
      <c r="EL29" s="71">
        <v>0</v>
      </c>
      <c r="EM29" s="71">
        <v>0</v>
      </c>
      <c r="EN29" s="72">
        <v>0</v>
      </c>
      <c r="EO29" s="73">
        <v>0</v>
      </c>
      <c r="EP29" s="70">
        <v>0</v>
      </c>
      <c r="EQ29" s="71">
        <v>0</v>
      </c>
      <c r="ER29" s="72">
        <v>0</v>
      </c>
      <c r="ES29" s="244"/>
      <c r="ET29" s="71">
        <v>1</v>
      </c>
      <c r="EU29" s="71">
        <v>1</v>
      </c>
      <c r="EV29" s="71">
        <v>0</v>
      </c>
      <c r="EW29" s="71">
        <v>0</v>
      </c>
      <c r="EX29" s="71">
        <v>0</v>
      </c>
      <c r="EY29" s="72">
        <v>2</v>
      </c>
      <c r="EZ29" s="73">
        <v>2</v>
      </c>
      <c r="FA29" s="70">
        <v>0</v>
      </c>
      <c r="FB29" s="71">
        <v>1</v>
      </c>
      <c r="FC29" s="72">
        <v>1</v>
      </c>
      <c r="FD29" s="244"/>
      <c r="FE29" s="71">
        <v>2</v>
      </c>
      <c r="FF29" s="71">
        <v>2</v>
      </c>
      <c r="FG29" s="71">
        <v>0</v>
      </c>
      <c r="FH29" s="71">
        <v>0</v>
      </c>
      <c r="FI29" s="71">
        <v>0</v>
      </c>
      <c r="FJ29" s="72">
        <v>4</v>
      </c>
      <c r="FK29" s="73">
        <v>5</v>
      </c>
      <c r="FL29" s="70">
        <v>1</v>
      </c>
      <c r="FM29" s="71">
        <v>1</v>
      </c>
      <c r="FN29" s="72">
        <v>2</v>
      </c>
      <c r="FO29" s="244"/>
      <c r="FP29" s="71">
        <v>2</v>
      </c>
      <c r="FQ29" s="71">
        <v>3</v>
      </c>
      <c r="FR29" s="71">
        <v>1</v>
      </c>
      <c r="FS29" s="71">
        <v>0</v>
      </c>
      <c r="FT29" s="71">
        <v>0</v>
      </c>
      <c r="FU29" s="72">
        <v>6</v>
      </c>
      <c r="FV29" s="73">
        <v>8</v>
      </c>
      <c r="FW29" s="70">
        <v>0</v>
      </c>
      <c r="FX29" s="71">
        <v>0</v>
      </c>
      <c r="FY29" s="72">
        <v>0</v>
      </c>
      <c r="FZ29" s="244"/>
      <c r="GA29" s="71">
        <v>0</v>
      </c>
      <c r="GB29" s="71">
        <v>0</v>
      </c>
      <c r="GC29" s="71">
        <v>0</v>
      </c>
      <c r="GD29" s="71">
        <v>0</v>
      </c>
      <c r="GE29" s="71">
        <v>0</v>
      </c>
      <c r="GF29" s="72">
        <v>0</v>
      </c>
      <c r="GG29" s="73">
        <v>0</v>
      </c>
      <c r="GH29" s="70">
        <v>2</v>
      </c>
      <c r="GI29" s="71">
        <v>2</v>
      </c>
      <c r="GJ29" s="72">
        <v>4</v>
      </c>
      <c r="GK29" s="244"/>
      <c r="GL29" s="71">
        <v>5</v>
      </c>
      <c r="GM29" s="71">
        <v>6</v>
      </c>
      <c r="GN29" s="71">
        <v>1</v>
      </c>
      <c r="GO29" s="71">
        <v>0</v>
      </c>
      <c r="GP29" s="71">
        <v>0</v>
      </c>
      <c r="GQ29" s="72">
        <v>12</v>
      </c>
      <c r="GR29" s="73">
        <v>16</v>
      </c>
      <c r="GS29" s="123">
        <v>25</v>
      </c>
      <c r="GT29" s="82">
        <v>13</v>
      </c>
      <c r="GU29" s="83">
        <v>38</v>
      </c>
      <c r="GV29" s="241"/>
      <c r="GW29" s="82">
        <v>32</v>
      </c>
      <c r="GX29" s="82">
        <v>32</v>
      </c>
      <c r="GY29" s="82">
        <v>20</v>
      </c>
      <c r="GZ29" s="82">
        <v>12</v>
      </c>
      <c r="HA29" s="82">
        <v>3</v>
      </c>
      <c r="HB29" s="84">
        <v>99</v>
      </c>
      <c r="HC29" s="85">
        <v>137</v>
      </c>
      <c r="HD29" s="70">
        <v>0</v>
      </c>
      <c r="HE29" s="71">
        <v>0</v>
      </c>
      <c r="HF29" s="72">
        <v>0</v>
      </c>
      <c r="HG29" s="244"/>
      <c r="HH29" s="71">
        <v>1</v>
      </c>
      <c r="HI29" s="71">
        <v>0</v>
      </c>
      <c r="HJ29" s="71">
        <v>0</v>
      </c>
      <c r="HK29" s="71">
        <v>0</v>
      </c>
      <c r="HL29" s="71">
        <v>0</v>
      </c>
      <c r="HM29" s="72">
        <v>1</v>
      </c>
      <c r="HN29" s="73">
        <v>1</v>
      </c>
      <c r="HO29" s="70">
        <v>2</v>
      </c>
      <c r="HP29" s="71">
        <v>0</v>
      </c>
      <c r="HQ29" s="72">
        <v>2</v>
      </c>
      <c r="HR29" s="244"/>
      <c r="HS29" s="71">
        <v>0</v>
      </c>
      <c r="HT29" s="71">
        <v>2</v>
      </c>
      <c r="HU29" s="71">
        <v>0</v>
      </c>
      <c r="HV29" s="71">
        <v>1</v>
      </c>
      <c r="HW29" s="71">
        <v>0</v>
      </c>
      <c r="HX29" s="72">
        <v>3</v>
      </c>
      <c r="HY29" s="73">
        <v>5</v>
      </c>
      <c r="HZ29" s="70">
        <v>2</v>
      </c>
      <c r="IA29" s="71">
        <v>1</v>
      </c>
      <c r="IB29" s="72">
        <v>3</v>
      </c>
      <c r="IC29" s="244"/>
      <c r="ID29" s="71">
        <v>4</v>
      </c>
      <c r="IE29" s="71">
        <v>3</v>
      </c>
      <c r="IF29" s="71">
        <v>2</v>
      </c>
      <c r="IG29" s="71">
        <v>1</v>
      </c>
      <c r="IH29" s="71">
        <v>0</v>
      </c>
      <c r="II29" s="72">
        <v>10</v>
      </c>
      <c r="IJ29" s="73">
        <v>13</v>
      </c>
      <c r="IK29" s="70">
        <v>3</v>
      </c>
      <c r="IL29" s="71">
        <v>2</v>
      </c>
      <c r="IM29" s="72">
        <v>5</v>
      </c>
      <c r="IN29" s="244"/>
      <c r="IO29" s="71">
        <v>12</v>
      </c>
      <c r="IP29" s="71">
        <v>8</v>
      </c>
      <c r="IQ29" s="71">
        <v>5</v>
      </c>
      <c r="IR29" s="71">
        <v>2</v>
      </c>
      <c r="IS29" s="71">
        <v>0</v>
      </c>
      <c r="IT29" s="72">
        <v>27</v>
      </c>
      <c r="IU29" s="73">
        <v>32</v>
      </c>
      <c r="IV29" s="70">
        <v>6</v>
      </c>
      <c r="IW29" s="71">
        <v>6</v>
      </c>
      <c r="IX29" s="72">
        <v>12</v>
      </c>
      <c r="IY29" s="244"/>
      <c r="IZ29" s="71">
        <v>9</v>
      </c>
      <c r="JA29" s="71">
        <v>10</v>
      </c>
      <c r="JB29" s="71">
        <v>7</v>
      </c>
      <c r="JC29" s="71">
        <v>3</v>
      </c>
      <c r="JD29" s="71">
        <v>1</v>
      </c>
      <c r="JE29" s="72">
        <v>30</v>
      </c>
      <c r="JF29" s="73">
        <v>42</v>
      </c>
      <c r="JG29" s="70">
        <v>12</v>
      </c>
      <c r="JH29" s="71">
        <v>4</v>
      </c>
      <c r="JI29" s="72">
        <v>16</v>
      </c>
      <c r="JJ29" s="244"/>
      <c r="JK29" s="71">
        <v>6</v>
      </c>
      <c r="JL29" s="71">
        <v>9</v>
      </c>
      <c r="JM29" s="71">
        <v>6</v>
      </c>
      <c r="JN29" s="71">
        <v>5</v>
      </c>
      <c r="JO29" s="71">
        <v>2</v>
      </c>
      <c r="JP29" s="72">
        <v>28</v>
      </c>
      <c r="JQ29" s="73">
        <v>44</v>
      </c>
      <c r="JR29" s="70">
        <v>0</v>
      </c>
      <c r="JS29" s="71">
        <v>0</v>
      </c>
      <c r="JT29" s="72">
        <v>0</v>
      </c>
      <c r="JU29" s="244"/>
      <c r="JV29" s="71">
        <v>0</v>
      </c>
      <c r="JW29" s="71">
        <v>0</v>
      </c>
      <c r="JX29" s="71">
        <v>0</v>
      </c>
      <c r="JY29" s="71">
        <v>0</v>
      </c>
      <c r="JZ29" s="71">
        <v>0</v>
      </c>
      <c r="KA29" s="72">
        <v>0</v>
      </c>
      <c r="KB29" s="73">
        <v>0</v>
      </c>
      <c r="KC29" s="70">
        <v>25</v>
      </c>
      <c r="KD29" s="71">
        <v>13</v>
      </c>
      <c r="KE29" s="72">
        <v>38</v>
      </c>
      <c r="KF29" s="244"/>
      <c r="KG29" s="71">
        <v>32</v>
      </c>
      <c r="KH29" s="71">
        <v>32</v>
      </c>
      <c r="KI29" s="71">
        <v>20</v>
      </c>
      <c r="KJ29" s="71">
        <v>12</v>
      </c>
      <c r="KK29" s="71">
        <v>3</v>
      </c>
      <c r="KL29" s="72">
        <v>99</v>
      </c>
      <c r="KM29" s="73">
        <v>137</v>
      </c>
    </row>
    <row r="30" spans="2:299" ht="21" customHeight="1" x14ac:dyDescent="0.2">
      <c r="B30" s="126" t="s">
        <v>27</v>
      </c>
      <c r="C30" s="313">
        <v>15</v>
      </c>
      <c r="D30" s="82">
        <v>24</v>
      </c>
      <c r="E30" s="83">
        <v>39</v>
      </c>
      <c r="F30" s="241"/>
      <c r="G30" s="82">
        <v>17</v>
      </c>
      <c r="H30" s="82">
        <v>19</v>
      </c>
      <c r="I30" s="82">
        <v>18</v>
      </c>
      <c r="J30" s="82">
        <v>13</v>
      </c>
      <c r="K30" s="82">
        <v>7</v>
      </c>
      <c r="L30" s="84">
        <v>74</v>
      </c>
      <c r="M30" s="85">
        <v>113</v>
      </c>
      <c r="N30" s="70">
        <v>0</v>
      </c>
      <c r="O30" s="71">
        <v>0</v>
      </c>
      <c r="P30" s="72">
        <v>0</v>
      </c>
      <c r="Q30" s="244"/>
      <c r="R30" s="71">
        <v>0</v>
      </c>
      <c r="S30" s="71">
        <v>1</v>
      </c>
      <c r="T30" s="71">
        <v>0</v>
      </c>
      <c r="U30" s="71">
        <v>0</v>
      </c>
      <c r="V30" s="71">
        <v>0</v>
      </c>
      <c r="W30" s="72">
        <v>1</v>
      </c>
      <c r="X30" s="73">
        <v>1</v>
      </c>
      <c r="Y30" s="70">
        <v>0</v>
      </c>
      <c r="Z30" s="71">
        <v>2</v>
      </c>
      <c r="AA30" s="72">
        <v>2</v>
      </c>
      <c r="AB30" s="244"/>
      <c r="AC30" s="71">
        <v>0</v>
      </c>
      <c r="AD30" s="71">
        <v>1</v>
      </c>
      <c r="AE30" s="71">
        <v>0</v>
      </c>
      <c r="AF30" s="71">
        <v>0</v>
      </c>
      <c r="AG30" s="71">
        <v>1</v>
      </c>
      <c r="AH30" s="72">
        <v>2</v>
      </c>
      <c r="AI30" s="73">
        <v>4</v>
      </c>
      <c r="AJ30" s="70">
        <v>2</v>
      </c>
      <c r="AK30" s="71">
        <v>2</v>
      </c>
      <c r="AL30" s="72">
        <v>4</v>
      </c>
      <c r="AM30" s="244"/>
      <c r="AN30" s="71">
        <v>0</v>
      </c>
      <c r="AO30" s="71">
        <v>0</v>
      </c>
      <c r="AP30" s="71">
        <v>1</v>
      </c>
      <c r="AQ30" s="71">
        <v>1</v>
      </c>
      <c r="AR30" s="71">
        <v>0</v>
      </c>
      <c r="AS30" s="72">
        <v>2</v>
      </c>
      <c r="AT30" s="73">
        <v>6</v>
      </c>
      <c r="AU30" s="70">
        <v>5</v>
      </c>
      <c r="AV30" s="71">
        <v>3</v>
      </c>
      <c r="AW30" s="72">
        <v>8</v>
      </c>
      <c r="AX30" s="244"/>
      <c r="AY30" s="71">
        <v>6</v>
      </c>
      <c r="AZ30" s="71">
        <v>4</v>
      </c>
      <c r="BA30" s="71">
        <v>5</v>
      </c>
      <c r="BB30" s="71">
        <v>2</v>
      </c>
      <c r="BC30" s="71">
        <v>2</v>
      </c>
      <c r="BD30" s="72">
        <v>19</v>
      </c>
      <c r="BE30" s="73">
        <v>27</v>
      </c>
      <c r="BF30" s="70">
        <v>3</v>
      </c>
      <c r="BG30" s="71">
        <v>9</v>
      </c>
      <c r="BH30" s="72">
        <v>12</v>
      </c>
      <c r="BI30" s="244"/>
      <c r="BJ30" s="71">
        <v>3</v>
      </c>
      <c r="BK30" s="71">
        <v>6</v>
      </c>
      <c r="BL30" s="71">
        <v>7</v>
      </c>
      <c r="BM30" s="71">
        <v>4</v>
      </c>
      <c r="BN30" s="71">
        <v>2</v>
      </c>
      <c r="BO30" s="72">
        <v>22</v>
      </c>
      <c r="BP30" s="73">
        <v>34</v>
      </c>
      <c r="BQ30" s="70">
        <v>5</v>
      </c>
      <c r="BR30" s="71">
        <v>8</v>
      </c>
      <c r="BS30" s="72">
        <v>13</v>
      </c>
      <c r="BT30" s="244"/>
      <c r="BU30" s="71">
        <v>8</v>
      </c>
      <c r="BV30" s="71">
        <v>7</v>
      </c>
      <c r="BW30" s="71">
        <v>5</v>
      </c>
      <c r="BX30" s="71">
        <v>6</v>
      </c>
      <c r="BY30" s="71">
        <v>2</v>
      </c>
      <c r="BZ30" s="72">
        <v>28</v>
      </c>
      <c r="CA30" s="73">
        <v>41</v>
      </c>
      <c r="CB30" s="70">
        <v>0</v>
      </c>
      <c r="CC30" s="71">
        <v>0</v>
      </c>
      <c r="CD30" s="72">
        <v>0</v>
      </c>
      <c r="CE30" s="244"/>
      <c r="CF30" s="71">
        <v>0</v>
      </c>
      <c r="CG30" s="71">
        <v>0</v>
      </c>
      <c r="CH30" s="71">
        <v>0</v>
      </c>
      <c r="CI30" s="71">
        <v>0</v>
      </c>
      <c r="CJ30" s="71">
        <v>0</v>
      </c>
      <c r="CK30" s="72">
        <v>0</v>
      </c>
      <c r="CL30" s="73">
        <v>0</v>
      </c>
      <c r="CM30" s="70">
        <v>15</v>
      </c>
      <c r="CN30" s="71">
        <v>24</v>
      </c>
      <c r="CO30" s="72">
        <v>39</v>
      </c>
      <c r="CP30" s="244"/>
      <c r="CQ30" s="71">
        <v>17</v>
      </c>
      <c r="CR30" s="71">
        <v>19</v>
      </c>
      <c r="CS30" s="71">
        <v>18</v>
      </c>
      <c r="CT30" s="71">
        <v>13</v>
      </c>
      <c r="CU30" s="71">
        <v>7</v>
      </c>
      <c r="CV30" s="72">
        <v>74</v>
      </c>
      <c r="CW30" s="73">
        <v>113</v>
      </c>
      <c r="CX30" s="123">
        <v>3</v>
      </c>
      <c r="CY30" s="82">
        <v>4</v>
      </c>
      <c r="CZ30" s="83">
        <v>7</v>
      </c>
      <c r="DA30" s="241"/>
      <c r="DB30" s="82">
        <v>4</v>
      </c>
      <c r="DC30" s="82">
        <v>2</v>
      </c>
      <c r="DD30" s="82">
        <v>2</v>
      </c>
      <c r="DE30" s="82">
        <v>4</v>
      </c>
      <c r="DF30" s="82">
        <v>1</v>
      </c>
      <c r="DG30" s="84">
        <v>13</v>
      </c>
      <c r="DH30" s="85">
        <v>20</v>
      </c>
      <c r="DI30" s="70">
        <v>0</v>
      </c>
      <c r="DJ30" s="71">
        <v>1</v>
      </c>
      <c r="DK30" s="72">
        <v>1</v>
      </c>
      <c r="DL30" s="244"/>
      <c r="DM30" s="71">
        <v>0</v>
      </c>
      <c r="DN30" s="71">
        <v>0</v>
      </c>
      <c r="DO30" s="71">
        <v>0</v>
      </c>
      <c r="DP30" s="71">
        <v>0</v>
      </c>
      <c r="DQ30" s="71">
        <v>0</v>
      </c>
      <c r="DR30" s="72">
        <v>0</v>
      </c>
      <c r="DS30" s="73">
        <v>1</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1</v>
      </c>
      <c r="EU30" s="71">
        <v>0</v>
      </c>
      <c r="EV30" s="71">
        <v>0</v>
      </c>
      <c r="EW30" s="71">
        <v>0</v>
      </c>
      <c r="EX30" s="71">
        <v>0</v>
      </c>
      <c r="EY30" s="72">
        <v>1</v>
      </c>
      <c r="EZ30" s="73">
        <v>1</v>
      </c>
      <c r="FA30" s="70">
        <v>2</v>
      </c>
      <c r="FB30" s="71">
        <v>0</v>
      </c>
      <c r="FC30" s="72">
        <v>2</v>
      </c>
      <c r="FD30" s="244"/>
      <c r="FE30" s="71">
        <v>2</v>
      </c>
      <c r="FF30" s="71">
        <v>2</v>
      </c>
      <c r="FG30" s="71">
        <v>0</v>
      </c>
      <c r="FH30" s="71">
        <v>0</v>
      </c>
      <c r="FI30" s="71">
        <v>0</v>
      </c>
      <c r="FJ30" s="72">
        <v>4</v>
      </c>
      <c r="FK30" s="73">
        <v>6</v>
      </c>
      <c r="FL30" s="70">
        <v>1</v>
      </c>
      <c r="FM30" s="71">
        <v>3</v>
      </c>
      <c r="FN30" s="72">
        <v>4</v>
      </c>
      <c r="FO30" s="244"/>
      <c r="FP30" s="71">
        <v>1</v>
      </c>
      <c r="FQ30" s="71">
        <v>0</v>
      </c>
      <c r="FR30" s="71">
        <v>2</v>
      </c>
      <c r="FS30" s="71">
        <v>4</v>
      </c>
      <c r="FT30" s="71">
        <v>1</v>
      </c>
      <c r="FU30" s="72">
        <v>8</v>
      </c>
      <c r="FV30" s="73">
        <v>12</v>
      </c>
      <c r="FW30" s="70">
        <v>0</v>
      </c>
      <c r="FX30" s="71">
        <v>0</v>
      </c>
      <c r="FY30" s="72">
        <v>0</v>
      </c>
      <c r="FZ30" s="244"/>
      <c r="GA30" s="71">
        <v>0</v>
      </c>
      <c r="GB30" s="71">
        <v>0</v>
      </c>
      <c r="GC30" s="71">
        <v>0</v>
      </c>
      <c r="GD30" s="71">
        <v>0</v>
      </c>
      <c r="GE30" s="71">
        <v>0</v>
      </c>
      <c r="GF30" s="72">
        <v>0</v>
      </c>
      <c r="GG30" s="73">
        <v>0</v>
      </c>
      <c r="GH30" s="70">
        <v>3</v>
      </c>
      <c r="GI30" s="71">
        <v>4</v>
      </c>
      <c r="GJ30" s="72">
        <v>7</v>
      </c>
      <c r="GK30" s="244"/>
      <c r="GL30" s="71">
        <v>4</v>
      </c>
      <c r="GM30" s="71">
        <v>2</v>
      </c>
      <c r="GN30" s="71">
        <v>2</v>
      </c>
      <c r="GO30" s="71">
        <v>4</v>
      </c>
      <c r="GP30" s="71">
        <v>1</v>
      </c>
      <c r="GQ30" s="72">
        <v>13</v>
      </c>
      <c r="GR30" s="73">
        <v>20</v>
      </c>
      <c r="GS30" s="123">
        <v>18</v>
      </c>
      <c r="GT30" s="82">
        <v>28</v>
      </c>
      <c r="GU30" s="83">
        <v>46</v>
      </c>
      <c r="GV30" s="241"/>
      <c r="GW30" s="82">
        <v>21</v>
      </c>
      <c r="GX30" s="82">
        <v>21</v>
      </c>
      <c r="GY30" s="82">
        <v>20</v>
      </c>
      <c r="GZ30" s="82">
        <v>17</v>
      </c>
      <c r="HA30" s="82">
        <v>8</v>
      </c>
      <c r="HB30" s="84">
        <v>87</v>
      </c>
      <c r="HC30" s="85">
        <v>133</v>
      </c>
      <c r="HD30" s="70">
        <v>0</v>
      </c>
      <c r="HE30" s="71">
        <v>1</v>
      </c>
      <c r="HF30" s="72">
        <v>1</v>
      </c>
      <c r="HG30" s="244"/>
      <c r="HH30" s="71">
        <v>0</v>
      </c>
      <c r="HI30" s="71">
        <v>1</v>
      </c>
      <c r="HJ30" s="71">
        <v>0</v>
      </c>
      <c r="HK30" s="71">
        <v>0</v>
      </c>
      <c r="HL30" s="71">
        <v>0</v>
      </c>
      <c r="HM30" s="72">
        <v>1</v>
      </c>
      <c r="HN30" s="73">
        <v>2</v>
      </c>
      <c r="HO30" s="70">
        <v>0</v>
      </c>
      <c r="HP30" s="71">
        <v>2</v>
      </c>
      <c r="HQ30" s="72">
        <v>2</v>
      </c>
      <c r="HR30" s="244"/>
      <c r="HS30" s="71">
        <v>0</v>
      </c>
      <c r="HT30" s="71">
        <v>1</v>
      </c>
      <c r="HU30" s="71">
        <v>0</v>
      </c>
      <c r="HV30" s="71">
        <v>0</v>
      </c>
      <c r="HW30" s="71">
        <v>1</v>
      </c>
      <c r="HX30" s="72">
        <v>2</v>
      </c>
      <c r="HY30" s="73">
        <v>4</v>
      </c>
      <c r="HZ30" s="70">
        <v>2</v>
      </c>
      <c r="IA30" s="71">
        <v>2</v>
      </c>
      <c r="IB30" s="72">
        <v>4</v>
      </c>
      <c r="IC30" s="244"/>
      <c r="ID30" s="71">
        <v>0</v>
      </c>
      <c r="IE30" s="71">
        <v>0</v>
      </c>
      <c r="IF30" s="71">
        <v>1</v>
      </c>
      <c r="IG30" s="71">
        <v>1</v>
      </c>
      <c r="IH30" s="71">
        <v>0</v>
      </c>
      <c r="II30" s="72">
        <v>2</v>
      </c>
      <c r="IJ30" s="73">
        <v>6</v>
      </c>
      <c r="IK30" s="70">
        <v>5</v>
      </c>
      <c r="IL30" s="71">
        <v>3</v>
      </c>
      <c r="IM30" s="72">
        <v>8</v>
      </c>
      <c r="IN30" s="244"/>
      <c r="IO30" s="71">
        <v>7</v>
      </c>
      <c r="IP30" s="71">
        <v>4</v>
      </c>
      <c r="IQ30" s="71">
        <v>5</v>
      </c>
      <c r="IR30" s="71">
        <v>2</v>
      </c>
      <c r="IS30" s="71">
        <v>2</v>
      </c>
      <c r="IT30" s="72">
        <v>20</v>
      </c>
      <c r="IU30" s="73">
        <v>28</v>
      </c>
      <c r="IV30" s="70">
        <v>5</v>
      </c>
      <c r="IW30" s="71">
        <v>9</v>
      </c>
      <c r="IX30" s="72">
        <v>14</v>
      </c>
      <c r="IY30" s="244"/>
      <c r="IZ30" s="71">
        <v>5</v>
      </c>
      <c r="JA30" s="71">
        <v>8</v>
      </c>
      <c r="JB30" s="71">
        <v>7</v>
      </c>
      <c r="JC30" s="71">
        <v>4</v>
      </c>
      <c r="JD30" s="71">
        <v>2</v>
      </c>
      <c r="JE30" s="72">
        <v>26</v>
      </c>
      <c r="JF30" s="73">
        <v>40</v>
      </c>
      <c r="JG30" s="70">
        <v>6</v>
      </c>
      <c r="JH30" s="71">
        <v>11</v>
      </c>
      <c r="JI30" s="72">
        <v>17</v>
      </c>
      <c r="JJ30" s="244"/>
      <c r="JK30" s="71">
        <v>9</v>
      </c>
      <c r="JL30" s="71">
        <v>7</v>
      </c>
      <c r="JM30" s="71">
        <v>7</v>
      </c>
      <c r="JN30" s="71">
        <v>10</v>
      </c>
      <c r="JO30" s="71">
        <v>3</v>
      </c>
      <c r="JP30" s="72">
        <v>36</v>
      </c>
      <c r="JQ30" s="73">
        <v>53</v>
      </c>
      <c r="JR30" s="70">
        <v>0</v>
      </c>
      <c r="JS30" s="71">
        <v>0</v>
      </c>
      <c r="JT30" s="72">
        <v>0</v>
      </c>
      <c r="JU30" s="244"/>
      <c r="JV30" s="71">
        <v>0</v>
      </c>
      <c r="JW30" s="71">
        <v>0</v>
      </c>
      <c r="JX30" s="71">
        <v>0</v>
      </c>
      <c r="JY30" s="71">
        <v>0</v>
      </c>
      <c r="JZ30" s="71">
        <v>0</v>
      </c>
      <c r="KA30" s="72">
        <v>0</v>
      </c>
      <c r="KB30" s="73">
        <v>0</v>
      </c>
      <c r="KC30" s="70">
        <v>18</v>
      </c>
      <c r="KD30" s="71">
        <v>28</v>
      </c>
      <c r="KE30" s="72">
        <v>46</v>
      </c>
      <c r="KF30" s="244"/>
      <c r="KG30" s="71">
        <v>21</v>
      </c>
      <c r="KH30" s="71">
        <v>21</v>
      </c>
      <c r="KI30" s="71">
        <v>20</v>
      </c>
      <c r="KJ30" s="71">
        <v>17</v>
      </c>
      <c r="KK30" s="71">
        <v>8</v>
      </c>
      <c r="KL30" s="72">
        <v>87</v>
      </c>
      <c r="KM30" s="73">
        <v>133</v>
      </c>
    </row>
    <row r="31" spans="2:299" ht="21" customHeight="1" x14ac:dyDescent="0.2">
      <c r="B31" s="126" t="s">
        <v>28</v>
      </c>
      <c r="C31" s="313">
        <v>1</v>
      </c>
      <c r="D31" s="82">
        <v>2</v>
      </c>
      <c r="E31" s="83">
        <v>3</v>
      </c>
      <c r="F31" s="241"/>
      <c r="G31" s="82">
        <v>7</v>
      </c>
      <c r="H31" s="82">
        <v>8</v>
      </c>
      <c r="I31" s="82">
        <v>1</v>
      </c>
      <c r="J31" s="82">
        <v>3</v>
      </c>
      <c r="K31" s="82">
        <v>0</v>
      </c>
      <c r="L31" s="84">
        <v>19</v>
      </c>
      <c r="M31" s="85">
        <v>22</v>
      </c>
      <c r="N31" s="70">
        <v>0</v>
      </c>
      <c r="O31" s="71">
        <v>0</v>
      </c>
      <c r="P31" s="72">
        <v>0</v>
      </c>
      <c r="Q31" s="244"/>
      <c r="R31" s="71">
        <v>0</v>
      </c>
      <c r="S31" s="71">
        <v>0</v>
      </c>
      <c r="T31" s="71">
        <v>0</v>
      </c>
      <c r="U31" s="71">
        <v>0</v>
      </c>
      <c r="V31" s="71">
        <v>0</v>
      </c>
      <c r="W31" s="72">
        <v>0</v>
      </c>
      <c r="X31" s="73">
        <v>0</v>
      </c>
      <c r="Y31" s="70">
        <v>0</v>
      </c>
      <c r="Z31" s="71">
        <v>0</v>
      </c>
      <c r="AA31" s="72">
        <v>0</v>
      </c>
      <c r="AB31" s="244"/>
      <c r="AC31" s="71">
        <v>1</v>
      </c>
      <c r="AD31" s="71">
        <v>0</v>
      </c>
      <c r="AE31" s="71">
        <v>0</v>
      </c>
      <c r="AF31" s="71">
        <v>0</v>
      </c>
      <c r="AG31" s="71">
        <v>0</v>
      </c>
      <c r="AH31" s="72">
        <v>1</v>
      </c>
      <c r="AI31" s="73">
        <v>1</v>
      </c>
      <c r="AJ31" s="70">
        <v>0</v>
      </c>
      <c r="AK31" s="71">
        <v>0</v>
      </c>
      <c r="AL31" s="72">
        <v>0</v>
      </c>
      <c r="AM31" s="244"/>
      <c r="AN31" s="71">
        <v>0</v>
      </c>
      <c r="AO31" s="71">
        <v>1</v>
      </c>
      <c r="AP31" s="71">
        <v>0</v>
      </c>
      <c r="AQ31" s="71">
        <v>1</v>
      </c>
      <c r="AR31" s="71">
        <v>0</v>
      </c>
      <c r="AS31" s="72">
        <v>2</v>
      </c>
      <c r="AT31" s="73">
        <v>2</v>
      </c>
      <c r="AU31" s="70">
        <v>1</v>
      </c>
      <c r="AV31" s="71">
        <v>0</v>
      </c>
      <c r="AW31" s="72">
        <v>1</v>
      </c>
      <c r="AX31" s="244"/>
      <c r="AY31" s="71">
        <v>1</v>
      </c>
      <c r="AZ31" s="71">
        <v>3</v>
      </c>
      <c r="BA31" s="71">
        <v>0</v>
      </c>
      <c r="BB31" s="71">
        <v>1</v>
      </c>
      <c r="BC31" s="71">
        <v>0</v>
      </c>
      <c r="BD31" s="72">
        <v>5</v>
      </c>
      <c r="BE31" s="73">
        <v>6</v>
      </c>
      <c r="BF31" s="70">
        <v>0</v>
      </c>
      <c r="BG31" s="71">
        <v>2</v>
      </c>
      <c r="BH31" s="72">
        <v>2</v>
      </c>
      <c r="BI31" s="244"/>
      <c r="BJ31" s="71">
        <v>3</v>
      </c>
      <c r="BK31" s="71">
        <v>2</v>
      </c>
      <c r="BL31" s="71">
        <v>1</v>
      </c>
      <c r="BM31" s="71">
        <v>0</v>
      </c>
      <c r="BN31" s="71">
        <v>0</v>
      </c>
      <c r="BO31" s="72">
        <v>6</v>
      </c>
      <c r="BP31" s="73">
        <v>8</v>
      </c>
      <c r="BQ31" s="70">
        <v>0</v>
      </c>
      <c r="BR31" s="71">
        <v>0</v>
      </c>
      <c r="BS31" s="72">
        <v>0</v>
      </c>
      <c r="BT31" s="244"/>
      <c r="BU31" s="71">
        <v>2</v>
      </c>
      <c r="BV31" s="71">
        <v>2</v>
      </c>
      <c r="BW31" s="71">
        <v>0</v>
      </c>
      <c r="BX31" s="71">
        <v>1</v>
      </c>
      <c r="BY31" s="71">
        <v>0</v>
      </c>
      <c r="BZ31" s="72">
        <v>5</v>
      </c>
      <c r="CA31" s="73">
        <v>5</v>
      </c>
      <c r="CB31" s="70">
        <v>0</v>
      </c>
      <c r="CC31" s="71">
        <v>0</v>
      </c>
      <c r="CD31" s="72">
        <v>0</v>
      </c>
      <c r="CE31" s="244"/>
      <c r="CF31" s="71">
        <v>0</v>
      </c>
      <c r="CG31" s="71">
        <v>0</v>
      </c>
      <c r="CH31" s="71">
        <v>0</v>
      </c>
      <c r="CI31" s="71">
        <v>0</v>
      </c>
      <c r="CJ31" s="71">
        <v>0</v>
      </c>
      <c r="CK31" s="72">
        <v>0</v>
      </c>
      <c r="CL31" s="73">
        <v>0</v>
      </c>
      <c r="CM31" s="70">
        <v>1</v>
      </c>
      <c r="CN31" s="71">
        <v>2</v>
      </c>
      <c r="CO31" s="72">
        <v>3</v>
      </c>
      <c r="CP31" s="244"/>
      <c r="CQ31" s="71">
        <v>7</v>
      </c>
      <c r="CR31" s="71">
        <v>8</v>
      </c>
      <c r="CS31" s="71">
        <v>1</v>
      </c>
      <c r="CT31" s="71">
        <v>3</v>
      </c>
      <c r="CU31" s="71">
        <v>0</v>
      </c>
      <c r="CV31" s="72">
        <v>19</v>
      </c>
      <c r="CW31" s="73">
        <v>22</v>
      </c>
      <c r="CX31" s="123">
        <v>0</v>
      </c>
      <c r="CY31" s="82">
        <v>2</v>
      </c>
      <c r="CZ31" s="83">
        <v>2</v>
      </c>
      <c r="DA31" s="241"/>
      <c r="DB31" s="82">
        <v>3</v>
      </c>
      <c r="DC31" s="82">
        <v>1</v>
      </c>
      <c r="DD31" s="82">
        <v>0</v>
      </c>
      <c r="DE31" s="82">
        <v>1</v>
      </c>
      <c r="DF31" s="82">
        <v>1</v>
      </c>
      <c r="DG31" s="84">
        <v>6</v>
      </c>
      <c r="DH31" s="85">
        <v>8</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0</v>
      </c>
      <c r="EU31" s="71">
        <v>0</v>
      </c>
      <c r="EV31" s="71">
        <v>0</v>
      </c>
      <c r="EW31" s="71">
        <v>0</v>
      </c>
      <c r="EX31" s="71">
        <v>1</v>
      </c>
      <c r="EY31" s="72">
        <v>1</v>
      </c>
      <c r="EZ31" s="73">
        <v>1</v>
      </c>
      <c r="FA31" s="70">
        <v>0</v>
      </c>
      <c r="FB31" s="71">
        <v>0</v>
      </c>
      <c r="FC31" s="72">
        <v>0</v>
      </c>
      <c r="FD31" s="244"/>
      <c r="FE31" s="71">
        <v>1</v>
      </c>
      <c r="FF31" s="71">
        <v>1</v>
      </c>
      <c r="FG31" s="71">
        <v>0</v>
      </c>
      <c r="FH31" s="71">
        <v>0</v>
      </c>
      <c r="FI31" s="71">
        <v>0</v>
      </c>
      <c r="FJ31" s="72">
        <v>2</v>
      </c>
      <c r="FK31" s="73">
        <v>2</v>
      </c>
      <c r="FL31" s="70">
        <v>0</v>
      </c>
      <c r="FM31" s="71">
        <v>1</v>
      </c>
      <c r="FN31" s="72">
        <v>1</v>
      </c>
      <c r="FO31" s="244"/>
      <c r="FP31" s="71">
        <v>2</v>
      </c>
      <c r="FQ31" s="71">
        <v>0</v>
      </c>
      <c r="FR31" s="71">
        <v>0</v>
      </c>
      <c r="FS31" s="71">
        <v>1</v>
      </c>
      <c r="FT31" s="71">
        <v>0</v>
      </c>
      <c r="FU31" s="72">
        <v>3</v>
      </c>
      <c r="FV31" s="73">
        <v>4</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1</v>
      </c>
      <c r="GQ31" s="72">
        <v>6</v>
      </c>
      <c r="GR31" s="73">
        <v>8</v>
      </c>
      <c r="GS31" s="123">
        <v>1</v>
      </c>
      <c r="GT31" s="82">
        <v>4</v>
      </c>
      <c r="GU31" s="83">
        <v>5</v>
      </c>
      <c r="GV31" s="241"/>
      <c r="GW31" s="82">
        <v>10</v>
      </c>
      <c r="GX31" s="82">
        <v>9</v>
      </c>
      <c r="GY31" s="82">
        <v>1</v>
      </c>
      <c r="GZ31" s="82">
        <v>4</v>
      </c>
      <c r="HA31" s="82">
        <v>1</v>
      </c>
      <c r="HB31" s="84">
        <v>25</v>
      </c>
      <c r="HC31" s="85">
        <v>30</v>
      </c>
      <c r="HD31" s="70">
        <v>0</v>
      </c>
      <c r="HE31" s="71">
        <v>0</v>
      </c>
      <c r="HF31" s="72">
        <v>0</v>
      </c>
      <c r="HG31" s="244"/>
      <c r="HH31" s="71">
        <v>0</v>
      </c>
      <c r="HI31" s="71">
        <v>0</v>
      </c>
      <c r="HJ31" s="71">
        <v>0</v>
      </c>
      <c r="HK31" s="71">
        <v>0</v>
      </c>
      <c r="HL31" s="71">
        <v>0</v>
      </c>
      <c r="HM31" s="72">
        <v>0</v>
      </c>
      <c r="HN31" s="73">
        <v>0</v>
      </c>
      <c r="HO31" s="70">
        <v>0</v>
      </c>
      <c r="HP31" s="71">
        <v>0</v>
      </c>
      <c r="HQ31" s="72">
        <v>0</v>
      </c>
      <c r="HR31" s="244"/>
      <c r="HS31" s="71">
        <v>1</v>
      </c>
      <c r="HT31" s="71">
        <v>0</v>
      </c>
      <c r="HU31" s="71">
        <v>0</v>
      </c>
      <c r="HV31" s="71">
        <v>0</v>
      </c>
      <c r="HW31" s="71">
        <v>0</v>
      </c>
      <c r="HX31" s="72">
        <v>1</v>
      </c>
      <c r="HY31" s="73">
        <v>1</v>
      </c>
      <c r="HZ31" s="70">
        <v>0</v>
      </c>
      <c r="IA31" s="71">
        <v>1</v>
      </c>
      <c r="IB31" s="72">
        <v>1</v>
      </c>
      <c r="IC31" s="244"/>
      <c r="ID31" s="71">
        <v>0</v>
      </c>
      <c r="IE31" s="71">
        <v>1</v>
      </c>
      <c r="IF31" s="71">
        <v>0</v>
      </c>
      <c r="IG31" s="71">
        <v>1</v>
      </c>
      <c r="IH31" s="71">
        <v>0</v>
      </c>
      <c r="II31" s="72">
        <v>2</v>
      </c>
      <c r="IJ31" s="73">
        <v>3</v>
      </c>
      <c r="IK31" s="70">
        <v>1</v>
      </c>
      <c r="IL31" s="71">
        <v>0</v>
      </c>
      <c r="IM31" s="72">
        <v>1</v>
      </c>
      <c r="IN31" s="244"/>
      <c r="IO31" s="71">
        <v>1</v>
      </c>
      <c r="IP31" s="71">
        <v>3</v>
      </c>
      <c r="IQ31" s="71">
        <v>0</v>
      </c>
      <c r="IR31" s="71">
        <v>1</v>
      </c>
      <c r="IS31" s="71">
        <v>1</v>
      </c>
      <c r="IT31" s="72">
        <v>6</v>
      </c>
      <c r="IU31" s="73">
        <v>7</v>
      </c>
      <c r="IV31" s="70">
        <v>0</v>
      </c>
      <c r="IW31" s="71">
        <v>2</v>
      </c>
      <c r="IX31" s="72">
        <v>2</v>
      </c>
      <c r="IY31" s="244"/>
      <c r="IZ31" s="71">
        <v>4</v>
      </c>
      <c r="JA31" s="71">
        <v>3</v>
      </c>
      <c r="JB31" s="71">
        <v>1</v>
      </c>
      <c r="JC31" s="71">
        <v>0</v>
      </c>
      <c r="JD31" s="71">
        <v>0</v>
      </c>
      <c r="JE31" s="72">
        <v>8</v>
      </c>
      <c r="JF31" s="73">
        <v>10</v>
      </c>
      <c r="JG31" s="70">
        <v>0</v>
      </c>
      <c r="JH31" s="71">
        <v>1</v>
      </c>
      <c r="JI31" s="72">
        <v>1</v>
      </c>
      <c r="JJ31" s="244"/>
      <c r="JK31" s="71">
        <v>4</v>
      </c>
      <c r="JL31" s="71">
        <v>2</v>
      </c>
      <c r="JM31" s="71">
        <v>0</v>
      </c>
      <c r="JN31" s="71">
        <v>2</v>
      </c>
      <c r="JO31" s="71">
        <v>0</v>
      </c>
      <c r="JP31" s="72">
        <v>8</v>
      </c>
      <c r="JQ31" s="73">
        <v>9</v>
      </c>
      <c r="JR31" s="70">
        <v>0</v>
      </c>
      <c r="JS31" s="71">
        <v>0</v>
      </c>
      <c r="JT31" s="72">
        <v>0</v>
      </c>
      <c r="JU31" s="244"/>
      <c r="JV31" s="71">
        <v>0</v>
      </c>
      <c r="JW31" s="71">
        <v>0</v>
      </c>
      <c r="JX31" s="71">
        <v>0</v>
      </c>
      <c r="JY31" s="71">
        <v>0</v>
      </c>
      <c r="JZ31" s="71">
        <v>0</v>
      </c>
      <c r="KA31" s="72">
        <v>0</v>
      </c>
      <c r="KB31" s="73">
        <v>0</v>
      </c>
      <c r="KC31" s="70">
        <v>1</v>
      </c>
      <c r="KD31" s="71">
        <v>4</v>
      </c>
      <c r="KE31" s="72">
        <v>5</v>
      </c>
      <c r="KF31" s="244"/>
      <c r="KG31" s="71">
        <v>10</v>
      </c>
      <c r="KH31" s="71">
        <v>9</v>
      </c>
      <c r="KI31" s="71">
        <v>1</v>
      </c>
      <c r="KJ31" s="71">
        <v>4</v>
      </c>
      <c r="KK31" s="71">
        <v>1</v>
      </c>
      <c r="KL31" s="72">
        <v>25</v>
      </c>
      <c r="KM31" s="73">
        <v>30</v>
      </c>
    </row>
    <row r="32" spans="2:299" ht="21" customHeight="1" x14ac:dyDescent="0.2">
      <c r="B32" s="126" t="s">
        <v>29</v>
      </c>
      <c r="C32" s="313">
        <v>4</v>
      </c>
      <c r="D32" s="82">
        <v>3</v>
      </c>
      <c r="E32" s="83">
        <v>7</v>
      </c>
      <c r="F32" s="241"/>
      <c r="G32" s="82">
        <v>4</v>
      </c>
      <c r="H32" s="82">
        <v>8</v>
      </c>
      <c r="I32" s="82">
        <v>2</v>
      </c>
      <c r="J32" s="82">
        <v>5</v>
      </c>
      <c r="K32" s="82">
        <v>1</v>
      </c>
      <c r="L32" s="84">
        <v>20</v>
      </c>
      <c r="M32" s="85">
        <v>27</v>
      </c>
      <c r="N32" s="70">
        <v>0</v>
      </c>
      <c r="O32" s="71">
        <v>0</v>
      </c>
      <c r="P32" s="72">
        <v>0</v>
      </c>
      <c r="Q32" s="244"/>
      <c r="R32" s="71">
        <v>0</v>
      </c>
      <c r="S32" s="71">
        <v>0</v>
      </c>
      <c r="T32" s="71">
        <v>0</v>
      </c>
      <c r="U32" s="71">
        <v>0</v>
      </c>
      <c r="V32" s="71">
        <v>0</v>
      </c>
      <c r="W32" s="72">
        <v>0</v>
      </c>
      <c r="X32" s="73">
        <v>0</v>
      </c>
      <c r="Y32" s="70">
        <v>0</v>
      </c>
      <c r="Z32" s="71">
        <v>0</v>
      </c>
      <c r="AA32" s="72">
        <v>0</v>
      </c>
      <c r="AB32" s="244"/>
      <c r="AC32" s="71">
        <v>0</v>
      </c>
      <c r="AD32" s="71">
        <v>1</v>
      </c>
      <c r="AE32" s="71">
        <v>0</v>
      </c>
      <c r="AF32" s="71">
        <v>0</v>
      </c>
      <c r="AG32" s="71">
        <v>0</v>
      </c>
      <c r="AH32" s="72">
        <v>1</v>
      </c>
      <c r="AI32" s="73">
        <v>1</v>
      </c>
      <c r="AJ32" s="70">
        <v>1</v>
      </c>
      <c r="AK32" s="71">
        <v>0</v>
      </c>
      <c r="AL32" s="72">
        <v>1</v>
      </c>
      <c r="AM32" s="244"/>
      <c r="AN32" s="71">
        <v>0</v>
      </c>
      <c r="AO32" s="71">
        <v>0</v>
      </c>
      <c r="AP32" s="71">
        <v>0</v>
      </c>
      <c r="AQ32" s="71">
        <v>1</v>
      </c>
      <c r="AR32" s="71">
        <v>1</v>
      </c>
      <c r="AS32" s="72">
        <v>2</v>
      </c>
      <c r="AT32" s="73">
        <v>3</v>
      </c>
      <c r="AU32" s="70">
        <v>1</v>
      </c>
      <c r="AV32" s="71">
        <v>2</v>
      </c>
      <c r="AW32" s="72">
        <v>3</v>
      </c>
      <c r="AX32" s="244"/>
      <c r="AY32" s="71">
        <v>1</v>
      </c>
      <c r="AZ32" s="71">
        <v>1</v>
      </c>
      <c r="BA32" s="71">
        <v>0</v>
      </c>
      <c r="BB32" s="71">
        <v>1</v>
      </c>
      <c r="BC32" s="71">
        <v>0</v>
      </c>
      <c r="BD32" s="72">
        <v>3</v>
      </c>
      <c r="BE32" s="73">
        <v>6</v>
      </c>
      <c r="BF32" s="70">
        <v>0</v>
      </c>
      <c r="BG32" s="71">
        <v>1</v>
      </c>
      <c r="BH32" s="72">
        <v>1</v>
      </c>
      <c r="BI32" s="244"/>
      <c r="BJ32" s="71">
        <v>3</v>
      </c>
      <c r="BK32" s="71">
        <v>3</v>
      </c>
      <c r="BL32" s="71">
        <v>0</v>
      </c>
      <c r="BM32" s="71">
        <v>1</v>
      </c>
      <c r="BN32" s="71">
        <v>0</v>
      </c>
      <c r="BO32" s="72">
        <v>7</v>
      </c>
      <c r="BP32" s="73">
        <v>8</v>
      </c>
      <c r="BQ32" s="70">
        <v>2</v>
      </c>
      <c r="BR32" s="71">
        <v>0</v>
      </c>
      <c r="BS32" s="72">
        <v>2</v>
      </c>
      <c r="BT32" s="244"/>
      <c r="BU32" s="71">
        <v>0</v>
      </c>
      <c r="BV32" s="71">
        <v>3</v>
      </c>
      <c r="BW32" s="71">
        <v>2</v>
      </c>
      <c r="BX32" s="71">
        <v>2</v>
      </c>
      <c r="BY32" s="71">
        <v>0</v>
      </c>
      <c r="BZ32" s="72">
        <v>7</v>
      </c>
      <c r="CA32" s="73">
        <v>9</v>
      </c>
      <c r="CB32" s="70">
        <v>0</v>
      </c>
      <c r="CC32" s="71">
        <v>0</v>
      </c>
      <c r="CD32" s="72">
        <v>0</v>
      </c>
      <c r="CE32" s="244"/>
      <c r="CF32" s="71">
        <v>0</v>
      </c>
      <c r="CG32" s="71">
        <v>0</v>
      </c>
      <c r="CH32" s="71">
        <v>0</v>
      </c>
      <c r="CI32" s="71">
        <v>0</v>
      </c>
      <c r="CJ32" s="71">
        <v>0</v>
      </c>
      <c r="CK32" s="72">
        <v>0</v>
      </c>
      <c r="CL32" s="73">
        <v>0</v>
      </c>
      <c r="CM32" s="70">
        <v>4</v>
      </c>
      <c r="CN32" s="71">
        <v>3</v>
      </c>
      <c r="CO32" s="72">
        <v>7</v>
      </c>
      <c r="CP32" s="244"/>
      <c r="CQ32" s="71">
        <v>4</v>
      </c>
      <c r="CR32" s="71">
        <v>8</v>
      </c>
      <c r="CS32" s="71">
        <v>2</v>
      </c>
      <c r="CT32" s="71">
        <v>5</v>
      </c>
      <c r="CU32" s="71">
        <v>1</v>
      </c>
      <c r="CV32" s="72">
        <v>20</v>
      </c>
      <c r="CW32" s="73">
        <v>27</v>
      </c>
      <c r="CX32" s="123">
        <v>1</v>
      </c>
      <c r="CY32" s="82">
        <v>0</v>
      </c>
      <c r="CZ32" s="83">
        <v>1</v>
      </c>
      <c r="DA32" s="241"/>
      <c r="DB32" s="82">
        <v>1</v>
      </c>
      <c r="DC32" s="82">
        <v>2</v>
      </c>
      <c r="DD32" s="82">
        <v>0</v>
      </c>
      <c r="DE32" s="82">
        <v>0</v>
      </c>
      <c r="DF32" s="82">
        <v>0</v>
      </c>
      <c r="DG32" s="84">
        <v>3</v>
      </c>
      <c r="DH32" s="85">
        <v>4</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1</v>
      </c>
      <c r="DZ32" s="71">
        <v>0</v>
      </c>
      <c r="EA32" s="71">
        <v>0</v>
      </c>
      <c r="EB32" s="71">
        <v>0</v>
      </c>
      <c r="EC32" s="72">
        <v>1</v>
      </c>
      <c r="ED32" s="73">
        <v>1</v>
      </c>
      <c r="EE32" s="70">
        <v>0</v>
      </c>
      <c r="EF32" s="71">
        <v>0</v>
      </c>
      <c r="EG32" s="72">
        <v>0</v>
      </c>
      <c r="EH32" s="244"/>
      <c r="EI32" s="71">
        <v>0</v>
      </c>
      <c r="EJ32" s="71">
        <v>0</v>
      </c>
      <c r="EK32" s="71">
        <v>0</v>
      </c>
      <c r="EL32" s="71">
        <v>0</v>
      </c>
      <c r="EM32" s="71">
        <v>0</v>
      </c>
      <c r="EN32" s="72">
        <v>0</v>
      </c>
      <c r="EO32" s="73">
        <v>0</v>
      </c>
      <c r="EP32" s="70">
        <v>1</v>
      </c>
      <c r="EQ32" s="71">
        <v>0</v>
      </c>
      <c r="ER32" s="72">
        <v>1</v>
      </c>
      <c r="ES32" s="244"/>
      <c r="ET32" s="71">
        <v>0</v>
      </c>
      <c r="EU32" s="71">
        <v>0</v>
      </c>
      <c r="EV32" s="71">
        <v>0</v>
      </c>
      <c r="EW32" s="71">
        <v>0</v>
      </c>
      <c r="EX32" s="71">
        <v>0</v>
      </c>
      <c r="EY32" s="72">
        <v>0</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1</v>
      </c>
      <c r="GI32" s="71">
        <v>0</v>
      </c>
      <c r="GJ32" s="72">
        <v>1</v>
      </c>
      <c r="GK32" s="244"/>
      <c r="GL32" s="71">
        <v>1</v>
      </c>
      <c r="GM32" s="71">
        <v>2</v>
      </c>
      <c r="GN32" s="71">
        <v>0</v>
      </c>
      <c r="GO32" s="71">
        <v>0</v>
      </c>
      <c r="GP32" s="71">
        <v>0</v>
      </c>
      <c r="GQ32" s="72">
        <v>3</v>
      </c>
      <c r="GR32" s="73">
        <v>4</v>
      </c>
      <c r="GS32" s="123">
        <v>5</v>
      </c>
      <c r="GT32" s="82">
        <v>3</v>
      </c>
      <c r="GU32" s="83">
        <v>8</v>
      </c>
      <c r="GV32" s="241"/>
      <c r="GW32" s="82">
        <v>5</v>
      </c>
      <c r="GX32" s="82">
        <v>10</v>
      </c>
      <c r="GY32" s="82">
        <v>2</v>
      </c>
      <c r="GZ32" s="82">
        <v>5</v>
      </c>
      <c r="HA32" s="82">
        <v>1</v>
      </c>
      <c r="HB32" s="84">
        <v>23</v>
      </c>
      <c r="HC32" s="85">
        <v>31</v>
      </c>
      <c r="HD32" s="70">
        <v>0</v>
      </c>
      <c r="HE32" s="71">
        <v>0</v>
      </c>
      <c r="HF32" s="72">
        <v>0</v>
      </c>
      <c r="HG32" s="244"/>
      <c r="HH32" s="71">
        <v>0</v>
      </c>
      <c r="HI32" s="71">
        <v>0</v>
      </c>
      <c r="HJ32" s="71">
        <v>0</v>
      </c>
      <c r="HK32" s="71">
        <v>0</v>
      </c>
      <c r="HL32" s="71">
        <v>0</v>
      </c>
      <c r="HM32" s="72">
        <v>0</v>
      </c>
      <c r="HN32" s="73">
        <v>0</v>
      </c>
      <c r="HO32" s="70">
        <v>0</v>
      </c>
      <c r="HP32" s="71">
        <v>0</v>
      </c>
      <c r="HQ32" s="72">
        <v>0</v>
      </c>
      <c r="HR32" s="244"/>
      <c r="HS32" s="71">
        <v>0</v>
      </c>
      <c r="HT32" s="71">
        <v>2</v>
      </c>
      <c r="HU32" s="71">
        <v>0</v>
      </c>
      <c r="HV32" s="71">
        <v>0</v>
      </c>
      <c r="HW32" s="71">
        <v>0</v>
      </c>
      <c r="HX32" s="72">
        <v>2</v>
      </c>
      <c r="HY32" s="73">
        <v>2</v>
      </c>
      <c r="HZ32" s="70">
        <v>1</v>
      </c>
      <c r="IA32" s="71">
        <v>0</v>
      </c>
      <c r="IB32" s="72">
        <v>1</v>
      </c>
      <c r="IC32" s="244"/>
      <c r="ID32" s="71">
        <v>0</v>
      </c>
      <c r="IE32" s="71">
        <v>0</v>
      </c>
      <c r="IF32" s="71">
        <v>0</v>
      </c>
      <c r="IG32" s="71">
        <v>1</v>
      </c>
      <c r="IH32" s="71">
        <v>1</v>
      </c>
      <c r="II32" s="72">
        <v>2</v>
      </c>
      <c r="IJ32" s="73">
        <v>3</v>
      </c>
      <c r="IK32" s="70">
        <v>2</v>
      </c>
      <c r="IL32" s="71">
        <v>2</v>
      </c>
      <c r="IM32" s="72">
        <v>4</v>
      </c>
      <c r="IN32" s="244"/>
      <c r="IO32" s="71">
        <v>1</v>
      </c>
      <c r="IP32" s="71">
        <v>1</v>
      </c>
      <c r="IQ32" s="71">
        <v>0</v>
      </c>
      <c r="IR32" s="71">
        <v>1</v>
      </c>
      <c r="IS32" s="71">
        <v>0</v>
      </c>
      <c r="IT32" s="72">
        <v>3</v>
      </c>
      <c r="IU32" s="73">
        <v>7</v>
      </c>
      <c r="IV32" s="70">
        <v>0</v>
      </c>
      <c r="IW32" s="71">
        <v>1</v>
      </c>
      <c r="IX32" s="72">
        <v>1</v>
      </c>
      <c r="IY32" s="244"/>
      <c r="IZ32" s="71">
        <v>4</v>
      </c>
      <c r="JA32" s="71">
        <v>3</v>
      </c>
      <c r="JB32" s="71">
        <v>0</v>
      </c>
      <c r="JC32" s="71">
        <v>1</v>
      </c>
      <c r="JD32" s="71">
        <v>0</v>
      </c>
      <c r="JE32" s="72">
        <v>8</v>
      </c>
      <c r="JF32" s="73">
        <v>9</v>
      </c>
      <c r="JG32" s="70">
        <v>2</v>
      </c>
      <c r="JH32" s="71">
        <v>0</v>
      </c>
      <c r="JI32" s="72">
        <v>2</v>
      </c>
      <c r="JJ32" s="244"/>
      <c r="JK32" s="71">
        <v>0</v>
      </c>
      <c r="JL32" s="71">
        <v>4</v>
      </c>
      <c r="JM32" s="71">
        <v>2</v>
      </c>
      <c r="JN32" s="71">
        <v>2</v>
      </c>
      <c r="JO32" s="71">
        <v>0</v>
      </c>
      <c r="JP32" s="72">
        <v>8</v>
      </c>
      <c r="JQ32" s="73">
        <v>10</v>
      </c>
      <c r="JR32" s="70">
        <v>0</v>
      </c>
      <c r="JS32" s="71">
        <v>0</v>
      </c>
      <c r="JT32" s="72">
        <v>0</v>
      </c>
      <c r="JU32" s="244"/>
      <c r="JV32" s="71">
        <v>0</v>
      </c>
      <c r="JW32" s="71">
        <v>0</v>
      </c>
      <c r="JX32" s="71">
        <v>0</v>
      </c>
      <c r="JY32" s="71">
        <v>0</v>
      </c>
      <c r="JZ32" s="71">
        <v>0</v>
      </c>
      <c r="KA32" s="72">
        <v>0</v>
      </c>
      <c r="KB32" s="73">
        <v>0</v>
      </c>
      <c r="KC32" s="70">
        <v>5</v>
      </c>
      <c r="KD32" s="71">
        <v>3</v>
      </c>
      <c r="KE32" s="72">
        <v>8</v>
      </c>
      <c r="KF32" s="244"/>
      <c r="KG32" s="71">
        <v>5</v>
      </c>
      <c r="KH32" s="71">
        <v>10</v>
      </c>
      <c r="KI32" s="71">
        <v>2</v>
      </c>
      <c r="KJ32" s="71">
        <v>5</v>
      </c>
      <c r="KK32" s="71">
        <v>1</v>
      </c>
      <c r="KL32" s="72">
        <v>23</v>
      </c>
      <c r="KM32" s="73">
        <v>31</v>
      </c>
    </row>
    <row r="33" spans="2:299" ht="21" customHeight="1" x14ac:dyDescent="0.2">
      <c r="B33" s="126" t="s">
        <v>30</v>
      </c>
      <c r="C33" s="313">
        <v>3</v>
      </c>
      <c r="D33" s="82">
        <v>5</v>
      </c>
      <c r="E33" s="83">
        <v>8</v>
      </c>
      <c r="F33" s="241"/>
      <c r="G33" s="82">
        <v>6</v>
      </c>
      <c r="H33" s="82">
        <v>1</v>
      </c>
      <c r="I33" s="82">
        <v>2</v>
      </c>
      <c r="J33" s="82">
        <v>7</v>
      </c>
      <c r="K33" s="82">
        <v>1</v>
      </c>
      <c r="L33" s="84">
        <v>17</v>
      </c>
      <c r="M33" s="85">
        <v>25</v>
      </c>
      <c r="N33" s="70">
        <v>0</v>
      </c>
      <c r="O33" s="71">
        <v>0</v>
      </c>
      <c r="P33" s="72">
        <v>0</v>
      </c>
      <c r="Q33" s="244"/>
      <c r="R33" s="71">
        <v>0</v>
      </c>
      <c r="S33" s="71">
        <v>0</v>
      </c>
      <c r="T33" s="71">
        <v>0</v>
      </c>
      <c r="U33" s="71">
        <v>0</v>
      </c>
      <c r="V33" s="71">
        <v>0</v>
      </c>
      <c r="W33" s="72">
        <v>0</v>
      </c>
      <c r="X33" s="73">
        <v>0</v>
      </c>
      <c r="Y33" s="70">
        <v>1</v>
      </c>
      <c r="Z33" s="71">
        <v>1</v>
      </c>
      <c r="AA33" s="72">
        <v>2</v>
      </c>
      <c r="AB33" s="244"/>
      <c r="AC33" s="71">
        <v>0</v>
      </c>
      <c r="AD33" s="71">
        <v>0</v>
      </c>
      <c r="AE33" s="71">
        <v>0</v>
      </c>
      <c r="AF33" s="71">
        <v>0</v>
      </c>
      <c r="AG33" s="71">
        <v>0</v>
      </c>
      <c r="AH33" s="72">
        <v>0</v>
      </c>
      <c r="AI33" s="73">
        <v>2</v>
      </c>
      <c r="AJ33" s="70">
        <v>0</v>
      </c>
      <c r="AK33" s="71">
        <v>0</v>
      </c>
      <c r="AL33" s="72">
        <v>0</v>
      </c>
      <c r="AM33" s="244"/>
      <c r="AN33" s="71">
        <v>0</v>
      </c>
      <c r="AO33" s="71">
        <v>0</v>
      </c>
      <c r="AP33" s="71">
        <v>0</v>
      </c>
      <c r="AQ33" s="71">
        <v>1</v>
      </c>
      <c r="AR33" s="71">
        <v>0</v>
      </c>
      <c r="AS33" s="72">
        <v>1</v>
      </c>
      <c r="AT33" s="73">
        <v>1</v>
      </c>
      <c r="AU33" s="70">
        <v>0</v>
      </c>
      <c r="AV33" s="71">
        <v>1</v>
      </c>
      <c r="AW33" s="72">
        <v>1</v>
      </c>
      <c r="AX33" s="244"/>
      <c r="AY33" s="71">
        <v>1</v>
      </c>
      <c r="AZ33" s="71">
        <v>0</v>
      </c>
      <c r="BA33" s="71">
        <v>0</v>
      </c>
      <c r="BB33" s="71">
        <v>1</v>
      </c>
      <c r="BC33" s="71">
        <v>0</v>
      </c>
      <c r="BD33" s="72">
        <v>2</v>
      </c>
      <c r="BE33" s="73">
        <v>3</v>
      </c>
      <c r="BF33" s="70">
        <v>1</v>
      </c>
      <c r="BG33" s="71">
        <v>1</v>
      </c>
      <c r="BH33" s="72">
        <v>2</v>
      </c>
      <c r="BI33" s="244"/>
      <c r="BJ33" s="71">
        <v>2</v>
      </c>
      <c r="BK33" s="71">
        <v>0</v>
      </c>
      <c r="BL33" s="71">
        <v>0</v>
      </c>
      <c r="BM33" s="71">
        <v>1</v>
      </c>
      <c r="BN33" s="71">
        <v>0</v>
      </c>
      <c r="BO33" s="72">
        <v>3</v>
      </c>
      <c r="BP33" s="73">
        <v>5</v>
      </c>
      <c r="BQ33" s="70">
        <v>1</v>
      </c>
      <c r="BR33" s="71">
        <v>2</v>
      </c>
      <c r="BS33" s="72">
        <v>3</v>
      </c>
      <c r="BT33" s="244"/>
      <c r="BU33" s="71">
        <v>3</v>
      </c>
      <c r="BV33" s="71">
        <v>1</v>
      </c>
      <c r="BW33" s="71">
        <v>2</v>
      </c>
      <c r="BX33" s="71">
        <v>4</v>
      </c>
      <c r="BY33" s="71">
        <v>1</v>
      </c>
      <c r="BZ33" s="72">
        <v>11</v>
      </c>
      <c r="CA33" s="73">
        <v>14</v>
      </c>
      <c r="CB33" s="70">
        <v>0</v>
      </c>
      <c r="CC33" s="71">
        <v>0</v>
      </c>
      <c r="CD33" s="72">
        <v>0</v>
      </c>
      <c r="CE33" s="244"/>
      <c r="CF33" s="71">
        <v>0</v>
      </c>
      <c r="CG33" s="71">
        <v>0</v>
      </c>
      <c r="CH33" s="71">
        <v>0</v>
      </c>
      <c r="CI33" s="71">
        <v>0</v>
      </c>
      <c r="CJ33" s="71">
        <v>0</v>
      </c>
      <c r="CK33" s="72">
        <v>0</v>
      </c>
      <c r="CL33" s="73">
        <v>0</v>
      </c>
      <c r="CM33" s="70">
        <v>3</v>
      </c>
      <c r="CN33" s="71">
        <v>5</v>
      </c>
      <c r="CO33" s="72">
        <v>8</v>
      </c>
      <c r="CP33" s="244"/>
      <c r="CQ33" s="71">
        <v>6</v>
      </c>
      <c r="CR33" s="71">
        <v>1</v>
      </c>
      <c r="CS33" s="71">
        <v>2</v>
      </c>
      <c r="CT33" s="71">
        <v>7</v>
      </c>
      <c r="CU33" s="71">
        <v>1</v>
      </c>
      <c r="CV33" s="72">
        <v>17</v>
      </c>
      <c r="CW33" s="73">
        <v>25</v>
      </c>
      <c r="CX33" s="123">
        <v>2</v>
      </c>
      <c r="CY33" s="82">
        <v>1</v>
      </c>
      <c r="CZ33" s="83">
        <v>3</v>
      </c>
      <c r="DA33" s="241"/>
      <c r="DB33" s="82">
        <v>1</v>
      </c>
      <c r="DC33" s="82">
        <v>0</v>
      </c>
      <c r="DD33" s="82">
        <v>2</v>
      </c>
      <c r="DE33" s="82">
        <v>1</v>
      </c>
      <c r="DF33" s="82">
        <v>1</v>
      </c>
      <c r="DG33" s="84">
        <v>5</v>
      </c>
      <c r="DH33" s="85">
        <v>8</v>
      </c>
      <c r="DI33" s="70">
        <v>0</v>
      </c>
      <c r="DJ33" s="71">
        <v>0</v>
      </c>
      <c r="DK33" s="72">
        <v>0</v>
      </c>
      <c r="DL33" s="244"/>
      <c r="DM33" s="71">
        <v>0</v>
      </c>
      <c r="DN33" s="71">
        <v>0</v>
      </c>
      <c r="DO33" s="71">
        <v>0</v>
      </c>
      <c r="DP33" s="71">
        <v>0</v>
      </c>
      <c r="DQ33" s="71">
        <v>0</v>
      </c>
      <c r="DR33" s="72">
        <v>0</v>
      </c>
      <c r="DS33" s="73">
        <v>0</v>
      </c>
      <c r="DT33" s="70">
        <v>1</v>
      </c>
      <c r="DU33" s="71">
        <v>0</v>
      </c>
      <c r="DV33" s="72">
        <v>1</v>
      </c>
      <c r="DW33" s="244"/>
      <c r="DX33" s="71">
        <v>0</v>
      </c>
      <c r="DY33" s="71">
        <v>0</v>
      </c>
      <c r="DZ33" s="71">
        <v>0</v>
      </c>
      <c r="EA33" s="71">
        <v>0</v>
      </c>
      <c r="EB33" s="71">
        <v>0</v>
      </c>
      <c r="EC33" s="72">
        <v>0</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1</v>
      </c>
      <c r="FC33" s="72">
        <v>1</v>
      </c>
      <c r="FD33" s="244"/>
      <c r="FE33" s="71">
        <v>0</v>
      </c>
      <c r="FF33" s="71">
        <v>0</v>
      </c>
      <c r="FG33" s="71">
        <v>1</v>
      </c>
      <c r="FH33" s="71">
        <v>1</v>
      </c>
      <c r="FI33" s="71">
        <v>0</v>
      </c>
      <c r="FJ33" s="72">
        <v>2</v>
      </c>
      <c r="FK33" s="73">
        <v>3</v>
      </c>
      <c r="FL33" s="70">
        <v>0</v>
      </c>
      <c r="FM33" s="71">
        <v>0</v>
      </c>
      <c r="FN33" s="72">
        <v>0</v>
      </c>
      <c r="FO33" s="244"/>
      <c r="FP33" s="71">
        <v>0</v>
      </c>
      <c r="FQ33" s="71">
        <v>0</v>
      </c>
      <c r="FR33" s="71">
        <v>1</v>
      </c>
      <c r="FS33" s="71">
        <v>0</v>
      </c>
      <c r="FT33" s="71">
        <v>1</v>
      </c>
      <c r="FU33" s="72">
        <v>2</v>
      </c>
      <c r="FV33" s="73">
        <v>2</v>
      </c>
      <c r="FW33" s="70">
        <v>0</v>
      </c>
      <c r="FX33" s="71">
        <v>0</v>
      </c>
      <c r="FY33" s="72">
        <v>0</v>
      </c>
      <c r="FZ33" s="244"/>
      <c r="GA33" s="71">
        <v>0</v>
      </c>
      <c r="GB33" s="71">
        <v>0</v>
      </c>
      <c r="GC33" s="71">
        <v>0</v>
      </c>
      <c r="GD33" s="71">
        <v>0</v>
      </c>
      <c r="GE33" s="71">
        <v>0</v>
      </c>
      <c r="GF33" s="72">
        <v>0</v>
      </c>
      <c r="GG33" s="73">
        <v>0</v>
      </c>
      <c r="GH33" s="70">
        <v>2</v>
      </c>
      <c r="GI33" s="71">
        <v>1</v>
      </c>
      <c r="GJ33" s="72">
        <v>3</v>
      </c>
      <c r="GK33" s="244"/>
      <c r="GL33" s="71">
        <v>1</v>
      </c>
      <c r="GM33" s="71">
        <v>0</v>
      </c>
      <c r="GN33" s="71">
        <v>2</v>
      </c>
      <c r="GO33" s="71">
        <v>1</v>
      </c>
      <c r="GP33" s="71">
        <v>1</v>
      </c>
      <c r="GQ33" s="72">
        <v>5</v>
      </c>
      <c r="GR33" s="73">
        <v>8</v>
      </c>
      <c r="GS33" s="123">
        <v>5</v>
      </c>
      <c r="GT33" s="82">
        <v>6</v>
      </c>
      <c r="GU33" s="83">
        <v>11</v>
      </c>
      <c r="GV33" s="241"/>
      <c r="GW33" s="82">
        <v>7</v>
      </c>
      <c r="GX33" s="82">
        <v>1</v>
      </c>
      <c r="GY33" s="82">
        <v>4</v>
      </c>
      <c r="GZ33" s="82">
        <v>8</v>
      </c>
      <c r="HA33" s="82">
        <v>2</v>
      </c>
      <c r="HB33" s="84">
        <v>22</v>
      </c>
      <c r="HC33" s="85">
        <v>33</v>
      </c>
      <c r="HD33" s="70">
        <v>0</v>
      </c>
      <c r="HE33" s="71">
        <v>0</v>
      </c>
      <c r="HF33" s="72">
        <v>0</v>
      </c>
      <c r="HG33" s="244"/>
      <c r="HH33" s="71">
        <v>0</v>
      </c>
      <c r="HI33" s="71">
        <v>0</v>
      </c>
      <c r="HJ33" s="71">
        <v>0</v>
      </c>
      <c r="HK33" s="71">
        <v>0</v>
      </c>
      <c r="HL33" s="71">
        <v>0</v>
      </c>
      <c r="HM33" s="72">
        <v>0</v>
      </c>
      <c r="HN33" s="73">
        <v>0</v>
      </c>
      <c r="HO33" s="70">
        <v>2</v>
      </c>
      <c r="HP33" s="71">
        <v>1</v>
      </c>
      <c r="HQ33" s="72">
        <v>3</v>
      </c>
      <c r="HR33" s="244"/>
      <c r="HS33" s="71">
        <v>0</v>
      </c>
      <c r="HT33" s="71">
        <v>0</v>
      </c>
      <c r="HU33" s="71">
        <v>0</v>
      </c>
      <c r="HV33" s="71">
        <v>0</v>
      </c>
      <c r="HW33" s="71">
        <v>0</v>
      </c>
      <c r="HX33" s="72">
        <v>0</v>
      </c>
      <c r="HY33" s="73">
        <v>3</v>
      </c>
      <c r="HZ33" s="70">
        <v>0</v>
      </c>
      <c r="IA33" s="71">
        <v>0</v>
      </c>
      <c r="IB33" s="72">
        <v>0</v>
      </c>
      <c r="IC33" s="244"/>
      <c r="ID33" s="71">
        <v>0</v>
      </c>
      <c r="IE33" s="71">
        <v>0</v>
      </c>
      <c r="IF33" s="71">
        <v>0</v>
      </c>
      <c r="IG33" s="71">
        <v>1</v>
      </c>
      <c r="IH33" s="71">
        <v>0</v>
      </c>
      <c r="II33" s="72">
        <v>1</v>
      </c>
      <c r="IJ33" s="73">
        <v>1</v>
      </c>
      <c r="IK33" s="70">
        <v>1</v>
      </c>
      <c r="IL33" s="71">
        <v>1</v>
      </c>
      <c r="IM33" s="72">
        <v>2</v>
      </c>
      <c r="IN33" s="244"/>
      <c r="IO33" s="71">
        <v>2</v>
      </c>
      <c r="IP33" s="71">
        <v>0</v>
      </c>
      <c r="IQ33" s="71">
        <v>0</v>
      </c>
      <c r="IR33" s="71">
        <v>1</v>
      </c>
      <c r="IS33" s="71">
        <v>0</v>
      </c>
      <c r="IT33" s="72">
        <v>3</v>
      </c>
      <c r="IU33" s="73">
        <v>5</v>
      </c>
      <c r="IV33" s="70">
        <v>1</v>
      </c>
      <c r="IW33" s="71">
        <v>2</v>
      </c>
      <c r="IX33" s="72">
        <v>3</v>
      </c>
      <c r="IY33" s="244"/>
      <c r="IZ33" s="71">
        <v>2</v>
      </c>
      <c r="JA33" s="71">
        <v>0</v>
      </c>
      <c r="JB33" s="71">
        <v>1</v>
      </c>
      <c r="JC33" s="71">
        <v>2</v>
      </c>
      <c r="JD33" s="71">
        <v>0</v>
      </c>
      <c r="JE33" s="72">
        <v>5</v>
      </c>
      <c r="JF33" s="73">
        <v>8</v>
      </c>
      <c r="JG33" s="70">
        <v>1</v>
      </c>
      <c r="JH33" s="71">
        <v>2</v>
      </c>
      <c r="JI33" s="72">
        <v>3</v>
      </c>
      <c r="JJ33" s="244"/>
      <c r="JK33" s="71">
        <v>3</v>
      </c>
      <c r="JL33" s="71">
        <v>1</v>
      </c>
      <c r="JM33" s="71">
        <v>3</v>
      </c>
      <c r="JN33" s="71">
        <v>4</v>
      </c>
      <c r="JO33" s="71">
        <v>2</v>
      </c>
      <c r="JP33" s="72">
        <v>13</v>
      </c>
      <c r="JQ33" s="73">
        <v>16</v>
      </c>
      <c r="JR33" s="70">
        <v>0</v>
      </c>
      <c r="JS33" s="71">
        <v>0</v>
      </c>
      <c r="JT33" s="72">
        <v>0</v>
      </c>
      <c r="JU33" s="244"/>
      <c r="JV33" s="71">
        <v>0</v>
      </c>
      <c r="JW33" s="71">
        <v>0</v>
      </c>
      <c r="JX33" s="71">
        <v>0</v>
      </c>
      <c r="JY33" s="71">
        <v>0</v>
      </c>
      <c r="JZ33" s="71">
        <v>0</v>
      </c>
      <c r="KA33" s="72">
        <v>0</v>
      </c>
      <c r="KB33" s="73">
        <v>0</v>
      </c>
      <c r="KC33" s="70">
        <v>5</v>
      </c>
      <c r="KD33" s="71">
        <v>6</v>
      </c>
      <c r="KE33" s="72">
        <v>11</v>
      </c>
      <c r="KF33" s="244"/>
      <c r="KG33" s="71">
        <v>7</v>
      </c>
      <c r="KH33" s="71">
        <v>1</v>
      </c>
      <c r="KI33" s="71">
        <v>4</v>
      </c>
      <c r="KJ33" s="71">
        <v>8</v>
      </c>
      <c r="KK33" s="71">
        <v>2</v>
      </c>
      <c r="KL33" s="72">
        <v>22</v>
      </c>
      <c r="KM33" s="73">
        <v>33</v>
      </c>
    </row>
    <row r="34" spans="2:299" ht="21" customHeight="1" x14ac:dyDescent="0.2">
      <c r="B34" s="126" t="s">
        <v>31</v>
      </c>
      <c r="C34" s="313">
        <v>6</v>
      </c>
      <c r="D34" s="82">
        <v>5</v>
      </c>
      <c r="E34" s="83">
        <v>11</v>
      </c>
      <c r="F34" s="241"/>
      <c r="G34" s="82">
        <v>7</v>
      </c>
      <c r="H34" s="82">
        <v>7</v>
      </c>
      <c r="I34" s="82">
        <v>7</v>
      </c>
      <c r="J34" s="82">
        <v>4</v>
      </c>
      <c r="K34" s="82">
        <v>0</v>
      </c>
      <c r="L34" s="84">
        <v>25</v>
      </c>
      <c r="M34" s="85">
        <v>36</v>
      </c>
      <c r="N34" s="70">
        <v>0</v>
      </c>
      <c r="O34" s="71">
        <v>0</v>
      </c>
      <c r="P34" s="72">
        <v>0</v>
      </c>
      <c r="Q34" s="244"/>
      <c r="R34" s="71">
        <v>0</v>
      </c>
      <c r="S34" s="71">
        <v>0</v>
      </c>
      <c r="T34" s="71">
        <v>0</v>
      </c>
      <c r="U34" s="71">
        <v>1</v>
      </c>
      <c r="V34" s="71">
        <v>0</v>
      </c>
      <c r="W34" s="72">
        <v>1</v>
      </c>
      <c r="X34" s="73">
        <v>1</v>
      </c>
      <c r="Y34" s="70">
        <v>0</v>
      </c>
      <c r="Z34" s="71">
        <v>0</v>
      </c>
      <c r="AA34" s="72">
        <v>0</v>
      </c>
      <c r="AB34" s="244"/>
      <c r="AC34" s="71">
        <v>1</v>
      </c>
      <c r="AD34" s="71">
        <v>0</v>
      </c>
      <c r="AE34" s="71">
        <v>0</v>
      </c>
      <c r="AF34" s="71">
        <v>0</v>
      </c>
      <c r="AG34" s="71">
        <v>0</v>
      </c>
      <c r="AH34" s="72">
        <v>1</v>
      </c>
      <c r="AI34" s="73">
        <v>1</v>
      </c>
      <c r="AJ34" s="70">
        <v>0</v>
      </c>
      <c r="AK34" s="71">
        <v>1</v>
      </c>
      <c r="AL34" s="72">
        <v>1</v>
      </c>
      <c r="AM34" s="244"/>
      <c r="AN34" s="71">
        <v>0</v>
      </c>
      <c r="AO34" s="71">
        <v>0</v>
      </c>
      <c r="AP34" s="71">
        <v>1</v>
      </c>
      <c r="AQ34" s="71">
        <v>0</v>
      </c>
      <c r="AR34" s="71">
        <v>0</v>
      </c>
      <c r="AS34" s="72">
        <v>1</v>
      </c>
      <c r="AT34" s="73">
        <v>2</v>
      </c>
      <c r="AU34" s="70">
        <v>0</v>
      </c>
      <c r="AV34" s="71">
        <v>1</v>
      </c>
      <c r="AW34" s="72">
        <v>1</v>
      </c>
      <c r="AX34" s="244"/>
      <c r="AY34" s="71">
        <v>2</v>
      </c>
      <c r="AZ34" s="71">
        <v>1</v>
      </c>
      <c r="BA34" s="71">
        <v>0</v>
      </c>
      <c r="BB34" s="71">
        <v>1</v>
      </c>
      <c r="BC34" s="71">
        <v>0</v>
      </c>
      <c r="BD34" s="72">
        <v>4</v>
      </c>
      <c r="BE34" s="73">
        <v>5</v>
      </c>
      <c r="BF34" s="70">
        <v>2</v>
      </c>
      <c r="BG34" s="71">
        <v>1</v>
      </c>
      <c r="BH34" s="72">
        <v>3</v>
      </c>
      <c r="BI34" s="244"/>
      <c r="BJ34" s="71">
        <v>2</v>
      </c>
      <c r="BK34" s="71">
        <v>3</v>
      </c>
      <c r="BL34" s="71">
        <v>1</v>
      </c>
      <c r="BM34" s="71">
        <v>0</v>
      </c>
      <c r="BN34" s="71">
        <v>0</v>
      </c>
      <c r="BO34" s="72">
        <v>6</v>
      </c>
      <c r="BP34" s="73">
        <v>9</v>
      </c>
      <c r="BQ34" s="70">
        <v>4</v>
      </c>
      <c r="BR34" s="71">
        <v>2</v>
      </c>
      <c r="BS34" s="72">
        <v>6</v>
      </c>
      <c r="BT34" s="244"/>
      <c r="BU34" s="71">
        <v>2</v>
      </c>
      <c r="BV34" s="71">
        <v>3</v>
      </c>
      <c r="BW34" s="71">
        <v>5</v>
      </c>
      <c r="BX34" s="71">
        <v>2</v>
      </c>
      <c r="BY34" s="71">
        <v>0</v>
      </c>
      <c r="BZ34" s="72">
        <v>12</v>
      </c>
      <c r="CA34" s="73">
        <v>18</v>
      </c>
      <c r="CB34" s="70">
        <v>0</v>
      </c>
      <c r="CC34" s="71">
        <v>0</v>
      </c>
      <c r="CD34" s="72">
        <v>0</v>
      </c>
      <c r="CE34" s="244"/>
      <c r="CF34" s="71">
        <v>0</v>
      </c>
      <c r="CG34" s="71">
        <v>0</v>
      </c>
      <c r="CH34" s="71">
        <v>0</v>
      </c>
      <c r="CI34" s="71">
        <v>0</v>
      </c>
      <c r="CJ34" s="71">
        <v>0</v>
      </c>
      <c r="CK34" s="72">
        <v>0</v>
      </c>
      <c r="CL34" s="73">
        <v>0</v>
      </c>
      <c r="CM34" s="70">
        <v>6</v>
      </c>
      <c r="CN34" s="71">
        <v>5</v>
      </c>
      <c r="CO34" s="72">
        <v>11</v>
      </c>
      <c r="CP34" s="244"/>
      <c r="CQ34" s="71">
        <v>7</v>
      </c>
      <c r="CR34" s="71">
        <v>7</v>
      </c>
      <c r="CS34" s="71">
        <v>7</v>
      </c>
      <c r="CT34" s="71">
        <v>4</v>
      </c>
      <c r="CU34" s="71">
        <v>0</v>
      </c>
      <c r="CV34" s="72">
        <v>25</v>
      </c>
      <c r="CW34" s="73">
        <v>36</v>
      </c>
      <c r="CX34" s="123">
        <v>3</v>
      </c>
      <c r="CY34" s="82">
        <v>1</v>
      </c>
      <c r="CZ34" s="83">
        <v>4</v>
      </c>
      <c r="DA34" s="241"/>
      <c r="DB34" s="82">
        <v>1</v>
      </c>
      <c r="DC34" s="82">
        <v>3</v>
      </c>
      <c r="DD34" s="82">
        <v>1</v>
      </c>
      <c r="DE34" s="82">
        <v>1</v>
      </c>
      <c r="DF34" s="82">
        <v>1</v>
      </c>
      <c r="DG34" s="84">
        <v>7</v>
      </c>
      <c r="DH34" s="85">
        <v>11</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1</v>
      </c>
      <c r="EJ34" s="71">
        <v>0</v>
      </c>
      <c r="EK34" s="71">
        <v>0</v>
      </c>
      <c r="EL34" s="71">
        <v>0</v>
      </c>
      <c r="EM34" s="71">
        <v>0</v>
      </c>
      <c r="EN34" s="72">
        <v>1</v>
      </c>
      <c r="EO34" s="73">
        <v>1</v>
      </c>
      <c r="EP34" s="70">
        <v>1</v>
      </c>
      <c r="EQ34" s="71">
        <v>1</v>
      </c>
      <c r="ER34" s="72">
        <v>2</v>
      </c>
      <c r="ES34" s="244"/>
      <c r="ET34" s="71">
        <v>0</v>
      </c>
      <c r="EU34" s="71">
        <v>1</v>
      </c>
      <c r="EV34" s="71">
        <v>1</v>
      </c>
      <c r="EW34" s="71">
        <v>0</v>
      </c>
      <c r="EX34" s="71">
        <v>0</v>
      </c>
      <c r="EY34" s="72">
        <v>2</v>
      </c>
      <c r="EZ34" s="73">
        <v>4</v>
      </c>
      <c r="FA34" s="70">
        <v>2</v>
      </c>
      <c r="FB34" s="71">
        <v>0</v>
      </c>
      <c r="FC34" s="72">
        <v>2</v>
      </c>
      <c r="FD34" s="244"/>
      <c r="FE34" s="71">
        <v>0</v>
      </c>
      <c r="FF34" s="71">
        <v>1</v>
      </c>
      <c r="FG34" s="71">
        <v>0</v>
      </c>
      <c r="FH34" s="71">
        <v>0</v>
      </c>
      <c r="FI34" s="71">
        <v>0</v>
      </c>
      <c r="FJ34" s="72">
        <v>1</v>
      </c>
      <c r="FK34" s="73">
        <v>3</v>
      </c>
      <c r="FL34" s="70">
        <v>0</v>
      </c>
      <c r="FM34" s="71">
        <v>0</v>
      </c>
      <c r="FN34" s="72">
        <v>0</v>
      </c>
      <c r="FO34" s="244"/>
      <c r="FP34" s="71">
        <v>0</v>
      </c>
      <c r="FQ34" s="71">
        <v>1</v>
      </c>
      <c r="FR34" s="71">
        <v>0</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3</v>
      </c>
      <c r="GI34" s="71">
        <v>1</v>
      </c>
      <c r="GJ34" s="72">
        <v>4</v>
      </c>
      <c r="GK34" s="244"/>
      <c r="GL34" s="71">
        <v>1</v>
      </c>
      <c r="GM34" s="71">
        <v>3</v>
      </c>
      <c r="GN34" s="71">
        <v>1</v>
      </c>
      <c r="GO34" s="71">
        <v>1</v>
      </c>
      <c r="GP34" s="71">
        <v>1</v>
      </c>
      <c r="GQ34" s="72">
        <v>7</v>
      </c>
      <c r="GR34" s="73">
        <v>11</v>
      </c>
      <c r="GS34" s="123">
        <v>9</v>
      </c>
      <c r="GT34" s="82">
        <v>6</v>
      </c>
      <c r="GU34" s="83">
        <v>15</v>
      </c>
      <c r="GV34" s="241"/>
      <c r="GW34" s="82">
        <v>8</v>
      </c>
      <c r="GX34" s="82">
        <v>10</v>
      </c>
      <c r="GY34" s="82">
        <v>8</v>
      </c>
      <c r="GZ34" s="82">
        <v>5</v>
      </c>
      <c r="HA34" s="82">
        <v>1</v>
      </c>
      <c r="HB34" s="84">
        <v>32</v>
      </c>
      <c r="HC34" s="85">
        <v>47</v>
      </c>
      <c r="HD34" s="70">
        <v>0</v>
      </c>
      <c r="HE34" s="71">
        <v>0</v>
      </c>
      <c r="HF34" s="72">
        <v>0</v>
      </c>
      <c r="HG34" s="244"/>
      <c r="HH34" s="71">
        <v>0</v>
      </c>
      <c r="HI34" s="71">
        <v>0</v>
      </c>
      <c r="HJ34" s="71">
        <v>0</v>
      </c>
      <c r="HK34" s="71">
        <v>1</v>
      </c>
      <c r="HL34" s="71">
        <v>0</v>
      </c>
      <c r="HM34" s="72">
        <v>1</v>
      </c>
      <c r="HN34" s="73">
        <v>1</v>
      </c>
      <c r="HO34" s="70">
        <v>0</v>
      </c>
      <c r="HP34" s="71">
        <v>0</v>
      </c>
      <c r="HQ34" s="72">
        <v>0</v>
      </c>
      <c r="HR34" s="244"/>
      <c r="HS34" s="71">
        <v>1</v>
      </c>
      <c r="HT34" s="71">
        <v>0</v>
      </c>
      <c r="HU34" s="71">
        <v>0</v>
      </c>
      <c r="HV34" s="71">
        <v>0</v>
      </c>
      <c r="HW34" s="71">
        <v>0</v>
      </c>
      <c r="HX34" s="72">
        <v>1</v>
      </c>
      <c r="HY34" s="73">
        <v>1</v>
      </c>
      <c r="HZ34" s="70">
        <v>0</v>
      </c>
      <c r="IA34" s="71">
        <v>1</v>
      </c>
      <c r="IB34" s="72">
        <v>1</v>
      </c>
      <c r="IC34" s="244"/>
      <c r="ID34" s="71">
        <v>1</v>
      </c>
      <c r="IE34" s="71">
        <v>0</v>
      </c>
      <c r="IF34" s="71">
        <v>1</v>
      </c>
      <c r="IG34" s="71">
        <v>0</v>
      </c>
      <c r="IH34" s="71">
        <v>0</v>
      </c>
      <c r="II34" s="72">
        <v>2</v>
      </c>
      <c r="IJ34" s="73">
        <v>3</v>
      </c>
      <c r="IK34" s="70">
        <v>1</v>
      </c>
      <c r="IL34" s="71">
        <v>2</v>
      </c>
      <c r="IM34" s="72">
        <v>3</v>
      </c>
      <c r="IN34" s="244"/>
      <c r="IO34" s="71">
        <v>2</v>
      </c>
      <c r="IP34" s="71">
        <v>2</v>
      </c>
      <c r="IQ34" s="71">
        <v>1</v>
      </c>
      <c r="IR34" s="71">
        <v>1</v>
      </c>
      <c r="IS34" s="71">
        <v>0</v>
      </c>
      <c r="IT34" s="72">
        <v>6</v>
      </c>
      <c r="IU34" s="73">
        <v>9</v>
      </c>
      <c r="IV34" s="70">
        <v>4</v>
      </c>
      <c r="IW34" s="71">
        <v>1</v>
      </c>
      <c r="IX34" s="72">
        <v>5</v>
      </c>
      <c r="IY34" s="244"/>
      <c r="IZ34" s="71">
        <v>2</v>
      </c>
      <c r="JA34" s="71">
        <v>4</v>
      </c>
      <c r="JB34" s="71">
        <v>1</v>
      </c>
      <c r="JC34" s="71">
        <v>0</v>
      </c>
      <c r="JD34" s="71">
        <v>0</v>
      </c>
      <c r="JE34" s="72">
        <v>7</v>
      </c>
      <c r="JF34" s="73">
        <v>12</v>
      </c>
      <c r="JG34" s="70">
        <v>4</v>
      </c>
      <c r="JH34" s="71">
        <v>2</v>
      </c>
      <c r="JI34" s="72">
        <v>6</v>
      </c>
      <c r="JJ34" s="244"/>
      <c r="JK34" s="71">
        <v>2</v>
      </c>
      <c r="JL34" s="71">
        <v>4</v>
      </c>
      <c r="JM34" s="71">
        <v>5</v>
      </c>
      <c r="JN34" s="71">
        <v>3</v>
      </c>
      <c r="JO34" s="71">
        <v>1</v>
      </c>
      <c r="JP34" s="72">
        <v>15</v>
      </c>
      <c r="JQ34" s="73">
        <v>21</v>
      </c>
      <c r="JR34" s="70">
        <v>0</v>
      </c>
      <c r="JS34" s="71">
        <v>0</v>
      </c>
      <c r="JT34" s="72">
        <v>0</v>
      </c>
      <c r="JU34" s="244"/>
      <c r="JV34" s="71">
        <v>0</v>
      </c>
      <c r="JW34" s="71">
        <v>0</v>
      </c>
      <c r="JX34" s="71">
        <v>0</v>
      </c>
      <c r="JY34" s="71">
        <v>0</v>
      </c>
      <c r="JZ34" s="71">
        <v>0</v>
      </c>
      <c r="KA34" s="72">
        <v>0</v>
      </c>
      <c r="KB34" s="73">
        <v>0</v>
      </c>
      <c r="KC34" s="70">
        <v>9</v>
      </c>
      <c r="KD34" s="71">
        <v>6</v>
      </c>
      <c r="KE34" s="72">
        <v>15</v>
      </c>
      <c r="KF34" s="244"/>
      <c r="KG34" s="71">
        <v>8</v>
      </c>
      <c r="KH34" s="71">
        <v>10</v>
      </c>
      <c r="KI34" s="71">
        <v>8</v>
      </c>
      <c r="KJ34" s="71">
        <v>5</v>
      </c>
      <c r="KK34" s="71">
        <v>1</v>
      </c>
      <c r="KL34" s="72">
        <v>32</v>
      </c>
      <c r="KM34" s="73">
        <v>47</v>
      </c>
    </row>
    <row r="35" spans="2:299" ht="21" customHeight="1" x14ac:dyDescent="0.2">
      <c r="B35" s="126" t="s">
        <v>32</v>
      </c>
      <c r="C35" s="313">
        <v>2</v>
      </c>
      <c r="D35" s="82">
        <v>5</v>
      </c>
      <c r="E35" s="83">
        <v>7</v>
      </c>
      <c r="F35" s="241"/>
      <c r="G35" s="82">
        <v>9</v>
      </c>
      <c r="H35" s="82">
        <v>14</v>
      </c>
      <c r="I35" s="82">
        <v>6</v>
      </c>
      <c r="J35" s="82">
        <v>4</v>
      </c>
      <c r="K35" s="82">
        <v>1</v>
      </c>
      <c r="L35" s="84">
        <v>34</v>
      </c>
      <c r="M35" s="85">
        <v>41</v>
      </c>
      <c r="N35" s="70">
        <v>0</v>
      </c>
      <c r="O35" s="71">
        <v>0</v>
      </c>
      <c r="P35" s="72">
        <v>0</v>
      </c>
      <c r="Q35" s="244"/>
      <c r="R35" s="71">
        <v>0</v>
      </c>
      <c r="S35" s="71">
        <v>0</v>
      </c>
      <c r="T35" s="71">
        <v>0</v>
      </c>
      <c r="U35" s="71">
        <v>0</v>
      </c>
      <c r="V35" s="71">
        <v>0</v>
      </c>
      <c r="W35" s="72">
        <v>0</v>
      </c>
      <c r="X35" s="73">
        <v>0</v>
      </c>
      <c r="Y35" s="70">
        <v>1</v>
      </c>
      <c r="Z35" s="71">
        <v>0</v>
      </c>
      <c r="AA35" s="72">
        <v>1</v>
      </c>
      <c r="AB35" s="244"/>
      <c r="AC35" s="71">
        <v>0</v>
      </c>
      <c r="AD35" s="71">
        <v>0</v>
      </c>
      <c r="AE35" s="71">
        <v>0</v>
      </c>
      <c r="AF35" s="71">
        <v>0</v>
      </c>
      <c r="AG35" s="71">
        <v>0</v>
      </c>
      <c r="AH35" s="72">
        <v>0</v>
      </c>
      <c r="AI35" s="73">
        <v>1</v>
      </c>
      <c r="AJ35" s="70">
        <v>0</v>
      </c>
      <c r="AK35" s="71">
        <v>0</v>
      </c>
      <c r="AL35" s="72">
        <v>0</v>
      </c>
      <c r="AM35" s="244"/>
      <c r="AN35" s="71">
        <v>0</v>
      </c>
      <c r="AO35" s="71">
        <v>3</v>
      </c>
      <c r="AP35" s="71">
        <v>1</v>
      </c>
      <c r="AQ35" s="71">
        <v>0</v>
      </c>
      <c r="AR35" s="71">
        <v>0</v>
      </c>
      <c r="AS35" s="72">
        <v>4</v>
      </c>
      <c r="AT35" s="73">
        <v>4</v>
      </c>
      <c r="AU35" s="70">
        <v>0</v>
      </c>
      <c r="AV35" s="71">
        <v>1</v>
      </c>
      <c r="AW35" s="72">
        <v>1</v>
      </c>
      <c r="AX35" s="244"/>
      <c r="AY35" s="71">
        <v>2</v>
      </c>
      <c r="AZ35" s="71">
        <v>1</v>
      </c>
      <c r="BA35" s="71">
        <v>1</v>
      </c>
      <c r="BB35" s="71">
        <v>1</v>
      </c>
      <c r="BC35" s="71">
        <v>0</v>
      </c>
      <c r="BD35" s="72">
        <v>5</v>
      </c>
      <c r="BE35" s="73">
        <v>6</v>
      </c>
      <c r="BF35" s="70">
        <v>0</v>
      </c>
      <c r="BG35" s="71">
        <v>3</v>
      </c>
      <c r="BH35" s="72">
        <v>3</v>
      </c>
      <c r="BI35" s="244"/>
      <c r="BJ35" s="71">
        <v>4</v>
      </c>
      <c r="BK35" s="71">
        <v>3</v>
      </c>
      <c r="BL35" s="71">
        <v>3</v>
      </c>
      <c r="BM35" s="71">
        <v>1</v>
      </c>
      <c r="BN35" s="71">
        <v>1</v>
      </c>
      <c r="BO35" s="72">
        <v>12</v>
      </c>
      <c r="BP35" s="73">
        <v>15</v>
      </c>
      <c r="BQ35" s="70">
        <v>1</v>
      </c>
      <c r="BR35" s="71">
        <v>1</v>
      </c>
      <c r="BS35" s="72">
        <v>2</v>
      </c>
      <c r="BT35" s="244"/>
      <c r="BU35" s="71">
        <v>3</v>
      </c>
      <c r="BV35" s="71">
        <v>7</v>
      </c>
      <c r="BW35" s="71">
        <v>1</v>
      </c>
      <c r="BX35" s="71">
        <v>2</v>
      </c>
      <c r="BY35" s="71">
        <v>0</v>
      </c>
      <c r="BZ35" s="72">
        <v>13</v>
      </c>
      <c r="CA35" s="73">
        <v>15</v>
      </c>
      <c r="CB35" s="70">
        <v>0</v>
      </c>
      <c r="CC35" s="71">
        <v>0</v>
      </c>
      <c r="CD35" s="72">
        <v>0</v>
      </c>
      <c r="CE35" s="244"/>
      <c r="CF35" s="71">
        <v>0</v>
      </c>
      <c r="CG35" s="71">
        <v>0</v>
      </c>
      <c r="CH35" s="71">
        <v>0</v>
      </c>
      <c r="CI35" s="71">
        <v>0</v>
      </c>
      <c r="CJ35" s="71">
        <v>0</v>
      </c>
      <c r="CK35" s="72">
        <v>0</v>
      </c>
      <c r="CL35" s="73">
        <v>0</v>
      </c>
      <c r="CM35" s="70">
        <v>2</v>
      </c>
      <c r="CN35" s="71">
        <v>5</v>
      </c>
      <c r="CO35" s="72">
        <v>7</v>
      </c>
      <c r="CP35" s="244"/>
      <c r="CQ35" s="71">
        <v>9</v>
      </c>
      <c r="CR35" s="71">
        <v>14</v>
      </c>
      <c r="CS35" s="71">
        <v>6</v>
      </c>
      <c r="CT35" s="71">
        <v>4</v>
      </c>
      <c r="CU35" s="71">
        <v>1</v>
      </c>
      <c r="CV35" s="72">
        <v>34</v>
      </c>
      <c r="CW35" s="73">
        <v>41</v>
      </c>
      <c r="CX35" s="123">
        <v>0</v>
      </c>
      <c r="CY35" s="82">
        <v>0</v>
      </c>
      <c r="CZ35" s="83">
        <v>0</v>
      </c>
      <c r="DA35" s="241"/>
      <c r="DB35" s="82">
        <v>1</v>
      </c>
      <c r="DC35" s="82">
        <v>2</v>
      </c>
      <c r="DD35" s="82">
        <v>4</v>
      </c>
      <c r="DE35" s="82">
        <v>3</v>
      </c>
      <c r="DF35" s="82">
        <v>3</v>
      </c>
      <c r="DG35" s="84">
        <v>13</v>
      </c>
      <c r="DH35" s="85">
        <v>13</v>
      </c>
      <c r="DI35" s="70">
        <v>0</v>
      </c>
      <c r="DJ35" s="71">
        <v>0</v>
      </c>
      <c r="DK35" s="72">
        <v>0</v>
      </c>
      <c r="DL35" s="244"/>
      <c r="DM35" s="71">
        <v>0</v>
      </c>
      <c r="DN35" s="71">
        <v>0</v>
      </c>
      <c r="DO35" s="71">
        <v>1</v>
      </c>
      <c r="DP35" s="71">
        <v>0</v>
      </c>
      <c r="DQ35" s="71">
        <v>0</v>
      </c>
      <c r="DR35" s="72">
        <v>1</v>
      </c>
      <c r="DS35" s="73">
        <v>1</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0</v>
      </c>
      <c r="EU35" s="71">
        <v>1</v>
      </c>
      <c r="EV35" s="71">
        <v>1</v>
      </c>
      <c r="EW35" s="71">
        <v>0</v>
      </c>
      <c r="EX35" s="71">
        <v>0</v>
      </c>
      <c r="EY35" s="72">
        <v>2</v>
      </c>
      <c r="EZ35" s="73">
        <v>2</v>
      </c>
      <c r="FA35" s="70">
        <v>0</v>
      </c>
      <c r="FB35" s="71">
        <v>0</v>
      </c>
      <c r="FC35" s="72">
        <v>0</v>
      </c>
      <c r="FD35" s="244"/>
      <c r="FE35" s="71">
        <v>1</v>
      </c>
      <c r="FF35" s="71">
        <v>0</v>
      </c>
      <c r="FG35" s="71">
        <v>1</v>
      </c>
      <c r="FH35" s="71">
        <v>2</v>
      </c>
      <c r="FI35" s="71">
        <v>1</v>
      </c>
      <c r="FJ35" s="72">
        <v>5</v>
      </c>
      <c r="FK35" s="73">
        <v>5</v>
      </c>
      <c r="FL35" s="70">
        <v>0</v>
      </c>
      <c r="FM35" s="71">
        <v>0</v>
      </c>
      <c r="FN35" s="72">
        <v>0</v>
      </c>
      <c r="FO35" s="244"/>
      <c r="FP35" s="71">
        <v>0</v>
      </c>
      <c r="FQ35" s="71">
        <v>1</v>
      </c>
      <c r="FR35" s="71">
        <v>1</v>
      </c>
      <c r="FS35" s="71">
        <v>1</v>
      </c>
      <c r="FT35" s="71">
        <v>2</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1</v>
      </c>
      <c r="GM35" s="71">
        <v>2</v>
      </c>
      <c r="GN35" s="71">
        <v>4</v>
      </c>
      <c r="GO35" s="71">
        <v>3</v>
      </c>
      <c r="GP35" s="71">
        <v>3</v>
      </c>
      <c r="GQ35" s="72">
        <v>13</v>
      </c>
      <c r="GR35" s="73">
        <v>13</v>
      </c>
      <c r="GS35" s="123">
        <v>2</v>
      </c>
      <c r="GT35" s="82">
        <v>5</v>
      </c>
      <c r="GU35" s="83">
        <v>7</v>
      </c>
      <c r="GV35" s="241"/>
      <c r="GW35" s="82">
        <v>10</v>
      </c>
      <c r="GX35" s="82">
        <v>16</v>
      </c>
      <c r="GY35" s="82">
        <v>10</v>
      </c>
      <c r="GZ35" s="82">
        <v>7</v>
      </c>
      <c r="HA35" s="82">
        <v>4</v>
      </c>
      <c r="HB35" s="84">
        <v>47</v>
      </c>
      <c r="HC35" s="85">
        <v>54</v>
      </c>
      <c r="HD35" s="70">
        <v>0</v>
      </c>
      <c r="HE35" s="71">
        <v>0</v>
      </c>
      <c r="HF35" s="72">
        <v>0</v>
      </c>
      <c r="HG35" s="244"/>
      <c r="HH35" s="71">
        <v>0</v>
      </c>
      <c r="HI35" s="71">
        <v>0</v>
      </c>
      <c r="HJ35" s="71">
        <v>1</v>
      </c>
      <c r="HK35" s="71">
        <v>0</v>
      </c>
      <c r="HL35" s="71">
        <v>0</v>
      </c>
      <c r="HM35" s="72">
        <v>1</v>
      </c>
      <c r="HN35" s="73">
        <v>1</v>
      </c>
      <c r="HO35" s="70">
        <v>1</v>
      </c>
      <c r="HP35" s="71">
        <v>0</v>
      </c>
      <c r="HQ35" s="72">
        <v>1</v>
      </c>
      <c r="HR35" s="244"/>
      <c r="HS35" s="71">
        <v>0</v>
      </c>
      <c r="HT35" s="71">
        <v>0</v>
      </c>
      <c r="HU35" s="71">
        <v>0</v>
      </c>
      <c r="HV35" s="71">
        <v>0</v>
      </c>
      <c r="HW35" s="71">
        <v>0</v>
      </c>
      <c r="HX35" s="72">
        <v>0</v>
      </c>
      <c r="HY35" s="73">
        <v>1</v>
      </c>
      <c r="HZ35" s="70">
        <v>0</v>
      </c>
      <c r="IA35" s="71">
        <v>0</v>
      </c>
      <c r="IB35" s="72">
        <v>0</v>
      </c>
      <c r="IC35" s="244"/>
      <c r="ID35" s="71">
        <v>0</v>
      </c>
      <c r="IE35" s="71">
        <v>3</v>
      </c>
      <c r="IF35" s="71">
        <v>1</v>
      </c>
      <c r="IG35" s="71">
        <v>0</v>
      </c>
      <c r="IH35" s="71">
        <v>0</v>
      </c>
      <c r="II35" s="72">
        <v>4</v>
      </c>
      <c r="IJ35" s="73">
        <v>4</v>
      </c>
      <c r="IK35" s="70">
        <v>0</v>
      </c>
      <c r="IL35" s="71">
        <v>1</v>
      </c>
      <c r="IM35" s="72">
        <v>1</v>
      </c>
      <c r="IN35" s="244"/>
      <c r="IO35" s="71">
        <v>2</v>
      </c>
      <c r="IP35" s="71">
        <v>2</v>
      </c>
      <c r="IQ35" s="71">
        <v>2</v>
      </c>
      <c r="IR35" s="71">
        <v>1</v>
      </c>
      <c r="IS35" s="71">
        <v>0</v>
      </c>
      <c r="IT35" s="72">
        <v>7</v>
      </c>
      <c r="IU35" s="73">
        <v>8</v>
      </c>
      <c r="IV35" s="70">
        <v>0</v>
      </c>
      <c r="IW35" s="71">
        <v>3</v>
      </c>
      <c r="IX35" s="72">
        <v>3</v>
      </c>
      <c r="IY35" s="244"/>
      <c r="IZ35" s="71">
        <v>5</v>
      </c>
      <c r="JA35" s="71">
        <v>3</v>
      </c>
      <c r="JB35" s="71">
        <v>4</v>
      </c>
      <c r="JC35" s="71">
        <v>3</v>
      </c>
      <c r="JD35" s="71">
        <v>2</v>
      </c>
      <c r="JE35" s="72">
        <v>17</v>
      </c>
      <c r="JF35" s="73">
        <v>20</v>
      </c>
      <c r="JG35" s="70">
        <v>1</v>
      </c>
      <c r="JH35" s="71">
        <v>1</v>
      </c>
      <c r="JI35" s="72">
        <v>2</v>
      </c>
      <c r="JJ35" s="244"/>
      <c r="JK35" s="71">
        <v>3</v>
      </c>
      <c r="JL35" s="71">
        <v>8</v>
      </c>
      <c r="JM35" s="71">
        <v>2</v>
      </c>
      <c r="JN35" s="71">
        <v>3</v>
      </c>
      <c r="JO35" s="71">
        <v>2</v>
      </c>
      <c r="JP35" s="72">
        <v>18</v>
      </c>
      <c r="JQ35" s="73">
        <v>20</v>
      </c>
      <c r="JR35" s="70">
        <v>0</v>
      </c>
      <c r="JS35" s="71">
        <v>0</v>
      </c>
      <c r="JT35" s="72">
        <v>0</v>
      </c>
      <c r="JU35" s="244"/>
      <c r="JV35" s="71">
        <v>0</v>
      </c>
      <c r="JW35" s="71">
        <v>0</v>
      </c>
      <c r="JX35" s="71">
        <v>0</v>
      </c>
      <c r="JY35" s="71">
        <v>0</v>
      </c>
      <c r="JZ35" s="71">
        <v>0</v>
      </c>
      <c r="KA35" s="72">
        <v>0</v>
      </c>
      <c r="KB35" s="73">
        <v>0</v>
      </c>
      <c r="KC35" s="70">
        <v>2</v>
      </c>
      <c r="KD35" s="71">
        <v>5</v>
      </c>
      <c r="KE35" s="72">
        <v>7</v>
      </c>
      <c r="KF35" s="244"/>
      <c r="KG35" s="71">
        <v>10</v>
      </c>
      <c r="KH35" s="71">
        <v>16</v>
      </c>
      <c r="KI35" s="71">
        <v>10</v>
      </c>
      <c r="KJ35" s="71">
        <v>7</v>
      </c>
      <c r="KK35" s="71">
        <v>4</v>
      </c>
      <c r="KL35" s="72">
        <v>47</v>
      </c>
      <c r="KM35" s="73">
        <v>54</v>
      </c>
    </row>
    <row r="36" spans="2:299" ht="21" customHeight="1" x14ac:dyDescent="0.2">
      <c r="B36" s="126" t="s">
        <v>33</v>
      </c>
      <c r="C36" s="313">
        <v>6</v>
      </c>
      <c r="D36" s="82">
        <v>3</v>
      </c>
      <c r="E36" s="83">
        <v>9</v>
      </c>
      <c r="F36" s="241"/>
      <c r="G36" s="82">
        <v>7</v>
      </c>
      <c r="H36" s="82">
        <v>1</v>
      </c>
      <c r="I36" s="82">
        <v>2</v>
      </c>
      <c r="J36" s="82">
        <v>0</v>
      </c>
      <c r="K36" s="82">
        <v>2</v>
      </c>
      <c r="L36" s="84">
        <v>12</v>
      </c>
      <c r="M36" s="85">
        <v>21</v>
      </c>
      <c r="N36" s="70">
        <v>0</v>
      </c>
      <c r="O36" s="71">
        <v>0</v>
      </c>
      <c r="P36" s="72">
        <v>0</v>
      </c>
      <c r="Q36" s="244"/>
      <c r="R36" s="71">
        <v>0</v>
      </c>
      <c r="S36" s="71">
        <v>0</v>
      </c>
      <c r="T36" s="71">
        <v>0</v>
      </c>
      <c r="U36" s="71">
        <v>0</v>
      </c>
      <c r="V36" s="71">
        <v>0</v>
      </c>
      <c r="W36" s="72">
        <v>0</v>
      </c>
      <c r="X36" s="73">
        <v>0</v>
      </c>
      <c r="Y36" s="70">
        <v>0</v>
      </c>
      <c r="Z36" s="71">
        <v>0</v>
      </c>
      <c r="AA36" s="72">
        <v>0</v>
      </c>
      <c r="AB36" s="244"/>
      <c r="AC36" s="71">
        <v>0</v>
      </c>
      <c r="AD36" s="71">
        <v>0</v>
      </c>
      <c r="AE36" s="71">
        <v>0</v>
      </c>
      <c r="AF36" s="71">
        <v>0</v>
      </c>
      <c r="AG36" s="71">
        <v>0</v>
      </c>
      <c r="AH36" s="72">
        <v>0</v>
      </c>
      <c r="AI36" s="73">
        <v>0</v>
      </c>
      <c r="AJ36" s="70">
        <v>2</v>
      </c>
      <c r="AK36" s="71">
        <v>0</v>
      </c>
      <c r="AL36" s="72">
        <v>2</v>
      </c>
      <c r="AM36" s="244"/>
      <c r="AN36" s="71">
        <v>1</v>
      </c>
      <c r="AO36" s="71">
        <v>0</v>
      </c>
      <c r="AP36" s="71">
        <v>0</v>
      </c>
      <c r="AQ36" s="71">
        <v>0</v>
      </c>
      <c r="AR36" s="71">
        <v>0</v>
      </c>
      <c r="AS36" s="72">
        <v>1</v>
      </c>
      <c r="AT36" s="73">
        <v>3</v>
      </c>
      <c r="AU36" s="70">
        <v>1</v>
      </c>
      <c r="AV36" s="71">
        <v>1</v>
      </c>
      <c r="AW36" s="72">
        <v>2</v>
      </c>
      <c r="AX36" s="244"/>
      <c r="AY36" s="71">
        <v>1</v>
      </c>
      <c r="AZ36" s="71">
        <v>1</v>
      </c>
      <c r="BA36" s="71">
        <v>1</v>
      </c>
      <c r="BB36" s="71">
        <v>0</v>
      </c>
      <c r="BC36" s="71">
        <v>0</v>
      </c>
      <c r="BD36" s="72">
        <v>3</v>
      </c>
      <c r="BE36" s="73">
        <v>5</v>
      </c>
      <c r="BF36" s="70">
        <v>1</v>
      </c>
      <c r="BG36" s="71">
        <v>2</v>
      </c>
      <c r="BH36" s="72">
        <v>3</v>
      </c>
      <c r="BI36" s="244"/>
      <c r="BJ36" s="71">
        <v>0</v>
      </c>
      <c r="BK36" s="71">
        <v>0</v>
      </c>
      <c r="BL36" s="71">
        <v>1</v>
      </c>
      <c r="BM36" s="71">
        <v>0</v>
      </c>
      <c r="BN36" s="71">
        <v>2</v>
      </c>
      <c r="BO36" s="72">
        <v>3</v>
      </c>
      <c r="BP36" s="73">
        <v>6</v>
      </c>
      <c r="BQ36" s="70">
        <v>2</v>
      </c>
      <c r="BR36" s="71">
        <v>0</v>
      </c>
      <c r="BS36" s="72">
        <v>2</v>
      </c>
      <c r="BT36" s="244"/>
      <c r="BU36" s="71">
        <v>5</v>
      </c>
      <c r="BV36" s="71">
        <v>0</v>
      </c>
      <c r="BW36" s="71">
        <v>0</v>
      </c>
      <c r="BX36" s="71">
        <v>0</v>
      </c>
      <c r="BY36" s="71">
        <v>0</v>
      </c>
      <c r="BZ36" s="72">
        <v>5</v>
      </c>
      <c r="CA36" s="73">
        <v>7</v>
      </c>
      <c r="CB36" s="70">
        <v>0</v>
      </c>
      <c r="CC36" s="71">
        <v>0</v>
      </c>
      <c r="CD36" s="72">
        <v>0</v>
      </c>
      <c r="CE36" s="244"/>
      <c r="CF36" s="71">
        <v>0</v>
      </c>
      <c r="CG36" s="71">
        <v>0</v>
      </c>
      <c r="CH36" s="71">
        <v>0</v>
      </c>
      <c r="CI36" s="71">
        <v>0</v>
      </c>
      <c r="CJ36" s="71">
        <v>0</v>
      </c>
      <c r="CK36" s="72">
        <v>0</v>
      </c>
      <c r="CL36" s="73">
        <v>0</v>
      </c>
      <c r="CM36" s="70">
        <v>6</v>
      </c>
      <c r="CN36" s="71">
        <v>3</v>
      </c>
      <c r="CO36" s="72">
        <v>9</v>
      </c>
      <c r="CP36" s="244"/>
      <c r="CQ36" s="71">
        <v>7</v>
      </c>
      <c r="CR36" s="71">
        <v>1</v>
      </c>
      <c r="CS36" s="71">
        <v>2</v>
      </c>
      <c r="CT36" s="71">
        <v>0</v>
      </c>
      <c r="CU36" s="71">
        <v>2</v>
      </c>
      <c r="CV36" s="72">
        <v>12</v>
      </c>
      <c r="CW36" s="73">
        <v>21</v>
      </c>
      <c r="CX36" s="123">
        <v>1</v>
      </c>
      <c r="CY36" s="82">
        <v>2</v>
      </c>
      <c r="CZ36" s="83">
        <v>3</v>
      </c>
      <c r="DA36" s="241"/>
      <c r="DB36" s="82">
        <v>0</v>
      </c>
      <c r="DC36" s="82">
        <v>3</v>
      </c>
      <c r="DD36" s="82">
        <v>0</v>
      </c>
      <c r="DE36" s="82">
        <v>1</v>
      </c>
      <c r="DF36" s="82">
        <v>0</v>
      </c>
      <c r="DG36" s="84">
        <v>4</v>
      </c>
      <c r="DH36" s="85">
        <v>7</v>
      </c>
      <c r="DI36" s="70">
        <v>0</v>
      </c>
      <c r="DJ36" s="71">
        <v>0</v>
      </c>
      <c r="DK36" s="72">
        <v>0</v>
      </c>
      <c r="DL36" s="244"/>
      <c r="DM36" s="71">
        <v>0</v>
      </c>
      <c r="DN36" s="71">
        <v>1</v>
      </c>
      <c r="DO36" s="71">
        <v>0</v>
      </c>
      <c r="DP36" s="71">
        <v>0</v>
      </c>
      <c r="DQ36" s="71">
        <v>0</v>
      </c>
      <c r="DR36" s="72">
        <v>1</v>
      </c>
      <c r="DS36" s="73">
        <v>1</v>
      </c>
      <c r="DT36" s="70">
        <v>0</v>
      </c>
      <c r="DU36" s="71">
        <v>1</v>
      </c>
      <c r="DV36" s="72">
        <v>1</v>
      </c>
      <c r="DW36" s="244"/>
      <c r="DX36" s="71">
        <v>0</v>
      </c>
      <c r="DY36" s="71">
        <v>0</v>
      </c>
      <c r="DZ36" s="71">
        <v>0</v>
      </c>
      <c r="EA36" s="71">
        <v>0</v>
      </c>
      <c r="EB36" s="71">
        <v>0</v>
      </c>
      <c r="EC36" s="72">
        <v>0</v>
      </c>
      <c r="ED36" s="73">
        <v>1</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0</v>
      </c>
      <c r="FG36" s="71">
        <v>0</v>
      </c>
      <c r="FH36" s="71">
        <v>0</v>
      </c>
      <c r="FI36" s="71">
        <v>0</v>
      </c>
      <c r="FJ36" s="72">
        <v>0</v>
      </c>
      <c r="FK36" s="73">
        <v>0</v>
      </c>
      <c r="FL36" s="70">
        <v>1</v>
      </c>
      <c r="FM36" s="71">
        <v>1</v>
      </c>
      <c r="FN36" s="72">
        <v>2</v>
      </c>
      <c r="FO36" s="244"/>
      <c r="FP36" s="71">
        <v>0</v>
      </c>
      <c r="FQ36" s="71">
        <v>2</v>
      </c>
      <c r="FR36" s="71">
        <v>0</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1</v>
      </c>
      <c r="GI36" s="71">
        <v>2</v>
      </c>
      <c r="GJ36" s="72">
        <v>3</v>
      </c>
      <c r="GK36" s="244"/>
      <c r="GL36" s="71">
        <v>0</v>
      </c>
      <c r="GM36" s="71">
        <v>3</v>
      </c>
      <c r="GN36" s="71">
        <v>0</v>
      </c>
      <c r="GO36" s="71">
        <v>1</v>
      </c>
      <c r="GP36" s="71">
        <v>0</v>
      </c>
      <c r="GQ36" s="72">
        <v>4</v>
      </c>
      <c r="GR36" s="73">
        <v>7</v>
      </c>
      <c r="GS36" s="123">
        <v>7</v>
      </c>
      <c r="GT36" s="82">
        <v>5</v>
      </c>
      <c r="GU36" s="83">
        <v>12</v>
      </c>
      <c r="GV36" s="241"/>
      <c r="GW36" s="82">
        <v>7</v>
      </c>
      <c r="GX36" s="82">
        <v>4</v>
      </c>
      <c r="GY36" s="82">
        <v>2</v>
      </c>
      <c r="GZ36" s="82">
        <v>1</v>
      </c>
      <c r="HA36" s="82">
        <v>2</v>
      </c>
      <c r="HB36" s="84">
        <v>16</v>
      </c>
      <c r="HC36" s="85">
        <v>28</v>
      </c>
      <c r="HD36" s="70">
        <v>0</v>
      </c>
      <c r="HE36" s="71">
        <v>0</v>
      </c>
      <c r="HF36" s="72">
        <v>0</v>
      </c>
      <c r="HG36" s="244"/>
      <c r="HH36" s="71">
        <v>0</v>
      </c>
      <c r="HI36" s="71">
        <v>1</v>
      </c>
      <c r="HJ36" s="71">
        <v>0</v>
      </c>
      <c r="HK36" s="71">
        <v>0</v>
      </c>
      <c r="HL36" s="71">
        <v>0</v>
      </c>
      <c r="HM36" s="72">
        <v>1</v>
      </c>
      <c r="HN36" s="73">
        <v>1</v>
      </c>
      <c r="HO36" s="70">
        <v>0</v>
      </c>
      <c r="HP36" s="71">
        <v>1</v>
      </c>
      <c r="HQ36" s="72">
        <v>1</v>
      </c>
      <c r="HR36" s="244"/>
      <c r="HS36" s="71">
        <v>0</v>
      </c>
      <c r="HT36" s="71">
        <v>0</v>
      </c>
      <c r="HU36" s="71">
        <v>0</v>
      </c>
      <c r="HV36" s="71">
        <v>0</v>
      </c>
      <c r="HW36" s="71">
        <v>0</v>
      </c>
      <c r="HX36" s="72">
        <v>0</v>
      </c>
      <c r="HY36" s="73">
        <v>1</v>
      </c>
      <c r="HZ36" s="70">
        <v>2</v>
      </c>
      <c r="IA36" s="71">
        <v>0</v>
      </c>
      <c r="IB36" s="72">
        <v>2</v>
      </c>
      <c r="IC36" s="244"/>
      <c r="ID36" s="71">
        <v>1</v>
      </c>
      <c r="IE36" s="71">
        <v>0</v>
      </c>
      <c r="IF36" s="71">
        <v>0</v>
      </c>
      <c r="IG36" s="71">
        <v>0</v>
      </c>
      <c r="IH36" s="71">
        <v>0</v>
      </c>
      <c r="II36" s="72">
        <v>1</v>
      </c>
      <c r="IJ36" s="73">
        <v>3</v>
      </c>
      <c r="IK36" s="70">
        <v>1</v>
      </c>
      <c r="IL36" s="71">
        <v>1</v>
      </c>
      <c r="IM36" s="72">
        <v>2</v>
      </c>
      <c r="IN36" s="244"/>
      <c r="IO36" s="71">
        <v>1</v>
      </c>
      <c r="IP36" s="71">
        <v>1</v>
      </c>
      <c r="IQ36" s="71">
        <v>1</v>
      </c>
      <c r="IR36" s="71">
        <v>0</v>
      </c>
      <c r="IS36" s="71">
        <v>0</v>
      </c>
      <c r="IT36" s="72">
        <v>3</v>
      </c>
      <c r="IU36" s="73">
        <v>5</v>
      </c>
      <c r="IV36" s="70">
        <v>1</v>
      </c>
      <c r="IW36" s="71">
        <v>2</v>
      </c>
      <c r="IX36" s="72">
        <v>3</v>
      </c>
      <c r="IY36" s="244"/>
      <c r="IZ36" s="71">
        <v>0</v>
      </c>
      <c r="JA36" s="71">
        <v>0</v>
      </c>
      <c r="JB36" s="71">
        <v>1</v>
      </c>
      <c r="JC36" s="71">
        <v>0</v>
      </c>
      <c r="JD36" s="71">
        <v>2</v>
      </c>
      <c r="JE36" s="72">
        <v>3</v>
      </c>
      <c r="JF36" s="73">
        <v>6</v>
      </c>
      <c r="JG36" s="70">
        <v>3</v>
      </c>
      <c r="JH36" s="71">
        <v>1</v>
      </c>
      <c r="JI36" s="72">
        <v>4</v>
      </c>
      <c r="JJ36" s="244"/>
      <c r="JK36" s="71">
        <v>5</v>
      </c>
      <c r="JL36" s="71">
        <v>2</v>
      </c>
      <c r="JM36" s="71">
        <v>0</v>
      </c>
      <c r="JN36" s="71">
        <v>1</v>
      </c>
      <c r="JO36" s="71">
        <v>0</v>
      </c>
      <c r="JP36" s="72">
        <v>8</v>
      </c>
      <c r="JQ36" s="73">
        <v>12</v>
      </c>
      <c r="JR36" s="70">
        <v>0</v>
      </c>
      <c r="JS36" s="71">
        <v>0</v>
      </c>
      <c r="JT36" s="72">
        <v>0</v>
      </c>
      <c r="JU36" s="244"/>
      <c r="JV36" s="71">
        <v>0</v>
      </c>
      <c r="JW36" s="71">
        <v>0</v>
      </c>
      <c r="JX36" s="71">
        <v>0</v>
      </c>
      <c r="JY36" s="71">
        <v>0</v>
      </c>
      <c r="JZ36" s="71">
        <v>0</v>
      </c>
      <c r="KA36" s="72">
        <v>0</v>
      </c>
      <c r="KB36" s="73">
        <v>0</v>
      </c>
      <c r="KC36" s="70">
        <v>7</v>
      </c>
      <c r="KD36" s="71">
        <v>5</v>
      </c>
      <c r="KE36" s="72">
        <v>12</v>
      </c>
      <c r="KF36" s="244"/>
      <c r="KG36" s="71">
        <v>7</v>
      </c>
      <c r="KH36" s="71">
        <v>4</v>
      </c>
      <c r="KI36" s="71">
        <v>2</v>
      </c>
      <c r="KJ36" s="71">
        <v>1</v>
      </c>
      <c r="KK36" s="71">
        <v>2</v>
      </c>
      <c r="KL36" s="72">
        <v>16</v>
      </c>
      <c r="KM36" s="73">
        <v>28</v>
      </c>
    </row>
    <row r="37" spans="2:299" ht="21" customHeight="1" x14ac:dyDescent="0.2">
      <c r="B37" s="126" t="s">
        <v>34</v>
      </c>
      <c r="C37" s="313">
        <v>3</v>
      </c>
      <c r="D37" s="82">
        <v>2</v>
      </c>
      <c r="E37" s="83">
        <v>5</v>
      </c>
      <c r="F37" s="241"/>
      <c r="G37" s="82">
        <v>4</v>
      </c>
      <c r="H37" s="82">
        <v>8</v>
      </c>
      <c r="I37" s="82">
        <v>3</v>
      </c>
      <c r="J37" s="82">
        <v>1</v>
      </c>
      <c r="K37" s="82">
        <v>0</v>
      </c>
      <c r="L37" s="84">
        <v>16</v>
      </c>
      <c r="M37" s="85">
        <v>21</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1</v>
      </c>
      <c r="AV37" s="71">
        <v>0</v>
      </c>
      <c r="AW37" s="72">
        <v>1</v>
      </c>
      <c r="AX37" s="244"/>
      <c r="AY37" s="71">
        <v>2</v>
      </c>
      <c r="AZ37" s="71">
        <v>2</v>
      </c>
      <c r="BA37" s="71">
        <v>0</v>
      </c>
      <c r="BB37" s="71">
        <v>1</v>
      </c>
      <c r="BC37" s="71">
        <v>0</v>
      </c>
      <c r="BD37" s="72">
        <v>5</v>
      </c>
      <c r="BE37" s="73">
        <v>6</v>
      </c>
      <c r="BF37" s="70">
        <v>1</v>
      </c>
      <c r="BG37" s="71">
        <v>1</v>
      </c>
      <c r="BH37" s="72">
        <v>2</v>
      </c>
      <c r="BI37" s="244"/>
      <c r="BJ37" s="71">
        <v>1</v>
      </c>
      <c r="BK37" s="71">
        <v>2</v>
      </c>
      <c r="BL37" s="71">
        <v>3</v>
      </c>
      <c r="BM37" s="71">
        <v>0</v>
      </c>
      <c r="BN37" s="71">
        <v>0</v>
      </c>
      <c r="BO37" s="72">
        <v>6</v>
      </c>
      <c r="BP37" s="73">
        <v>8</v>
      </c>
      <c r="BQ37" s="70">
        <v>1</v>
      </c>
      <c r="BR37" s="71">
        <v>1</v>
      </c>
      <c r="BS37" s="72">
        <v>2</v>
      </c>
      <c r="BT37" s="244"/>
      <c r="BU37" s="71">
        <v>1</v>
      </c>
      <c r="BV37" s="71">
        <v>3</v>
      </c>
      <c r="BW37" s="71">
        <v>0</v>
      </c>
      <c r="BX37" s="71">
        <v>0</v>
      </c>
      <c r="BY37" s="71">
        <v>0</v>
      </c>
      <c r="BZ37" s="72">
        <v>4</v>
      </c>
      <c r="CA37" s="73">
        <v>6</v>
      </c>
      <c r="CB37" s="70">
        <v>0</v>
      </c>
      <c r="CC37" s="71">
        <v>0</v>
      </c>
      <c r="CD37" s="72">
        <v>0</v>
      </c>
      <c r="CE37" s="244"/>
      <c r="CF37" s="71">
        <v>0</v>
      </c>
      <c r="CG37" s="71">
        <v>0</v>
      </c>
      <c r="CH37" s="71">
        <v>0</v>
      </c>
      <c r="CI37" s="71">
        <v>0</v>
      </c>
      <c r="CJ37" s="71">
        <v>0</v>
      </c>
      <c r="CK37" s="72">
        <v>0</v>
      </c>
      <c r="CL37" s="73">
        <v>0</v>
      </c>
      <c r="CM37" s="70">
        <v>3</v>
      </c>
      <c r="CN37" s="71">
        <v>2</v>
      </c>
      <c r="CO37" s="72">
        <v>5</v>
      </c>
      <c r="CP37" s="244"/>
      <c r="CQ37" s="71">
        <v>4</v>
      </c>
      <c r="CR37" s="71">
        <v>8</v>
      </c>
      <c r="CS37" s="71">
        <v>3</v>
      </c>
      <c r="CT37" s="71">
        <v>1</v>
      </c>
      <c r="CU37" s="71">
        <v>0</v>
      </c>
      <c r="CV37" s="72">
        <v>16</v>
      </c>
      <c r="CW37" s="73">
        <v>21</v>
      </c>
      <c r="CX37" s="123">
        <v>0</v>
      </c>
      <c r="CY37" s="82">
        <v>0</v>
      </c>
      <c r="CZ37" s="83">
        <v>0</v>
      </c>
      <c r="DA37" s="241"/>
      <c r="DB37" s="82">
        <v>0</v>
      </c>
      <c r="DC37" s="82">
        <v>0</v>
      </c>
      <c r="DD37" s="82">
        <v>0</v>
      </c>
      <c r="DE37" s="82">
        <v>0</v>
      </c>
      <c r="DF37" s="82">
        <v>2</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0</v>
      </c>
      <c r="FR37" s="71">
        <v>0</v>
      </c>
      <c r="FS37" s="71">
        <v>0</v>
      </c>
      <c r="FT37" s="71">
        <v>2</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0</v>
      </c>
      <c r="GN37" s="71">
        <v>0</v>
      </c>
      <c r="GO37" s="71">
        <v>0</v>
      </c>
      <c r="GP37" s="71">
        <v>2</v>
      </c>
      <c r="GQ37" s="72">
        <v>2</v>
      </c>
      <c r="GR37" s="73">
        <v>2</v>
      </c>
      <c r="GS37" s="123">
        <v>3</v>
      </c>
      <c r="GT37" s="82">
        <v>2</v>
      </c>
      <c r="GU37" s="83">
        <v>5</v>
      </c>
      <c r="GV37" s="241"/>
      <c r="GW37" s="82">
        <v>4</v>
      </c>
      <c r="GX37" s="82">
        <v>8</v>
      </c>
      <c r="GY37" s="82">
        <v>3</v>
      </c>
      <c r="GZ37" s="82">
        <v>1</v>
      </c>
      <c r="HA37" s="82">
        <v>2</v>
      </c>
      <c r="HB37" s="84">
        <v>18</v>
      </c>
      <c r="HC37" s="85">
        <v>23</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1</v>
      </c>
      <c r="IL37" s="71">
        <v>0</v>
      </c>
      <c r="IM37" s="72">
        <v>1</v>
      </c>
      <c r="IN37" s="244"/>
      <c r="IO37" s="71">
        <v>2</v>
      </c>
      <c r="IP37" s="71">
        <v>2</v>
      </c>
      <c r="IQ37" s="71">
        <v>0</v>
      </c>
      <c r="IR37" s="71">
        <v>1</v>
      </c>
      <c r="IS37" s="71">
        <v>0</v>
      </c>
      <c r="IT37" s="72">
        <v>5</v>
      </c>
      <c r="IU37" s="73">
        <v>6</v>
      </c>
      <c r="IV37" s="70">
        <v>1</v>
      </c>
      <c r="IW37" s="71">
        <v>1</v>
      </c>
      <c r="IX37" s="72">
        <v>2</v>
      </c>
      <c r="IY37" s="244"/>
      <c r="IZ37" s="71">
        <v>1</v>
      </c>
      <c r="JA37" s="71">
        <v>2</v>
      </c>
      <c r="JB37" s="71">
        <v>3</v>
      </c>
      <c r="JC37" s="71">
        <v>0</v>
      </c>
      <c r="JD37" s="71">
        <v>0</v>
      </c>
      <c r="JE37" s="72">
        <v>6</v>
      </c>
      <c r="JF37" s="73">
        <v>8</v>
      </c>
      <c r="JG37" s="70">
        <v>1</v>
      </c>
      <c r="JH37" s="71">
        <v>1</v>
      </c>
      <c r="JI37" s="72">
        <v>2</v>
      </c>
      <c r="JJ37" s="244"/>
      <c r="JK37" s="71">
        <v>1</v>
      </c>
      <c r="JL37" s="71">
        <v>3</v>
      </c>
      <c r="JM37" s="71">
        <v>0</v>
      </c>
      <c r="JN37" s="71">
        <v>0</v>
      </c>
      <c r="JO37" s="71">
        <v>2</v>
      </c>
      <c r="JP37" s="72">
        <v>6</v>
      </c>
      <c r="JQ37" s="73">
        <v>8</v>
      </c>
      <c r="JR37" s="70">
        <v>0</v>
      </c>
      <c r="JS37" s="71">
        <v>0</v>
      </c>
      <c r="JT37" s="72">
        <v>0</v>
      </c>
      <c r="JU37" s="244"/>
      <c r="JV37" s="71">
        <v>0</v>
      </c>
      <c r="JW37" s="71">
        <v>0</v>
      </c>
      <c r="JX37" s="71">
        <v>0</v>
      </c>
      <c r="JY37" s="71">
        <v>0</v>
      </c>
      <c r="JZ37" s="71">
        <v>0</v>
      </c>
      <c r="KA37" s="72">
        <v>0</v>
      </c>
      <c r="KB37" s="73">
        <v>0</v>
      </c>
      <c r="KC37" s="70">
        <v>3</v>
      </c>
      <c r="KD37" s="71">
        <v>2</v>
      </c>
      <c r="KE37" s="72">
        <v>5</v>
      </c>
      <c r="KF37" s="244"/>
      <c r="KG37" s="71">
        <v>4</v>
      </c>
      <c r="KH37" s="71">
        <v>8</v>
      </c>
      <c r="KI37" s="71">
        <v>3</v>
      </c>
      <c r="KJ37" s="71">
        <v>1</v>
      </c>
      <c r="KK37" s="71">
        <v>2</v>
      </c>
      <c r="KL37" s="72">
        <v>18</v>
      </c>
      <c r="KM37" s="73">
        <v>23</v>
      </c>
    </row>
    <row r="38" spans="2:299" ht="21" customHeight="1" x14ac:dyDescent="0.2">
      <c r="B38" s="126" t="s">
        <v>35</v>
      </c>
      <c r="C38" s="313">
        <v>14</v>
      </c>
      <c r="D38" s="82">
        <v>3</v>
      </c>
      <c r="E38" s="83">
        <v>17</v>
      </c>
      <c r="F38" s="241"/>
      <c r="G38" s="82">
        <v>24</v>
      </c>
      <c r="H38" s="82">
        <v>8</v>
      </c>
      <c r="I38" s="82">
        <v>2</v>
      </c>
      <c r="J38" s="82">
        <v>2</v>
      </c>
      <c r="K38" s="82">
        <v>5</v>
      </c>
      <c r="L38" s="84">
        <v>41</v>
      </c>
      <c r="M38" s="85">
        <v>58</v>
      </c>
      <c r="N38" s="70">
        <v>0</v>
      </c>
      <c r="O38" s="71">
        <v>0</v>
      </c>
      <c r="P38" s="72">
        <v>0</v>
      </c>
      <c r="Q38" s="244"/>
      <c r="R38" s="71">
        <v>0</v>
      </c>
      <c r="S38" s="71">
        <v>0</v>
      </c>
      <c r="T38" s="71">
        <v>0</v>
      </c>
      <c r="U38" s="71">
        <v>0</v>
      </c>
      <c r="V38" s="71">
        <v>0</v>
      </c>
      <c r="W38" s="72">
        <v>0</v>
      </c>
      <c r="X38" s="73">
        <v>0</v>
      </c>
      <c r="Y38" s="70">
        <v>1</v>
      </c>
      <c r="Z38" s="71">
        <v>0</v>
      </c>
      <c r="AA38" s="72">
        <v>1</v>
      </c>
      <c r="AB38" s="244"/>
      <c r="AC38" s="71">
        <v>0</v>
      </c>
      <c r="AD38" s="71">
        <v>0</v>
      </c>
      <c r="AE38" s="71">
        <v>0</v>
      </c>
      <c r="AF38" s="71">
        <v>0</v>
      </c>
      <c r="AG38" s="71">
        <v>0</v>
      </c>
      <c r="AH38" s="72">
        <v>0</v>
      </c>
      <c r="AI38" s="73">
        <v>1</v>
      </c>
      <c r="AJ38" s="70">
        <v>2</v>
      </c>
      <c r="AK38" s="71">
        <v>1</v>
      </c>
      <c r="AL38" s="72">
        <v>3</v>
      </c>
      <c r="AM38" s="244"/>
      <c r="AN38" s="71">
        <v>4</v>
      </c>
      <c r="AO38" s="71">
        <v>1</v>
      </c>
      <c r="AP38" s="71">
        <v>0</v>
      </c>
      <c r="AQ38" s="71">
        <v>0</v>
      </c>
      <c r="AR38" s="71">
        <v>0</v>
      </c>
      <c r="AS38" s="72">
        <v>5</v>
      </c>
      <c r="AT38" s="73">
        <v>8</v>
      </c>
      <c r="AU38" s="70">
        <v>5</v>
      </c>
      <c r="AV38" s="71">
        <v>2</v>
      </c>
      <c r="AW38" s="72">
        <v>7</v>
      </c>
      <c r="AX38" s="244"/>
      <c r="AY38" s="71">
        <v>5</v>
      </c>
      <c r="AZ38" s="71">
        <v>3</v>
      </c>
      <c r="BA38" s="71">
        <v>1</v>
      </c>
      <c r="BB38" s="71">
        <v>0</v>
      </c>
      <c r="BC38" s="71">
        <v>0</v>
      </c>
      <c r="BD38" s="72">
        <v>9</v>
      </c>
      <c r="BE38" s="73">
        <v>16</v>
      </c>
      <c r="BF38" s="70">
        <v>2</v>
      </c>
      <c r="BG38" s="71">
        <v>0</v>
      </c>
      <c r="BH38" s="72">
        <v>2</v>
      </c>
      <c r="BI38" s="244"/>
      <c r="BJ38" s="71">
        <v>6</v>
      </c>
      <c r="BK38" s="71">
        <v>2</v>
      </c>
      <c r="BL38" s="71">
        <v>0</v>
      </c>
      <c r="BM38" s="71">
        <v>1</v>
      </c>
      <c r="BN38" s="71">
        <v>2</v>
      </c>
      <c r="BO38" s="72">
        <v>11</v>
      </c>
      <c r="BP38" s="73">
        <v>13</v>
      </c>
      <c r="BQ38" s="70">
        <v>4</v>
      </c>
      <c r="BR38" s="71">
        <v>0</v>
      </c>
      <c r="BS38" s="72">
        <v>4</v>
      </c>
      <c r="BT38" s="244"/>
      <c r="BU38" s="71">
        <v>9</v>
      </c>
      <c r="BV38" s="71">
        <v>2</v>
      </c>
      <c r="BW38" s="71">
        <v>1</v>
      </c>
      <c r="BX38" s="71">
        <v>1</v>
      </c>
      <c r="BY38" s="71">
        <v>3</v>
      </c>
      <c r="BZ38" s="72">
        <v>16</v>
      </c>
      <c r="CA38" s="73">
        <v>20</v>
      </c>
      <c r="CB38" s="70">
        <v>0</v>
      </c>
      <c r="CC38" s="71">
        <v>0</v>
      </c>
      <c r="CD38" s="72">
        <v>0</v>
      </c>
      <c r="CE38" s="244"/>
      <c r="CF38" s="71">
        <v>0</v>
      </c>
      <c r="CG38" s="71">
        <v>0</v>
      </c>
      <c r="CH38" s="71">
        <v>0</v>
      </c>
      <c r="CI38" s="71">
        <v>0</v>
      </c>
      <c r="CJ38" s="71">
        <v>0</v>
      </c>
      <c r="CK38" s="72">
        <v>0</v>
      </c>
      <c r="CL38" s="73">
        <v>0</v>
      </c>
      <c r="CM38" s="70">
        <v>14</v>
      </c>
      <c r="CN38" s="71">
        <v>3</v>
      </c>
      <c r="CO38" s="72">
        <v>17</v>
      </c>
      <c r="CP38" s="244"/>
      <c r="CQ38" s="71">
        <v>24</v>
      </c>
      <c r="CR38" s="71">
        <v>8</v>
      </c>
      <c r="CS38" s="71">
        <v>2</v>
      </c>
      <c r="CT38" s="71">
        <v>2</v>
      </c>
      <c r="CU38" s="71">
        <v>5</v>
      </c>
      <c r="CV38" s="72">
        <v>41</v>
      </c>
      <c r="CW38" s="73">
        <v>58</v>
      </c>
      <c r="CX38" s="123">
        <v>2</v>
      </c>
      <c r="CY38" s="82">
        <v>1</v>
      </c>
      <c r="CZ38" s="83">
        <v>3</v>
      </c>
      <c r="DA38" s="241"/>
      <c r="DB38" s="82">
        <v>4</v>
      </c>
      <c r="DC38" s="82">
        <v>2</v>
      </c>
      <c r="DD38" s="82">
        <v>5</v>
      </c>
      <c r="DE38" s="82">
        <v>4</v>
      </c>
      <c r="DF38" s="82">
        <v>1</v>
      </c>
      <c r="DG38" s="84">
        <v>16</v>
      </c>
      <c r="DH38" s="85">
        <v>19</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1</v>
      </c>
      <c r="EJ38" s="71">
        <v>1</v>
      </c>
      <c r="EK38" s="71">
        <v>0</v>
      </c>
      <c r="EL38" s="71">
        <v>0</v>
      </c>
      <c r="EM38" s="71">
        <v>0</v>
      </c>
      <c r="EN38" s="72">
        <v>2</v>
      </c>
      <c r="EO38" s="73">
        <v>2</v>
      </c>
      <c r="EP38" s="70">
        <v>0</v>
      </c>
      <c r="EQ38" s="71">
        <v>0</v>
      </c>
      <c r="ER38" s="72">
        <v>0</v>
      </c>
      <c r="ES38" s="244"/>
      <c r="ET38" s="71">
        <v>1</v>
      </c>
      <c r="EU38" s="71">
        <v>0</v>
      </c>
      <c r="EV38" s="71">
        <v>0</v>
      </c>
      <c r="EW38" s="71">
        <v>0</v>
      </c>
      <c r="EX38" s="71">
        <v>0</v>
      </c>
      <c r="EY38" s="72">
        <v>1</v>
      </c>
      <c r="EZ38" s="73">
        <v>1</v>
      </c>
      <c r="FA38" s="70">
        <v>0</v>
      </c>
      <c r="FB38" s="71">
        <v>0</v>
      </c>
      <c r="FC38" s="72">
        <v>0</v>
      </c>
      <c r="FD38" s="244"/>
      <c r="FE38" s="71">
        <v>0</v>
      </c>
      <c r="FF38" s="71">
        <v>0</v>
      </c>
      <c r="FG38" s="71">
        <v>2</v>
      </c>
      <c r="FH38" s="71">
        <v>0</v>
      </c>
      <c r="FI38" s="71">
        <v>1</v>
      </c>
      <c r="FJ38" s="72">
        <v>3</v>
      </c>
      <c r="FK38" s="73">
        <v>3</v>
      </c>
      <c r="FL38" s="70">
        <v>2</v>
      </c>
      <c r="FM38" s="71">
        <v>1</v>
      </c>
      <c r="FN38" s="72">
        <v>3</v>
      </c>
      <c r="FO38" s="244"/>
      <c r="FP38" s="71">
        <v>2</v>
      </c>
      <c r="FQ38" s="71">
        <v>1</v>
      </c>
      <c r="FR38" s="71">
        <v>2</v>
      </c>
      <c r="FS38" s="71">
        <v>4</v>
      </c>
      <c r="FT38" s="71">
        <v>0</v>
      </c>
      <c r="FU38" s="72">
        <v>9</v>
      </c>
      <c r="FV38" s="73">
        <v>12</v>
      </c>
      <c r="FW38" s="70">
        <v>0</v>
      </c>
      <c r="FX38" s="71">
        <v>0</v>
      </c>
      <c r="FY38" s="72">
        <v>0</v>
      </c>
      <c r="FZ38" s="244"/>
      <c r="GA38" s="71">
        <v>0</v>
      </c>
      <c r="GB38" s="71">
        <v>0</v>
      </c>
      <c r="GC38" s="71">
        <v>0</v>
      </c>
      <c r="GD38" s="71">
        <v>0</v>
      </c>
      <c r="GE38" s="71">
        <v>0</v>
      </c>
      <c r="GF38" s="72">
        <v>0</v>
      </c>
      <c r="GG38" s="73">
        <v>0</v>
      </c>
      <c r="GH38" s="70">
        <v>2</v>
      </c>
      <c r="GI38" s="71">
        <v>1</v>
      </c>
      <c r="GJ38" s="72">
        <v>3</v>
      </c>
      <c r="GK38" s="244"/>
      <c r="GL38" s="71">
        <v>4</v>
      </c>
      <c r="GM38" s="71">
        <v>2</v>
      </c>
      <c r="GN38" s="71">
        <v>5</v>
      </c>
      <c r="GO38" s="71">
        <v>4</v>
      </c>
      <c r="GP38" s="71">
        <v>1</v>
      </c>
      <c r="GQ38" s="72">
        <v>16</v>
      </c>
      <c r="GR38" s="73">
        <v>19</v>
      </c>
      <c r="GS38" s="123">
        <v>16</v>
      </c>
      <c r="GT38" s="82">
        <v>4</v>
      </c>
      <c r="GU38" s="83">
        <v>20</v>
      </c>
      <c r="GV38" s="241"/>
      <c r="GW38" s="82">
        <v>28</v>
      </c>
      <c r="GX38" s="82">
        <v>10</v>
      </c>
      <c r="GY38" s="82">
        <v>7</v>
      </c>
      <c r="GZ38" s="82">
        <v>6</v>
      </c>
      <c r="HA38" s="82">
        <v>6</v>
      </c>
      <c r="HB38" s="84">
        <v>57</v>
      </c>
      <c r="HC38" s="85">
        <v>77</v>
      </c>
      <c r="HD38" s="70">
        <v>0</v>
      </c>
      <c r="HE38" s="71">
        <v>0</v>
      </c>
      <c r="HF38" s="72">
        <v>0</v>
      </c>
      <c r="HG38" s="244"/>
      <c r="HH38" s="71">
        <v>0</v>
      </c>
      <c r="HI38" s="71">
        <v>0</v>
      </c>
      <c r="HJ38" s="71">
        <v>0</v>
      </c>
      <c r="HK38" s="71">
        <v>0</v>
      </c>
      <c r="HL38" s="71">
        <v>0</v>
      </c>
      <c r="HM38" s="72">
        <v>0</v>
      </c>
      <c r="HN38" s="73">
        <v>0</v>
      </c>
      <c r="HO38" s="70">
        <v>1</v>
      </c>
      <c r="HP38" s="71">
        <v>0</v>
      </c>
      <c r="HQ38" s="72">
        <v>1</v>
      </c>
      <c r="HR38" s="244"/>
      <c r="HS38" s="71">
        <v>0</v>
      </c>
      <c r="HT38" s="71">
        <v>0</v>
      </c>
      <c r="HU38" s="71">
        <v>1</v>
      </c>
      <c r="HV38" s="71">
        <v>0</v>
      </c>
      <c r="HW38" s="71">
        <v>0</v>
      </c>
      <c r="HX38" s="72">
        <v>1</v>
      </c>
      <c r="HY38" s="73">
        <v>2</v>
      </c>
      <c r="HZ38" s="70">
        <v>2</v>
      </c>
      <c r="IA38" s="71">
        <v>1</v>
      </c>
      <c r="IB38" s="72">
        <v>3</v>
      </c>
      <c r="IC38" s="244"/>
      <c r="ID38" s="71">
        <v>5</v>
      </c>
      <c r="IE38" s="71">
        <v>2</v>
      </c>
      <c r="IF38" s="71">
        <v>0</v>
      </c>
      <c r="IG38" s="71">
        <v>0</v>
      </c>
      <c r="IH38" s="71">
        <v>0</v>
      </c>
      <c r="II38" s="72">
        <v>7</v>
      </c>
      <c r="IJ38" s="73">
        <v>10</v>
      </c>
      <c r="IK38" s="70">
        <v>5</v>
      </c>
      <c r="IL38" s="71">
        <v>2</v>
      </c>
      <c r="IM38" s="72">
        <v>7</v>
      </c>
      <c r="IN38" s="244"/>
      <c r="IO38" s="71">
        <v>6</v>
      </c>
      <c r="IP38" s="71">
        <v>3</v>
      </c>
      <c r="IQ38" s="71">
        <v>1</v>
      </c>
      <c r="IR38" s="71">
        <v>0</v>
      </c>
      <c r="IS38" s="71">
        <v>0</v>
      </c>
      <c r="IT38" s="72">
        <v>10</v>
      </c>
      <c r="IU38" s="73">
        <v>17</v>
      </c>
      <c r="IV38" s="70">
        <v>2</v>
      </c>
      <c r="IW38" s="71">
        <v>0</v>
      </c>
      <c r="IX38" s="72">
        <v>2</v>
      </c>
      <c r="IY38" s="244"/>
      <c r="IZ38" s="71">
        <v>6</v>
      </c>
      <c r="JA38" s="71">
        <v>2</v>
      </c>
      <c r="JB38" s="71">
        <v>2</v>
      </c>
      <c r="JC38" s="71">
        <v>1</v>
      </c>
      <c r="JD38" s="71">
        <v>3</v>
      </c>
      <c r="JE38" s="72">
        <v>14</v>
      </c>
      <c r="JF38" s="73">
        <v>16</v>
      </c>
      <c r="JG38" s="70">
        <v>6</v>
      </c>
      <c r="JH38" s="71">
        <v>1</v>
      </c>
      <c r="JI38" s="72">
        <v>7</v>
      </c>
      <c r="JJ38" s="244"/>
      <c r="JK38" s="71">
        <v>11</v>
      </c>
      <c r="JL38" s="71">
        <v>3</v>
      </c>
      <c r="JM38" s="71">
        <v>3</v>
      </c>
      <c r="JN38" s="71">
        <v>5</v>
      </c>
      <c r="JO38" s="71">
        <v>3</v>
      </c>
      <c r="JP38" s="72">
        <v>25</v>
      </c>
      <c r="JQ38" s="73">
        <v>32</v>
      </c>
      <c r="JR38" s="70">
        <v>0</v>
      </c>
      <c r="JS38" s="71">
        <v>0</v>
      </c>
      <c r="JT38" s="72">
        <v>0</v>
      </c>
      <c r="JU38" s="244"/>
      <c r="JV38" s="71">
        <v>0</v>
      </c>
      <c r="JW38" s="71">
        <v>0</v>
      </c>
      <c r="JX38" s="71">
        <v>0</v>
      </c>
      <c r="JY38" s="71">
        <v>0</v>
      </c>
      <c r="JZ38" s="71">
        <v>0</v>
      </c>
      <c r="KA38" s="72">
        <v>0</v>
      </c>
      <c r="KB38" s="73">
        <v>0</v>
      </c>
      <c r="KC38" s="70">
        <v>16</v>
      </c>
      <c r="KD38" s="71">
        <v>4</v>
      </c>
      <c r="KE38" s="72">
        <v>20</v>
      </c>
      <c r="KF38" s="244"/>
      <c r="KG38" s="71">
        <v>28</v>
      </c>
      <c r="KH38" s="71">
        <v>10</v>
      </c>
      <c r="KI38" s="71">
        <v>7</v>
      </c>
      <c r="KJ38" s="71">
        <v>6</v>
      </c>
      <c r="KK38" s="71">
        <v>6</v>
      </c>
      <c r="KL38" s="72">
        <v>57</v>
      </c>
      <c r="KM38" s="73">
        <v>77</v>
      </c>
    </row>
    <row r="39" spans="2:299" ht="21" customHeight="1" x14ac:dyDescent="0.2">
      <c r="B39" s="126" t="s">
        <v>36</v>
      </c>
      <c r="C39" s="313">
        <v>2</v>
      </c>
      <c r="D39" s="82">
        <v>9</v>
      </c>
      <c r="E39" s="83">
        <v>11</v>
      </c>
      <c r="F39" s="241"/>
      <c r="G39" s="82">
        <v>12</v>
      </c>
      <c r="H39" s="82">
        <v>10</v>
      </c>
      <c r="I39" s="82">
        <v>5</v>
      </c>
      <c r="J39" s="82">
        <v>8</v>
      </c>
      <c r="K39" s="82">
        <v>5</v>
      </c>
      <c r="L39" s="84">
        <v>40</v>
      </c>
      <c r="M39" s="85">
        <v>51</v>
      </c>
      <c r="N39" s="70">
        <v>0</v>
      </c>
      <c r="O39" s="71">
        <v>0</v>
      </c>
      <c r="P39" s="72">
        <v>0</v>
      </c>
      <c r="Q39" s="244"/>
      <c r="R39" s="71">
        <v>1</v>
      </c>
      <c r="S39" s="71">
        <v>1</v>
      </c>
      <c r="T39" s="71">
        <v>0</v>
      </c>
      <c r="U39" s="71">
        <v>0</v>
      </c>
      <c r="V39" s="71">
        <v>0</v>
      </c>
      <c r="W39" s="72">
        <v>2</v>
      </c>
      <c r="X39" s="73">
        <v>2</v>
      </c>
      <c r="Y39" s="70">
        <v>0</v>
      </c>
      <c r="Z39" s="71">
        <v>0</v>
      </c>
      <c r="AA39" s="72">
        <v>0</v>
      </c>
      <c r="AB39" s="244"/>
      <c r="AC39" s="71">
        <v>2</v>
      </c>
      <c r="AD39" s="71">
        <v>1</v>
      </c>
      <c r="AE39" s="71">
        <v>1</v>
      </c>
      <c r="AF39" s="71">
        <v>1</v>
      </c>
      <c r="AG39" s="71">
        <v>0</v>
      </c>
      <c r="AH39" s="72">
        <v>5</v>
      </c>
      <c r="AI39" s="73">
        <v>5</v>
      </c>
      <c r="AJ39" s="70">
        <v>0</v>
      </c>
      <c r="AK39" s="71">
        <v>1</v>
      </c>
      <c r="AL39" s="72">
        <v>1</v>
      </c>
      <c r="AM39" s="244"/>
      <c r="AN39" s="71">
        <v>0</v>
      </c>
      <c r="AO39" s="71">
        <v>0</v>
      </c>
      <c r="AP39" s="71">
        <v>1</v>
      </c>
      <c r="AQ39" s="71">
        <v>1</v>
      </c>
      <c r="AR39" s="71">
        <v>0</v>
      </c>
      <c r="AS39" s="72">
        <v>2</v>
      </c>
      <c r="AT39" s="73">
        <v>3</v>
      </c>
      <c r="AU39" s="70">
        <v>0</v>
      </c>
      <c r="AV39" s="71">
        <v>2</v>
      </c>
      <c r="AW39" s="72">
        <v>2</v>
      </c>
      <c r="AX39" s="244"/>
      <c r="AY39" s="71">
        <v>2</v>
      </c>
      <c r="AZ39" s="71">
        <v>2</v>
      </c>
      <c r="BA39" s="71">
        <v>0</v>
      </c>
      <c r="BB39" s="71">
        <v>2</v>
      </c>
      <c r="BC39" s="71">
        <v>1</v>
      </c>
      <c r="BD39" s="72">
        <v>7</v>
      </c>
      <c r="BE39" s="73">
        <v>9</v>
      </c>
      <c r="BF39" s="70">
        <v>2</v>
      </c>
      <c r="BG39" s="71">
        <v>2</v>
      </c>
      <c r="BH39" s="72">
        <v>4</v>
      </c>
      <c r="BI39" s="244"/>
      <c r="BJ39" s="71">
        <v>3</v>
      </c>
      <c r="BK39" s="71">
        <v>3</v>
      </c>
      <c r="BL39" s="71">
        <v>2</v>
      </c>
      <c r="BM39" s="71">
        <v>1</v>
      </c>
      <c r="BN39" s="71">
        <v>2</v>
      </c>
      <c r="BO39" s="72">
        <v>11</v>
      </c>
      <c r="BP39" s="73">
        <v>15</v>
      </c>
      <c r="BQ39" s="70">
        <v>0</v>
      </c>
      <c r="BR39" s="71">
        <v>4</v>
      </c>
      <c r="BS39" s="72">
        <v>4</v>
      </c>
      <c r="BT39" s="244"/>
      <c r="BU39" s="71">
        <v>4</v>
      </c>
      <c r="BV39" s="71">
        <v>3</v>
      </c>
      <c r="BW39" s="71">
        <v>1</v>
      </c>
      <c r="BX39" s="71">
        <v>3</v>
      </c>
      <c r="BY39" s="71">
        <v>2</v>
      </c>
      <c r="BZ39" s="72">
        <v>13</v>
      </c>
      <c r="CA39" s="73">
        <v>17</v>
      </c>
      <c r="CB39" s="70">
        <v>0</v>
      </c>
      <c r="CC39" s="71">
        <v>0</v>
      </c>
      <c r="CD39" s="72">
        <v>0</v>
      </c>
      <c r="CE39" s="244"/>
      <c r="CF39" s="71">
        <v>0</v>
      </c>
      <c r="CG39" s="71">
        <v>0</v>
      </c>
      <c r="CH39" s="71">
        <v>0</v>
      </c>
      <c r="CI39" s="71">
        <v>0</v>
      </c>
      <c r="CJ39" s="71">
        <v>0</v>
      </c>
      <c r="CK39" s="72">
        <v>0</v>
      </c>
      <c r="CL39" s="73">
        <v>0</v>
      </c>
      <c r="CM39" s="70">
        <v>2</v>
      </c>
      <c r="CN39" s="71">
        <v>9</v>
      </c>
      <c r="CO39" s="72">
        <v>11</v>
      </c>
      <c r="CP39" s="244"/>
      <c r="CQ39" s="71">
        <v>12</v>
      </c>
      <c r="CR39" s="71">
        <v>10</v>
      </c>
      <c r="CS39" s="71">
        <v>5</v>
      </c>
      <c r="CT39" s="71">
        <v>8</v>
      </c>
      <c r="CU39" s="71">
        <v>5</v>
      </c>
      <c r="CV39" s="72">
        <v>40</v>
      </c>
      <c r="CW39" s="73">
        <v>51</v>
      </c>
      <c r="CX39" s="123">
        <v>2</v>
      </c>
      <c r="CY39" s="82">
        <v>3</v>
      </c>
      <c r="CZ39" s="83">
        <v>5</v>
      </c>
      <c r="DA39" s="241"/>
      <c r="DB39" s="82">
        <v>1</v>
      </c>
      <c r="DC39" s="82">
        <v>1</v>
      </c>
      <c r="DD39" s="82">
        <v>1</v>
      </c>
      <c r="DE39" s="82">
        <v>0</v>
      </c>
      <c r="DF39" s="82">
        <v>1</v>
      </c>
      <c r="DG39" s="84">
        <v>4</v>
      </c>
      <c r="DH39" s="85">
        <v>9</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1</v>
      </c>
      <c r="ER39" s="72">
        <v>1</v>
      </c>
      <c r="ES39" s="244"/>
      <c r="ET39" s="71">
        <v>0</v>
      </c>
      <c r="EU39" s="71">
        <v>1</v>
      </c>
      <c r="EV39" s="71">
        <v>0</v>
      </c>
      <c r="EW39" s="71">
        <v>0</v>
      </c>
      <c r="EX39" s="71">
        <v>0</v>
      </c>
      <c r="EY39" s="72">
        <v>1</v>
      </c>
      <c r="EZ39" s="73">
        <v>2</v>
      </c>
      <c r="FA39" s="70">
        <v>1</v>
      </c>
      <c r="FB39" s="71">
        <v>2</v>
      </c>
      <c r="FC39" s="72">
        <v>3</v>
      </c>
      <c r="FD39" s="244"/>
      <c r="FE39" s="71">
        <v>1</v>
      </c>
      <c r="FF39" s="71">
        <v>0</v>
      </c>
      <c r="FG39" s="71">
        <v>1</v>
      </c>
      <c r="FH39" s="71">
        <v>0</v>
      </c>
      <c r="FI39" s="71">
        <v>0</v>
      </c>
      <c r="FJ39" s="72">
        <v>2</v>
      </c>
      <c r="FK39" s="73">
        <v>5</v>
      </c>
      <c r="FL39" s="70">
        <v>1</v>
      </c>
      <c r="FM39" s="71">
        <v>0</v>
      </c>
      <c r="FN39" s="72">
        <v>1</v>
      </c>
      <c r="FO39" s="244"/>
      <c r="FP39" s="71">
        <v>0</v>
      </c>
      <c r="FQ39" s="71">
        <v>0</v>
      </c>
      <c r="FR39" s="71">
        <v>0</v>
      </c>
      <c r="FS39" s="71">
        <v>0</v>
      </c>
      <c r="FT39" s="71">
        <v>1</v>
      </c>
      <c r="FU39" s="72">
        <v>1</v>
      </c>
      <c r="FV39" s="73">
        <v>2</v>
      </c>
      <c r="FW39" s="70">
        <v>0</v>
      </c>
      <c r="FX39" s="71">
        <v>0</v>
      </c>
      <c r="FY39" s="72">
        <v>0</v>
      </c>
      <c r="FZ39" s="244"/>
      <c r="GA39" s="71">
        <v>0</v>
      </c>
      <c r="GB39" s="71">
        <v>0</v>
      </c>
      <c r="GC39" s="71">
        <v>0</v>
      </c>
      <c r="GD39" s="71">
        <v>0</v>
      </c>
      <c r="GE39" s="71">
        <v>0</v>
      </c>
      <c r="GF39" s="72">
        <v>0</v>
      </c>
      <c r="GG39" s="73">
        <v>0</v>
      </c>
      <c r="GH39" s="70">
        <v>2</v>
      </c>
      <c r="GI39" s="71">
        <v>3</v>
      </c>
      <c r="GJ39" s="72">
        <v>5</v>
      </c>
      <c r="GK39" s="244"/>
      <c r="GL39" s="71">
        <v>1</v>
      </c>
      <c r="GM39" s="71">
        <v>1</v>
      </c>
      <c r="GN39" s="71">
        <v>1</v>
      </c>
      <c r="GO39" s="71">
        <v>0</v>
      </c>
      <c r="GP39" s="71">
        <v>1</v>
      </c>
      <c r="GQ39" s="72">
        <v>4</v>
      </c>
      <c r="GR39" s="73">
        <v>9</v>
      </c>
      <c r="GS39" s="123">
        <v>4</v>
      </c>
      <c r="GT39" s="82">
        <v>12</v>
      </c>
      <c r="GU39" s="83">
        <v>16</v>
      </c>
      <c r="GV39" s="241"/>
      <c r="GW39" s="82">
        <v>13</v>
      </c>
      <c r="GX39" s="82">
        <v>11</v>
      </c>
      <c r="GY39" s="82">
        <v>6</v>
      </c>
      <c r="GZ39" s="82">
        <v>8</v>
      </c>
      <c r="HA39" s="82">
        <v>6</v>
      </c>
      <c r="HB39" s="84">
        <v>44</v>
      </c>
      <c r="HC39" s="85">
        <v>60</v>
      </c>
      <c r="HD39" s="70">
        <v>0</v>
      </c>
      <c r="HE39" s="71">
        <v>0</v>
      </c>
      <c r="HF39" s="72">
        <v>0</v>
      </c>
      <c r="HG39" s="244"/>
      <c r="HH39" s="71">
        <v>1</v>
      </c>
      <c r="HI39" s="71">
        <v>1</v>
      </c>
      <c r="HJ39" s="71">
        <v>0</v>
      </c>
      <c r="HK39" s="71">
        <v>0</v>
      </c>
      <c r="HL39" s="71">
        <v>0</v>
      </c>
      <c r="HM39" s="72">
        <v>2</v>
      </c>
      <c r="HN39" s="73">
        <v>2</v>
      </c>
      <c r="HO39" s="70">
        <v>0</v>
      </c>
      <c r="HP39" s="71">
        <v>0</v>
      </c>
      <c r="HQ39" s="72">
        <v>0</v>
      </c>
      <c r="HR39" s="244"/>
      <c r="HS39" s="71">
        <v>2</v>
      </c>
      <c r="HT39" s="71">
        <v>1</v>
      </c>
      <c r="HU39" s="71">
        <v>1</v>
      </c>
      <c r="HV39" s="71">
        <v>1</v>
      </c>
      <c r="HW39" s="71">
        <v>0</v>
      </c>
      <c r="HX39" s="72">
        <v>5</v>
      </c>
      <c r="HY39" s="73">
        <v>5</v>
      </c>
      <c r="HZ39" s="70">
        <v>0</v>
      </c>
      <c r="IA39" s="71">
        <v>1</v>
      </c>
      <c r="IB39" s="72">
        <v>1</v>
      </c>
      <c r="IC39" s="244"/>
      <c r="ID39" s="71">
        <v>0</v>
      </c>
      <c r="IE39" s="71">
        <v>0</v>
      </c>
      <c r="IF39" s="71">
        <v>1</v>
      </c>
      <c r="IG39" s="71">
        <v>1</v>
      </c>
      <c r="IH39" s="71">
        <v>0</v>
      </c>
      <c r="II39" s="72">
        <v>2</v>
      </c>
      <c r="IJ39" s="73">
        <v>3</v>
      </c>
      <c r="IK39" s="70">
        <v>0</v>
      </c>
      <c r="IL39" s="71">
        <v>3</v>
      </c>
      <c r="IM39" s="72">
        <v>3</v>
      </c>
      <c r="IN39" s="244"/>
      <c r="IO39" s="71">
        <v>2</v>
      </c>
      <c r="IP39" s="71">
        <v>3</v>
      </c>
      <c r="IQ39" s="71">
        <v>0</v>
      </c>
      <c r="IR39" s="71">
        <v>2</v>
      </c>
      <c r="IS39" s="71">
        <v>1</v>
      </c>
      <c r="IT39" s="72">
        <v>8</v>
      </c>
      <c r="IU39" s="73">
        <v>11</v>
      </c>
      <c r="IV39" s="70">
        <v>3</v>
      </c>
      <c r="IW39" s="71">
        <v>4</v>
      </c>
      <c r="IX39" s="72">
        <v>7</v>
      </c>
      <c r="IY39" s="244"/>
      <c r="IZ39" s="71">
        <v>4</v>
      </c>
      <c r="JA39" s="71">
        <v>3</v>
      </c>
      <c r="JB39" s="71">
        <v>3</v>
      </c>
      <c r="JC39" s="71">
        <v>1</v>
      </c>
      <c r="JD39" s="71">
        <v>2</v>
      </c>
      <c r="JE39" s="72">
        <v>13</v>
      </c>
      <c r="JF39" s="73">
        <v>20</v>
      </c>
      <c r="JG39" s="70">
        <v>1</v>
      </c>
      <c r="JH39" s="71">
        <v>4</v>
      </c>
      <c r="JI39" s="72">
        <v>5</v>
      </c>
      <c r="JJ39" s="244"/>
      <c r="JK39" s="71">
        <v>4</v>
      </c>
      <c r="JL39" s="71">
        <v>3</v>
      </c>
      <c r="JM39" s="71">
        <v>1</v>
      </c>
      <c r="JN39" s="71">
        <v>3</v>
      </c>
      <c r="JO39" s="71">
        <v>3</v>
      </c>
      <c r="JP39" s="72">
        <v>14</v>
      </c>
      <c r="JQ39" s="73">
        <v>19</v>
      </c>
      <c r="JR39" s="70">
        <v>0</v>
      </c>
      <c r="JS39" s="71">
        <v>0</v>
      </c>
      <c r="JT39" s="72">
        <v>0</v>
      </c>
      <c r="JU39" s="244"/>
      <c r="JV39" s="71">
        <v>0</v>
      </c>
      <c r="JW39" s="71">
        <v>0</v>
      </c>
      <c r="JX39" s="71">
        <v>0</v>
      </c>
      <c r="JY39" s="71">
        <v>0</v>
      </c>
      <c r="JZ39" s="71">
        <v>0</v>
      </c>
      <c r="KA39" s="72">
        <v>0</v>
      </c>
      <c r="KB39" s="73">
        <v>0</v>
      </c>
      <c r="KC39" s="70">
        <v>4</v>
      </c>
      <c r="KD39" s="71">
        <v>12</v>
      </c>
      <c r="KE39" s="72">
        <v>16</v>
      </c>
      <c r="KF39" s="244"/>
      <c r="KG39" s="71">
        <v>13</v>
      </c>
      <c r="KH39" s="71">
        <v>11</v>
      </c>
      <c r="KI39" s="71">
        <v>6</v>
      </c>
      <c r="KJ39" s="71">
        <v>8</v>
      </c>
      <c r="KK39" s="71">
        <v>6</v>
      </c>
      <c r="KL39" s="72">
        <v>44</v>
      </c>
      <c r="KM39" s="73">
        <v>60</v>
      </c>
    </row>
    <row r="40" spans="2:299" ht="21" customHeight="1" thickBot="1" x14ac:dyDescent="0.25">
      <c r="B40" s="127" t="s">
        <v>37</v>
      </c>
      <c r="C40" s="314">
        <v>0</v>
      </c>
      <c r="D40" s="87">
        <v>1</v>
      </c>
      <c r="E40" s="88">
        <v>1</v>
      </c>
      <c r="F40" s="242"/>
      <c r="G40" s="87">
        <v>1</v>
      </c>
      <c r="H40" s="87">
        <v>1</v>
      </c>
      <c r="I40" s="87">
        <v>1</v>
      </c>
      <c r="J40" s="87">
        <v>1</v>
      </c>
      <c r="K40" s="87">
        <v>0</v>
      </c>
      <c r="L40" s="89">
        <v>4</v>
      </c>
      <c r="M40" s="90">
        <v>5</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1</v>
      </c>
      <c r="AL40" s="76">
        <v>1</v>
      </c>
      <c r="AM40" s="245"/>
      <c r="AN40" s="75">
        <v>1</v>
      </c>
      <c r="AO40" s="75">
        <v>0</v>
      </c>
      <c r="AP40" s="75">
        <v>0</v>
      </c>
      <c r="AQ40" s="75">
        <v>0</v>
      </c>
      <c r="AR40" s="75">
        <v>0</v>
      </c>
      <c r="AS40" s="76">
        <v>1</v>
      </c>
      <c r="AT40" s="77">
        <v>2</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1</v>
      </c>
      <c r="BL40" s="75">
        <v>0</v>
      </c>
      <c r="BM40" s="75">
        <v>1</v>
      </c>
      <c r="BN40" s="75">
        <v>0</v>
      </c>
      <c r="BO40" s="76">
        <v>2</v>
      </c>
      <c r="BP40" s="77">
        <v>2</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1</v>
      </c>
      <c r="CR40" s="75">
        <v>1</v>
      </c>
      <c r="CS40" s="75">
        <v>1</v>
      </c>
      <c r="CT40" s="75">
        <v>1</v>
      </c>
      <c r="CU40" s="75">
        <v>0</v>
      </c>
      <c r="CV40" s="76">
        <v>4</v>
      </c>
      <c r="CW40" s="77">
        <v>5</v>
      </c>
      <c r="CX40" s="124">
        <v>0</v>
      </c>
      <c r="CY40" s="87">
        <v>0</v>
      </c>
      <c r="CZ40" s="88">
        <v>0</v>
      </c>
      <c r="DA40" s="242"/>
      <c r="DB40" s="87">
        <v>0</v>
      </c>
      <c r="DC40" s="87">
        <v>0</v>
      </c>
      <c r="DD40" s="87">
        <v>0</v>
      </c>
      <c r="DE40" s="87">
        <v>0</v>
      </c>
      <c r="DF40" s="87">
        <v>0</v>
      </c>
      <c r="DG40" s="89">
        <v>0</v>
      </c>
      <c r="DH40" s="90">
        <v>0</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0</v>
      </c>
      <c r="FU40" s="76">
        <v>0</v>
      </c>
      <c r="FV40" s="77">
        <v>0</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0</v>
      </c>
      <c r="GQ40" s="76">
        <v>0</v>
      </c>
      <c r="GR40" s="77">
        <v>0</v>
      </c>
      <c r="GS40" s="124">
        <v>0</v>
      </c>
      <c r="GT40" s="87">
        <v>1</v>
      </c>
      <c r="GU40" s="88">
        <v>1</v>
      </c>
      <c r="GV40" s="242"/>
      <c r="GW40" s="87">
        <v>1</v>
      </c>
      <c r="GX40" s="87">
        <v>1</v>
      </c>
      <c r="GY40" s="87">
        <v>1</v>
      </c>
      <c r="GZ40" s="87">
        <v>1</v>
      </c>
      <c r="HA40" s="87">
        <v>0</v>
      </c>
      <c r="HB40" s="89">
        <v>4</v>
      </c>
      <c r="HC40" s="90">
        <v>5</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1</v>
      </c>
      <c r="IB40" s="76">
        <v>1</v>
      </c>
      <c r="IC40" s="245"/>
      <c r="ID40" s="75">
        <v>1</v>
      </c>
      <c r="IE40" s="75">
        <v>0</v>
      </c>
      <c r="IF40" s="75">
        <v>0</v>
      </c>
      <c r="IG40" s="75">
        <v>0</v>
      </c>
      <c r="IH40" s="75">
        <v>0</v>
      </c>
      <c r="II40" s="76">
        <v>1</v>
      </c>
      <c r="IJ40" s="77">
        <v>2</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1</v>
      </c>
      <c r="JB40" s="75">
        <v>0</v>
      </c>
      <c r="JC40" s="75">
        <v>1</v>
      </c>
      <c r="JD40" s="75">
        <v>0</v>
      </c>
      <c r="JE40" s="76">
        <v>2</v>
      </c>
      <c r="JF40" s="77">
        <v>2</v>
      </c>
      <c r="JG40" s="74">
        <v>0</v>
      </c>
      <c r="JH40" s="75">
        <v>0</v>
      </c>
      <c r="JI40" s="76">
        <v>0</v>
      </c>
      <c r="JJ40" s="245"/>
      <c r="JK40" s="75">
        <v>0</v>
      </c>
      <c r="JL40" s="75">
        <v>0</v>
      </c>
      <c r="JM40" s="75">
        <v>0</v>
      </c>
      <c r="JN40" s="75">
        <v>0</v>
      </c>
      <c r="JO40" s="75">
        <v>0</v>
      </c>
      <c r="JP40" s="76">
        <v>0</v>
      </c>
      <c r="JQ40" s="77">
        <v>0</v>
      </c>
      <c r="JR40" s="74">
        <v>0</v>
      </c>
      <c r="JS40" s="75">
        <v>0</v>
      </c>
      <c r="JT40" s="76">
        <v>0</v>
      </c>
      <c r="JU40" s="245"/>
      <c r="JV40" s="75">
        <v>0</v>
      </c>
      <c r="JW40" s="75">
        <v>0</v>
      </c>
      <c r="JX40" s="75">
        <v>0</v>
      </c>
      <c r="JY40" s="75">
        <v>0</v>
      </c>
      <c r="JZ40" s="75">
        <v>0</v>
      </c>
      <c r="KA40" s="76">
        <v>0</v>
      </c>
      <c r="KB40" s="77">
        <v>0</v>
      </c>
      <c r="KC40" s="74">
        <v>0</v>
      </c>
      <c r="KD40" s="75">
        <v>1</v>
      </c>
      <c r="KE40" s="76">
        <v>1</v>
      </c>
      <c r="KF40" s="245"/>
      <c r="KG40" s="75">
        <v>1</v>
      </c>
      <c r="KH40" s="75">
        <v>1</v>
      </c>
      <c r="KI40" s="75">
        <v>1</v>
      </c>
      <c r="KJ40" s="75">
        <v>1</v>
      </c>
      <c r="KK40" s="75">
        <v>0</v>
      </c>
      <c r="KL40" s="76">
        <v>4</v>
      </c>
      <c r="KM40" s="77">
        <v>5</v>
      </c>
    </row>
    <row r="41" spans="2:299" ht="32.25" customHeight="1" x14ac:dyDescent="0.2">
      <c r="C41" s="308"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view="pageBreakPreview" zoomScale="60"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21875" style="44" customWidth="1"/>
    <col min="2" max="2" width="10.7773437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5</v>
      </c>
      <c r="G1" s="524"/>
      <c r="H1" s="248">
        <f>第１表!G2</f>
        <v>5</v>
      </c>
      <c r="I1" s="506">
        <f>H1</f>
        <v>5</v>
      </c>
      <c r="J1" s="506"/>
    </row>
    <row r="2" spans="2:299" ht="24" customHeight="1" thickBot="1" x14ac:dyDescent="0.25">
      <c r="B2" s="20" t="s">
        <v>153</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51" t="s">
        <v>42</v>
      </c>
      <c r="C6" s="51" t="s">
        <v>43</v>
      </c>
      <c r="D6" s="47" t="s">
        <v>44</v>
      </c>
      <c r="E6" s="48" t="s">
        <v>45</v>
      </c>
      <c r="F6" s="52" t="s">
        <v>46</v>
      </c>
      <c r="G6" s="47" t="s">
        <v>47</v>
      </c>
      <c r="H6" s="47" t="s">
        <v>48</v>
      </c>
      <c r="I6" s="47" t="s">
        <v>49</v>
      </c>
      <c r="J6" s="47" t="s">
        <v>50</v>
      </c>
      <c r="K6" s="47" t="s">
        <v>51</v>
      </c>
      <c r="L6" s="48" t="s">
        <v>45</v>
      </c>
      <c r="M6" s="349" t="s">
        <v>52</v>
      </c>
      <c r="N6" s="354" t="s">
        <v>43</v>
      </c>
      <c r="O6" s="355" t="s">
        <v>44</v>
      </c>
      <c r="P6" s="356" t="s">
        <v>45</v>
      </c>
      <c r="Q6" s="357" t="s">
        <v>46</v>
      </c>
      <c r="R6" s="355" t="s">
        <v>47</v>
      </c>
      <c r="S6" s="355" t="s">
        <v>48</v>
      </c>
      <c r="T6" s="355" t="s">
        <v>49</v>
      </c>
      <c r="U6" s="355" t="s">
        <v>50</v>
      </c>
      <c r="V6" s="355" t="s">
        <v>51</v>
      </c>
      <c r="W6" s="356" t="s">
        <v>45</v>
      </c>
      <c r="X6" s="353" t="s">
        <v>52</v>
      </c>
      <c r="Y6" s="354" t="s">
        <v>43</v>
      </c>
      <c r="Z6" s="355" t="s">
        <v>44</v>
      </c>
      <c r="AA6" s="356" t="s">
        <v>45</v>
      </c>
      <c r="AB6" s="357" t="s">
        <v>46</v>
      </c>
      <c r="AC6" s="355" t="s">
        <v>47</v>
      </c>
      <c r="AD6" s="355" t="s">
        <v>48</v>
      </c>
      <c r="AE6" s="355" t="s">
        <v>49</v>
      </c>
      <c r="AF6" s="355" t="s">
        <v>50</v>
      </c>
      <c r="AG6" s="355" t="s">
        <v>51</v>
      </c>
      <c r="AH6" s="356" t="s">
        <v>45</v>
      </c>
      <c r="AI6" s="358" t="s">
        <v>52</v>
      </c>
      <c r="AJ6" s="354" t="s">
        <v>43</v>
      </c>
      <c r="AK6" s="355" t="s">
        <v>44</v>
      </c>
      <c r="AL6" s="356" t="s">
        <v>45</v>
      </c>
      <c r="AM6" s="357" t="s">
        <v>46</v>
      </c>
      <c r="AN6" s="355" t="s">
        <v>47</v>
      </c>
      <c r="AO6" s="355" t="s">
        <v>48</v>
      </c>
      <c r="AP6" s="355" t="s">
        <v>49</v>
      </c>
      <c r="AQ6" s="355" t="s">
        <v>50</v>
      </c>
      <c r="AR6" s="355" t="s">
        <v>51</v>
      </c>
      <c r="AS6" s="356" t="s">
        <v>45</v>
      </c>
      <c r="AT6" s="358" t="s">
        <v>52</v>
      </c>
      <c r="AU6" s="354" t="s">
        <v>43</v>
      </c>
      <c r="AV6" s="355" t="s">
        <v>44</v>
      </c>
      <c r="AW6" s="356" t="s">
        <v>45</v>
      </c>
      <c r="AX6" s="357" t="s">
        <v>46</v>
      </c>
      <c r="AY6" s="355" t="s">
        <v>47</v>
      </c>
      <c r="AZ6" s="355" t="s">
        <v>48</v>
      </c>
      <c r="BA6" s="355" t="s">
        <v>49</v>
      </c>
      <c r="BB6" s="355" t="s">
        <v>50</v>
      </c>
      <c r="BC6" s="355" t="s">
        <v>51</v>
      </c>
      <c r="BD6" s="356" t="s">
        <v>45</v>
      </c>
      <c r="BE6" s="358" t="s">
        <v>52</v>
      </c>
      <c r="BF6" s="354" t="s">
        <v>43</v>
      </c>
      <c r="BG6" s="355" t="s">
        <v>44</v>
      </c>
      <c r="BH6" s="356" t="s">
        <v>45</v>
      </c>
      <c r="BI6" s="357" t="s">
        <v>46</v>
      </c>
      <c r="BJ6" s="355" t="s">
        <v>47</v>
      </c>
      <c r="BK6" s="355" t="s">
        <v>48</v>
      </c>
      <c r="BL6" s="355" t="s">
        <v>49</v>
      </c>
      <c r="BM6" s="355" t="s">
        <v>50</v>
      </c>
      <c r="BN6" s="355" t="s">
        <v>51</v>
      </c>
      <c r="BO6" s="356" t="s">
        <v>45</v>
      </c>
      <c r="BP6" s="358" t="s">
        <v>52</v>
      </c>
      <c r="BQ6" s="354" t="s">
        <v>43</v>
      </c>
      <c r="BR6" s="355" t="s">
        <v>44</v>
      </c>
      <c r="BS6" s="356" t="s">
        <v>45</v>
      </c>
      <c r="BT6" s="357" t="s">
        <v>46</v>
      </c>
      <c r="BU6" s="355" t="s">
        <v>47</v>
      </c>
      <c r="BV6" s="355" t="s">
        <v>48</v>
      </c>
      <c r="BW6" s="355" t="s">
        <v>49</v>
      </c>
      <c r="BX6" s="355" t="s">
        <v>50</v>
      </c>
      <c r="BY6" s="355" t="s">
        <v>51</v>
      </c>
      <c r="BZ6" s="356" t="s">
        <v>45</v>
      </c>
      <c r="CA6" s="358" t="s">
        <v>52</v>
      </c>
      <c r="CB6" s="354" t="s">
        <v>43</v>
      </c>
      <c r="CC6" s="355" t="s">
        <v>44</v>
      </c>
      <c r="CD6" s="356" t="s">
        <v>45</v>
      </c>
      <c r="CE6" s="357" t="s">
        <v>46</v>
      </c>
      <c r="CF6" s="355" t="s">
        <v>47</v>
      </c>
      <c r="CG6" s="355" t="s">
        <v>48</v>
      </c>
      <c r="CH6" s="355" t="s">
        <v>49</v>
      </c>
      <c r="CI6" s="355" t="s">
        <v>50</v>
      </c>
      <c r="CJ6" s="355" t="s">
        <v>51</v>
      </c>
      <c r="CK6" s="356" t="s">
        <v>45</v>
      </c>
      <c r="CL6" s="358" t="s">
        <v>52</v>
      </c>
      <c r="CM6" s="354" t="s">
        <v>43</v>
      </c>
      <c r="CN6" s="355" t="s">
        <v>44</v>
      </c>
      <c r="CO6" s="356" t="s">
        <v>45</v>
      </c>
      <c r="CP6" s="357" t="s">
        <v>46</v>
      </c>
      <c r="CQ6" s="355" t="s">
        <v>47</v>
      </c>
      <c r="CR6" s="355" t="s">
        <v>48</v>
      </c>
      <c r="CS6" s="355" t="s">
        <v>49</v>
      </c>
      <c r="CT6" s="355" t="s">
        <v>50</v>
      </c>
      <c r="CU6" s="355" t="s">
        <v>51</v>
      </c>
      <c r="CV6" s="356" t="s">
        <v>45</v>
      </c>
      <c r="CW6" s="358" t="s">
        <v>52</v>
      </c>
      <c r="CX6" s="51" t="s">
        <v>43</v>
      </c>
      <c r="CY6" s="47" t="s">
        <v>44</v>
      </c>
      <c r="CZ6" s="48" t="s">
        <v>45</v>
      </c>
      <c r="DA6" s="52" t="s">
        <v>46</v>
      </c>
      <c r="DB6" s="47" t="s">
        <v>47</v>
      </c>
      <c r="DC6" s="47" t="s">
        <v>48</v>
      </c>
      <c r="DD6" s="47" t="s">
        <v>49</v>
      </c>
      <c r="DE6" s="47" t="s">
        <v>50</v>
      </c>
      <c r="DF6" s="47" t="s">
        <v>51</v>
      </c>
      <c r="DG6" s="48" t="s">
        <v>45</v>
      </c>
      <c r="DH6" s="349" t="s">
        <v>52</v>
      </c>
      <c r="DI6" s="354" t="s">
        <v>43</v>
      </c>
      <c r="DJ6" s="355" t="s">
        <v>44</v>
      </c>
      <c r="DK6" s="356" t="s">
        <v>45</v>
      </c>
      <c r="DL6" s="357" t="s">
        <v>46</v>
      </c>
      <c r="DM6" s="355" t="s">
        <v>47</v>
      </c>
      <c r="DN6" s="355" t="s">
        <v>48</v>
      </c>
      <c r="DO6" s="355" t="s">
        <v>49</v>
      </c>
      <c r="DP6" s="355" t="s">
        <v>50</v>
      </c>
      <c r="DQ6" s="355" t="s">
        <v>51</v>
      </c>
      <c r="DR6" s="356" t="s">
        <v>45</v>
      </c>
      <c r="DS6" s="358" t="s">
        <v>52</v>
      </c>
      <c r="DT6" s="354" t="s">
        <v>43</v>
      </c>
      <c r="DU6" s="355" t="s">
        <v>44</v>
      </c>
      <c r="DV6" s="356" t="s">
        <v>45</v>
      </c>
      <c r="DW6" s="357" t="s">
        <v>46</v>
      </c>
      <c r="DX6" s="355" t="s">
        <v>47</v>
      </c>
      <c r="DY6" s="355" t="s">
        <v>48</v>
      </c>
      <c r="DZ6" s="355" t="s">
        <v>49</v>
      </c>
      <c r="EA6" s="355" t="s">
        <v>50</v>
      </c>
      <c r="EB6" s="355" t="s">
        <v>51</v>
      </c>
      <c r="EC6" s="356" t="s">
        <v>45</v>
      </c>
      <c r="ED6" s="358" t="s">
        <v>52</v>
      </c>
      <c r="EE6" s="354" t="s">
        <v>43</v>
      </c>
      <c r="EF6" s="355" t="s">
        <v>44</v>
      </c>
      <c r="EG6" s="356" t="s">
        <v>45</v>
      </c>
      <c r="EH6" s="357" t="s">
        <v>46</v>
      </c>
      <c r="EI6" s="355" t="s">
        <v>47</v>
      </c>
      <c r="EJ6" s="355" t="s">
        <v>48</v>
      </c>
      <c r="EK6" s="355" t="s">
        <v>49</v>
      </c>
      <c r="EL6" s="355" t="s">
        <v>50</v>
      </c>
      <c r="EM6" s="355" t="s">
        <v>51</v>
      </c>
      <c r="EN6" s="356" t="s">
        <v>45</v>
      </c>
      <c r="EO6" s="358" t="s">
        <v>52</v>
      </c>
      <c r="EP6" s="354" t="s">
        <v>43</v>
      </c>
      <c r="EQ6" s="355" t="s">
        <v>44</v>
      </c>
      <c r="ER6" s="356" t="s">
        <v>45</v>
      </c>
      <c r="ES6" s="357" t="s">
        <v>46</v>
      </c>
      <c r="ET6" s="355" t="s">
        <v>47</v>
      </c>
      <c r="EU6" s="355" t="s">
        <v>48</v>
      </c>
      <c r="EV6" s="355" t="s">
        <v>49</v>
      </c>
      <c r="EW6" s="355" t="s">
        <v>50</v>
      </c>
      <c r="EX6" s="355" t="s">
        <v>51</v>
      </c>
      <c r="EY6" s="356" t="s">
        <v>45</v>
      </c>
      <c r="EZ6" s="358" t="s">
        <v>52</v>
      </c>
      <c r="FA6" s="354" t="s">
        <v>43</v>
      </c>
      <c r="FB6" s="355" t="s">
        <v>44</v>
      </c>
      <c r="FC6" s="356" t="s">
        <v>45</v>
      </c>
      <c r="FD6" s="357" t="s">
        <v>46</v>
      </c>
      <c r="FE6" s="355" t="s">
        <v>47</v>
      </c>
      <c r="FF6" s="355" t="s">
        <v>48</v>
      </c>
      <c r="FG6" s="355" t="s">
        <v>49</v>
      </c>
      <c r="FH6" s="355" t="s">
        <v>50</v>
      </c>
      <c r="FI6" s="355" t="s">
        <v>51</v>
      </c>
      <c r="FJ6" s="356" t="s">
        <v>45</v>
      </c>
      <c r="FK6" s="358" t="s">
        <v>52</v>
      </c>
      <c r="FL6" s="354" t="s">
        <v>43</v>
      </c>
      <c r="FM6" s="355" t="s">
        <v>44</v>
      </c>
      <c r="FN6" s="356" t="s">
        <v>45</v>
      </c>
      <c r="FO6" s="357" t="s">
        <v>46</v>
      </c>
      <c r="FP6" s="355" t="s">
        <v>47</v>
      </c>
      <c r="FQ6" s="355" t="s">
        <v>48</v>
      </c>
      <c r="FR6" s="355" t="s">
        <v>49</v>
      </c>
      <c r="FS6" s="355" t="s">
        <v>50</v>
      </c>
      <c r="FT6" s="355" t="s">
        <v>51</v>
      </c>
      <c r="FU6" s="356" t="s">
        <v>45</v>
      </c>
      <c r="FV6" s="358" t="s">
        <v>52</v>
      </c>
      <c r="FW6" s="354" t="s">
        <v>43</v>
      </c>
      <c r="FX6" s="355" t="s">
        <v>44</v>
      </c>
      <c r="FY6" s="356" t="s">
        <v>45</v>
      </c>
      <c r="FZ6" s="357" t="s">
        <v>46</v>
      </c>
      <c r="GA6" s="355" t="s">
        <v>47</v>
      </c>
      <c r="GB6" s="355" t="s">
        <v>48</v>
      </c>
      <c r="GC6" s="355" t="s">
        <v>49</v>
      </c>
      <c r="GD6" s="355" t="s">
        <v>50</v>
      </c>
      <c r="GE6" s="355" t="s">
        <v>51</v>
      </c>
      <c r="GF6" s="356" t="s">
        <v>45</v>
      </c>
      <c r="GG6" s="358" t="s">
        <v>52</v>
      </c>
      <c r="GH6" s="354" t="s">
        <v>43</v>
      </c>
      <c r="GI6" s="355" t="s">
        <v>44</v>
      </c>
      <c r="GJ6" s="356" t="s">
        <v>45</v>
      </c>
      <c r="GK6" s="357" t="s">
        <v>46</v>
      </c>
      <c r="GL6" s="355" t="s">
        <v>47</v>
      </c>
      <c r="GM6" s="355" t="s">
        <v>48</v>
      </c>
      <c r="GN6" s="355" t="s">
        <v>49</v>
      </c>
      <c r="GO6" s="355" t="s">
        <v>50</v>
      </c>
      <c r="GP6" s="355" t="s">
        <v>51</v>
      </c>
      <c r="GQ6" s="356" t="s">
        <v>45</v>
      </c>
      <c r="GR6" s="358" t="s">
        <v>52</v>
      </c>
      <c r="GS6" s="51" t="s">
        <v>43</v>
      </c>
      <c r="GT6" s="47" t="s">
        <v>44</v>
      </c>
      <c r="GU6" s="48" t="s">
        <v>45</v>
      </c>
      <c r="GV6" s="52" t="s">
        <v>46</v>
      </c>
      <c r="GW6" s="47" t="s">
        <v>47</v>
      </c>
      <c r="GX6" s="47" t="s">
        <v>48</v>
      </c>
      <c r="GY6" s="47" t="s">
        <v>49</v>
      </c>
      <c r="GZ6" s="47" t="s">
        <v>50</v>
      </c>
      <c r="HA6" s="47" t="s">
        <v>51</v>
      </c>
      <c r="HB6" s="48" t="s">
        <v>45</v>
      </c>
      <c r="HC6" s="349" t="s">
        <v>52</v>
      </c>
      <c r="HD6" s="354" t="s">
        <v>43</v>
      </c>
      <c r="HE6" s="355" t="s">
        <v>44</v>
      </c>
      <c r="HF6" s="356" t="s">
        <v>45</v>
      </c>
      <c r="HG6" s="357" t="s">
        <v>46</v>
      </c>
      <c r="HH6" s="355" t="s">
        <v>47</v>
      </c>
      <c r="HI6" s="355" t="s">
        <v>48</v>
      </c>
      <c r="HJ6" s="355" t="s">
        <v>49</v>
      </c>
      <c r="HK6" s="355" t="s">
        <v>50</v>
      </c>
      <c r="HL6" s="355" t="s">
        <v>51</v>
      </c>
      <c r="HM6" s="356" t="s">
        <v>45</v>
      </c>
      <c r="HN6" s="358" t="s">
        <v>52</v>
      </c>
      <c r="HO6" s="354" t="s">
        <v>43</v>
      </c>
      <c r="HP6" s="355" t="s">
        <v>44</v>
      </c>
      <c r="HQ6" s="356" t="s">
        <v>45</v>
      </c>
      <c r="HR6" s="357" t="s">
        <v>46</v>
      </c>
      <c r="HS6" s="355" t="s">
        <v>47</v>
      </c>
      <c r="HT6" s="355" t="s">
        <v>48</v>
      </c>
      <c r="HU6" s="355" t="s">
        <v>49</v>
      </c>
      <c r="HV6" s="355" t="s">
        <v>50</v>
      </c>
      <c r="HW6" s="355" t="s">
        <v>51</v>
      </c>
      <c r="HX6" s="356" t="s">
        <v>45</v>
      </c>
      <c r="HY6" s="358" t="s">
        <v>52</v>
      </c>
      <c r="HZ6" s="354" t="s">
        <v>43</v>
      </c>
      <c r="IA6" s="355" t="s">
        <v>44</v>
      </c>
      <c r="IB6" s="356" t="s">
        <v>45</v>
      </c>
      <c r="IC6" s="357" t="s">
        <v>46</v>
      </c>
      <c r="ID6" s="355" t="s">
        <v>47</v>
      </c>
      <c r="IE6" s="355" t="s">
        <v>48</v>
      </c>
      <c r="IF6" s="355" t="s">
        <v>49</v>
      </c>
      <c r="IG6" s="355" t="s">
        <v>50</v>
      </c>
      <c r="IH6" s="355" t="s">
        <v>51</v>
      </c>
      <c r="II6" s="356" t="s">
        <v>45</v>
      </c>
      <c r="IJ6" s="358" t="s">
        <v>52</v>
      </c>
      <c r="IK6" s="354" t="s">
        <v>43</v>
      </c>
      <c r="IL6" s="355" t="s">
        <v>44</v>
      </c>
      <c r="IM6" s="356" t="s">
        <v>45</v>
      </c>
      <c r="IN6" s="357" t="s">
        <v>46</v>
      </c>
      <c r="IO6" s="355" t="s">
        <v>47</v>
      </c>
      <c r="IP6" s="355" t="s">
        <v>48</v>
      </c>
      <c r="IQ6" s="355" t="s">
        <v>49</v>
      </c>
      <c r="IR6" s="355" t="s">
        <v>50</v>
      </c>
      <c r="IS6" s="355" t="s">
        <v>51</v>
      </c>
      <c r="IT6" s="356" t="s">
        <v>45</v>
      </c>
      <c r="IU6" s="358" t="s">
        <v>52</v>
      </c>
      <c r="IV6" s="354" t="s">
        <v>43</v>
      </c>
      <c r="IW6" s="355" t="s">
        <v>44</v>
      </c>
      <c r="IX6" s="356" t="s">
        <v>45</v>
      </c>
      <c r="IY6" s="357" t="s">
        <v>46</v>
      </c>
      <c r="IZ6" s="355" t="s">
        <v>47</v>
      </c>
      <c r="JA6" s="355" t="s">
        <v>48</v>
      </c>
      <c r="JB6" s="355" t="s">
        <v>49</v>
      </c>
      <c r="JC6" s="355" t="s">
        <v>50</v>
      </c>
      <c r="JD6" s="355" t="s">
        <v>51</v>
      </c>
      <c r="JE6" s="356" t="s">
        <v>45</v>
      </c>
      <c r="JF6" s="358" t="s">
        <v>52</v>
      </c>
      <c r="JG6" s="354" t="s">
        <v>43</v>
      </c>
      <c r="JH6" s="355" t="s">
        <v>44</v>
      </c>
      <c r="JI6" s="356" t="s">
        <v>45</v>
      </c>
      <c r="JJ6" s="357" t="s">
        <v>46</v>
      </c>
      <c r="JK6" s="355" t="s">
        <v>47</v>
      </c>
      <c r="JL6" s="355" t="s">
        <v>48</v>
      </c>
      <c r="JM6" s="355" t="s">
        <v>49</v>
      </c>
      <c r="JN6" s="355" t="s">
        <v>50</v>
      </c>
      <c r="JO6" s="355" t="s">
        <v>51</v>
      </c>
      <c r="JP6" s="356" t="s">
        <v>45</v>
      </c>
      <c r="JQ6" s="358" t="s">
        <v>52</v>
      </c>
      <c r="JR6" s="354" t="s">
        <v>43</v>
      </c>
      <c r="JS6" s="355" t="s">
        <v>44</v>
      </c>
      <c r="JT6" s="356" t="s">
        <v>45</v>
      </c>
      <c r="JU6" s="357" t="s">
        <v>46</v>
      </c>
      <c r="JV6" s="355" t="s">
        <v>47</v>
      </c>
      <c r="JW6" s="355" t="s">
        <v>48</v>
      </c>
      <c r="JX6" s="355" t="s">
        <v>49</v>
      </c>
      <c r="JY6" s="355" t="s">
        <v>50</v>
      </c>
      <c r="JZ6" s="355" t="s">
        <v>51</v>
      </c>
      <c r="KA6" s="356" t="s">
        <v>45</v>
      </c>
      <c r="KB6" s="358" t="s">
        <v>52</v>
      </c>
      <c r="KC6" s="354" t="s">
        <v>43</v>
      </c>
      <c r="KD6" s="355" t="s">
        <v>44</v>
      </c>
      <c r="KE6" s="356" t="s">
        <v>45</v>
      </c>
      <c r="KF6" s="357" t="s">
        <v>46</v>
      </c>
      <c r="KG6" s="355" t="s">
        <v>47</v>
      </c>
      <c r="KH6" s="355" t="s">
        <v>48</v>
      </c>
      <c r="KI6" s="355" t="s">
        <v>49</v>
      </c>
      <c r="KJ6" s="355" t="s">
        <v>50</v>
      </c>
      <c r="KK6" s="355" t="s">
        <v>51</v>
      </c>
      <c r="KL6" s="356" t="s">
        <v>45</v>
      </c>
      <c r="KM6" s="358" t="s">
        <v>52</v>
      </c>
    </row>
    <row r="7" spans="2:299" ht="21" customHeight="1" x14ac:dyDescent="0.2">
      <c r="B7" s="350" t="s">
        <v>4</v>
      </c>
      <c r="C7" s="312">
        <v>3290</v>
      </c>
      <c r="D7" s="78">
        <v>3150</v>
      </c>
      <c r="E7" s="79">
        <v>6440</v>
      </c>
      <c r="F7" s="240"/>
      <c r="G7" s="78">
        <v>4344</v>
      </c>
      <c r="H7" s="78">
        <v>4011</v>
      </c>
      <c r="I7" s="78">
        <v>2401</v>
      </c>
      <c r="J7" s="78">
        <v>2151</v>
      </c>
      <c r="K7" s="78">
        <v>1392</v>
      </c>
      <c r="L7" s="80">
        <v>14299</v>
      </c>
      <c r="M7" s="81">
        <v>20739</v>
      </c>
      <c r="N7" s="66">
        <v>108</v>
      </c>
      <c r="O7" s="67">
        <v>111</v>
      </c>
      <c r="P7" s="68">
        <v>219</v>
      </c>
      <c r="Q7" s="243"/>
      <c r="R7" s="67">
        <v>97</v>
      </c>
      <c r="S7" s="67">
        <v>130</v>
      </c>
      <c r="T7" s="67">
        <v>73</v>
      </c>
      <c r="U7" s="67">
        <v>87</v>
      </c>
      <c r="V7" s="67">
        <v>84</v>
      </c>
      <c r="W7" s="68">
        <v>471</v>
      </c>
      <c r="X7" s="69">
        <v>690</v>
      </c>
      <c r="Y7" s="66">
        <v>271</v>
      </c>
      <c r="Z7" s="67">
        <v>261</v>
      </c>
      <c r="AA7" s="68">
        <v>532</v>
      </c>
      <c r="AB7" s="243"/>
      <c r="AC7" s="67">
        <v>265</v>
      </c>
      <c r="AD7" s="67">
        <v>319</v>
      </c>
      <c r="AE7" s="67">
        <v>194</v>
      </c>
      <c r="AF7" s="67">
        <v>164</v>
      </c>
      <c r="AG7" s="67">
        <v>139</v>
      </c>
      <c r="AH7" s="68">
        <v>1081</v>
      </c>
      <c r="AI7" s="69">
        <v>1613</v>
      </c>
      <c r="AJ7" s="66">
        <v>366</v>
      </c>
      <c r="AK7" s="67">
        <v>402</v>
      </c>
      <c r="AL7" s="68">
        <v>768</v>
      </c>
      <c r="AM7" s="243"/>
      <c r="AN7" s="67">
        <v>526</v>
      </c>
      <c r="AO7" s="67">
        <v>462</v>
      </c>
      <c r="AP7" s="67">
        <v>267</v>
      </c>
      <c r="AQ7" s="67">
        <v>275</v>
      </c>
      <c r="AR7" s="67">
        <v>191</v>
      </c>
      <c r="AS7" s="68">
        <v>1721</v>
      </c>
      <c r="AT7" s="69">
        <v>2489</v>
      </c>
      <c r="AU7" s="66">
        <v>733</v>
      </c>
      <c r="AV7" s="67">
        <v>712</v>
      </c>
      <c r="AW7" s="68">
        <v>1445</v>
      </c>
      <c r="AX7" s="243"/>
      <c r="AY7" s="67">
        <v>981</v>
      </c>
      <c r="AZ7" s="67">
        <v>852</v>
      </c>
      <c r="BA7" s="67">
        <v>499</v>
      </c>
      <c r="BB7" s="67">
        <v>387</v>
      </c>
      <c r="BC7" s="67">
        <v>287</v>
      </c>
      <c r="BD7" s="68">
        <v>3006</v>
      </c>
      <c r="BE7" s="69">
        <v>4451</v>
      </c>
      <c r="BF7" s="66">
        <v>1019</v>
      </c>
      <c r="BG7" s="67">
        <v>910</v>
      </c>
      <c r="BH7" s="68">
        <v>1929</v>
      </c>
      <c r="BI7" s="243"/>
      <c r="BJ7" s="67">
        <v>1288</v>
      </c>
      <c r="BK7" s="67">
        <v>1071</v>
      </c>
      <c r="BL7" s="67">
        <v>629</v>
      </c>
      <c r="BM7" s="67">
        <v>568</v>
      </c>
      <c r="BN7" s="67">
        <v>319</v>
      </c>
      <c r="BO7" s="68">
        <v>3875</v>
      </c>
      <c r="BP7" s="69">
        <v>5804</v>
      </c>
      <c r="BQ7" s="66">
        <v>793</v>
      </c>
      <c r="BR7" s="67">
        <v>754</v>
      </c>
      <c r="BS7" s="68">
        <v>1547</v>
      </c>
      <c r="BT7" s="243"/>
      <c r="BU7" s="67">
        <v>1187</v>
      </c>
      <c r="BV7" s="67">
        <v>1177</v>
      </c>
      <c r="BW7" s="67">
        <v>739</v>
      </c>
      <c r="BX7" s="67">
        <v>670</v>
      </c>
      <c r="BY7" s="67">
        <v>372</v>
      </c>
      <c r="BZ7" s="68">
        <v>4145</v>
      </c>
      <c r="CA7" s="69">
        <v>5692</v>
      </c>
      <c r="CB7" s="66">
        <v>0</v>
      </c>
      <c r="CC7" s="67">
        <v>0</v>
      </c>
      <c r="CD7" s="68">
        <v>0</v>
      </c>
      <c r="CE7" s="243"/>
      <c r="CF7" s="67">
        <v>0</v>
      </c>
      <c r="CG7" s="67">
        <v>0</v>
      </c>
      <c r="CH7" s="67">
        <v>0</v>
      </c>
      <c r="CI7" s="67">
        <v>0</v>
      </c>
      <c r="CJ7" s="67">
        <v>0</v>
      </c>
      <c r="CK7" s="68">
        <v>0</v>
      </c>
      <c r="CL7" s="69">
        <v>0</v>
      </c>
      <c r="CM7" s="66">
        <v>3290</v>
      </c>
      <c r="CN7" s="67">
        <v>3150</v>
      </c>
      <c r="CO7" s="68">
        <v>6440</v>
      </c>
      <c r="CP7" s="243"/>
      <c r="CQ7" s="67">
        <v>4344</v>
      </c>
      <c r="CR7" s="67">
        <v>4011</v>
      </c>
      <c r="CS7" s="67">
        <v>2401</v>
      </c>
      <c r="CT7" s="67">
        <v>2151</v>
      </c>
      <c r="CU7" s="67">
        <v>1392</v>
      </c>
      <c r="CV7" s="68">
        <v>14299</v>
      </c>
      <c r="CW7" s="69">
        <v>20739</v>
      </c>
      <c r="CX7" s="122">
        <v>1202</v>
      </c>
      <c r="CY7" s="78">
        <v>1387</v>
      </c>
      <c r="CZ7" s="79">
        <v>2589</v>
      </c>
      <c r="DA7" s="240"/>
      <c r="DB7" s="78">
        <v>1748</v>
      </c>
      <c r="DC7" s="78">
        <v>1630</v>
      </c>
      <c r="DD7" s="78">
        <v>1146</v>
      </c>
      <c r="DE7" s="78">
        <v>1147</v>
      </c>
      <c r="DF7" s="78">
        <v>766</v>
      </c>
      <c r="DG7" s="80">
        <v>6437</v>
      </c>
      <c r="DH7" s="81">
        <v>9026</v>
      </c>
      <c r="DI7" s="66">
        <v>30</v>
      </c>
      <c r="DJ7" s="67">
        <v>37</v>
      </c>
      <c r="DK7" s="68">
        <v>67</v>
      </c>
      <c r="DL7" s="243"/>
      <c r="DM7" s="67">
        <v>16</v>
      </c>
      <c r="DN7" s="67">
        <v>23</v>
      </c>
      <c r="DO7" s="67">
        <v>26</v>
      </c>
      <c r="DP7" s="67">
        <v>13</v>
      </c>
      <c r="DQ7" s="67">
        <v>16</v>
      </c>
      <c r="DR7" s="68">
        <v>94</v>
      </c>
      <c r="DS7" s="69">
        <v>161</v>
      </c>
      <c r="DT7" s="66">
        <v>90</v>
      </c>
      <c r="DU7" s="67">
        <v>93</v>
      </c>
      <c r="DV7" s="68">
        <v>183</v>
      </c>
      <c r="DW7" s="243"/>
      <c r="DX7" s="67">
        <v>93</v>
      </c>
      <c r="DY7" s="67">
        <v>87</v>
      </c>
      <c r="DZ7" s="67">
        <v>54</v>
      </c>
      <c r="EA7" s="67">
        <v>47</v>
      </c>
      <c r="EB7" s="67">
        <v>38</v>
      </c>
      <c r="EC7" s="68">
        <v>319</v>
      </c>
      <c r="ED7" s="69">
        <v>502</v>
      </c>
      <c r="EE7" s="66">
        <v>192</v>
      </c>
      <c r="EF7" s="67">
        <v>209</v>
      </c>
      <c r="EG7" s="68">
        <v>401</v>
      </c>
      <c r="EH7" s="243"/>
      <c r="EI7" s="67">
        <v>196</v>
      </c>
      <c r="EJ7" s="67">
        <v>163</v>
      </c>
      <c r="EK7" s="67">
        <v>102</v>
      </c>
      <c r="EL7" s="67">
        <v>73</v>
      </c>
      <c r="EM7" s="67">
        <v>70</v>
      </c>
      <c r="EN7" s="68">
        <v>604</v>
      </c>
      <c r="EO7" s="69">
        <v>1005</v>
      </c>
      <c r="EP7" s="66">
        <v>331</v>
      </c>
      <c r="EQ7" s="67">
        <v>308</v>
      </c>
      <c r="ER7" s="68">
        <v>639</v>
      </c>
      <c r="ES7" s="243"/>
      <c r="ET7" s="67">
        <v>369</v>
      </c>
      <c r="EU7" s="67">
        <v>292</v>
      </c>
      <c r="EV7" s="67">
        <v>152</v>
      </c>
      <c r="EW7" s="67">
        <v>151</v>
      </c>
      <c r="EX7" s="67">
        <v>102</v>
      </c>
      <c r="EY7" s="68">
        <v>1066</v>
      </c>
      <c r="EZ7" s="69">
        <v>1705</v>
      </c>
      <c r="FA7" s="66">
        <v>326</v>
      </c>
      <c r="FB7" s="67">
        <v>427</v>
      </c>
      <c r="FC7" s="68">
        <v>753</v>
      </c>
      <c r="FD7" s="243"/>
      <c r="FE7" s="67">
        <v>505</v>
      </c>
      <c r="FF7" s="67">
        <v>465</v>
      </c>
      <c r="FG7" s="67">
        <v>296</v>
      </c>
      <c r="FH7" s="67">
        <v>282</v>
      </c>
      <c r="FI7" s="67">
        <v>171</v>
      </c>
      <c r="FJ7" s="68">
        <v>1719</v>
      </c>
      <c r="FK7" s="69">
        <v>2472</v>
      </c>
      <c r="FL7" s="66">
        <v>233</v>
      </c>
      <c r="FM7" s="67">
        <v>313</v>
      </c>
      <c r="FN7" s="68">
        <v>546</v>
      </c>
      <c r="FO7" s="243"/>
      <c r="FP7" s="67">
        <v>569</v>
      </c>
      <c r="FQ7" s="67">
        <v>600</v>
      </c>
      <c r="FR7" s="67">
        <v>516</v>
      </c>
      <c r="FS7" s="67">
        <v>581</v>
      </c>
      <c r="FT7" s="67">
        <v>369</v>
      </c>
      <c r="FU7" s="68">
        <v>2635</v>
      </c>
      <c r="FV7" s="69">
        <v>3181</v>
      </c>
      <c r="FW7" s="66">
        <v>0</v>
      </c>
      <c r="FX7" s="67">
        <v>0</v>
      </c>
      <c r="FY7" s="68">
        <v>0</v>
      </c>
      <c r="FZ7" s="243"/>
      <c r="GA7" s="67">
        <v>0</v>
      </c>
      <c r="GB7" s="67">
        <v>0</v>
      </c>
      <c r="GC7" s="67">
        <v>0</v>
      </c>
      <c r="GD7" s="67">
        <v>0</v>
      </c>
      <c r="GE7" s="67">
        <v>0</v>
      </c>
      <c r="GF7" s="68">
        <v>0</v>
      </c>
      <c r="GG7" s="69">
        <v>0</v>
      </c>
      <c r="GH7" s="66">
        <v>1202</v>
      </c>
      <c r="GI7" s="67">
        <v>1387</v>
      </c>
      <c r="GJ7" s="68">
        <v>2589</v>
      </c>
      <c r="GK7" s="243"/>
      <c r="GL7" s="67">
        <v>1748</v>
      </c>
      <c r="GM7" s="67">
        <v>1630</v>
      </c>
      <c r="GN7" s="67">
        <v>1146</v>
      </c>
      <c r="GO7" s="67">
        <v>1147</v>
      </c>
      <c r="GP7" s="67">
        <v>766</v>
      </c>
      <c r="GQ7" s="68">
        <v>6437</v>
      </c>
      <c r="GR7" s="69">
        <v>9026</v>
      </c>
      <c r="GS7" s="122">
        <v>4492</v>
      </c>
      <c r="GT7" s="78">
        <v>4537</v>
      </c>
      <c r="GU7" s="79">
        <v>9029</v>
      </c>
      <c r="GV7" s="240"/>
      <c r="GW7" s="78">
        <v>6092</v>
      </c>
      <c r="GX7" s="78">
        <v>5641</v>
      </c>
      <c r="GY7" s="78">
        <v>3547</v>
      </c>
      <c r="GZ7" s="78">
        <v>3298</v>
      </c>
      <c r="HA7" s="78">
        <v>2158</v>
      </c>
      <c r="HB7" s="80">
        <v>20736</v>
      </c>
      <c r="HC7" s="81">
        <v>29765</v>
      </c>
      <c r="HD7" s="66">
        <v>138</v>
      </c>
      <c r="HE7" s="67">
        <v>148</v>
      </c>
      <c r="HF7" s="68">
        <v>286</v>
      </c>
      <c r="HG7" s="243"/>
      <c r="HH7" s="67">
        <v>113</v>
      </c>
      <c r="HI7" s="67">
        <v>153</v>
      </c>
      <c r="HJ7" s="67">
        <v>99</v>
      </c>
      <c r="HK7" s="67">
        <v>100</v>
      </c>
      <c r="HL7" s="67">
        <v>100</v>
      </c>
      <c r="HM7" s="68">
        <v>565</v>
      </c>
      <c r="HN7" s="69">
        <v>851</v>
      </c>
      <c r="HO7" s="66">
        <v>361</v>
      </c>
      <c r="HP7" s="67">
        <v>354</v>
      </c>
      <c r="HQ7" s="68">
        <v>715</v>
      </c>
      <c r="HR7" s="243"/>
      <c r="HS7" s="67">
        <v>358</v>
      </c>
      <c r="HT7" s="67">
        <v>406</v>
      </c>
      <c r="HU7" s="67">
        <v>248</v>
      </c>
      <c r="HV7" s="67">
        <v>211</v>
      </c>
      <c r="HW7" s="67">
        <v>177</v>
      </c>
      <c r="HX7" s="68">
        <v>1400</v>
      </c>
      <c r="HY7" s="69">
        <v>2115</v>
      </c>
      <c r="HZ7" s="66">
        <v>558</v>
      </c>
      <c r="IA7" s="67">
        <v>611</v>
      </c>
      <c r="IB7" s="68">
        <v>1169</v>
      </c>
      <c r="IC7" s="243"/>
      <c r="ID7" s="67">
        <v>722</v>
      </c>
      <c r="IE7" s="67">
        <v>625</v>
      </c>
      <c r="IF7" s="67">
        <v>369</v>
      </c>
      <c r="IG7" s="67">
        <v>348</v>
      </c>
      <c r="IH7" s="67">
        <v>261</v>
      </c>
      <c r="II7" s="68">
        <v>2325</v>
      </c>
      <c r="IJ7" s="69">
        <v>3494</v>
      </c>
      <c r="IK7" s="66">
        <v>1064</v>
      </c>
      <c r="IL7" s="67">
        <v>1020</v>
      </c>
      <c r="IM7" s="68">
        <v>2084</v>
      </c>
      <c r="IN7" s="243"/>
      <c r="IO7" s="67">
        <v>1350</v>
      </c>
      <c r="IP7" s="67">
        <v>1144</v>
      </c>
      <c r="IQ7" s="67">
        <v>651</v>
      </c>
      <c r="IR7" s="67">
        <v>538</v>
      </c>
      <c r="IS7" s="67">
        <v>389</v>
      </c>
      <c r="IT7" s="68">
        <v>4072</v>
      </c>
      <c r="IU7" s="69">
        <v>6156</v>
      </c>
      <c r="IV7" s="66">
        <v>1345</v>
      </c>
      <c r="IW7" s="67">
        <v>1337</v>
      </c>
      <c r="IX7" s="68">
        <v>2682</v>
      </c>
      <c r="IY7" s="243"/>
      <c r="IZ7" s="67">
        <v>1793</v>
      </c>
      <c r="JA7" s="67">
        <v>1536</v>
      </c>
      <c r="JB7" s="67">
        <v>925</v>
      </c>
      <c r="JC7" s="67">
        <v>850</v>
      </c>
      <c r="JD7" s="67">
        <v>490</v>
      </c>
      <c r="JE7" s="68">
        <v>5594</v>
      </c>
      <c r="JF7" s="69">
        <v>8276</v>
      </c>
      <c r="JG7" s="66">
        <v>1026</v>
      </c>
      <c r="JH7" s="67">
        <v>1067</v>
      </c>
      <c r="JI7" s="68">
        <v>2093</v>
      </c>
      <c r="JJ7" s="243"/>
      <c r="JK7" s="67">
        <v>1756</v>
      </c>
      <c r="JL7" s="67">
        <v>1777</v>
      </c>
      <c r="JM7" s="67">
        <v>1255</v>
      </c>
      <c r="JN7" s="67">
        <v>1251</v>
      </c>
      <c r="JO7" s="67">
        <v>741</v>
      </c>
      <c r="JP7" s="68">
        <v>6780</v>
      </c>
      <c r="JQ7" s="69">
        <v>8873</v>
      </c>
      <c r="JR7" s="66">
        <v>0</v>
      </c>
      <c r="JS7" s="67">
        <v>0</v>
      </c>
      <c r="JT7" s="68">
        <v>0</v>
      </c>
      <c r="JU7" s="243"/>
      <c r="JV7" s="67">
        <v>0</v>
      </c>
      <c r="JW7" s="67">
        <v>0</v>
      </c>
      <c r="JX7" s="67">
        <v>0</v>
      </c>
      <c r="JY7" s="67">
        <v>0</v>
      </c>
      <c r="JZ7" s="67">
        <v>0</v>
      </c>
      <c r="KA7" s="68">
        <v>0</v>
      </c>
      <c r="KB7" s="69">
        <v>0</v>
      </c>
      <c r="KC7" s="66">
        <v>4492</v>
      </c>
      <c r="KD7" s="67">
        <v>4537</v>
      </c>
      <c r="KE7" s="68">
        <v>9029</v>
      </c>
      <c r="KF7" s="243"/>
      <c r="KG7" s="67">
        <v>6092</v>
      </c>
      <c r="KH7" s="67">
        <v>5641</v>
      </c>
      <c r="KI7" s="67">
        <v>3547</v>
      </c>
      <c r="KJ7" s="67">
        <v>3298</v>
      </c>
      <c r="KK7" s="67">
        <v>2158</v>
      </c>
      <c r="KL7" s="68">
        <v>20736</v>
      </c>
      <c r="KM7" s="69">
        <v>29765</v>
      </c>
    </row>
    <row r="8" spans="2:299" ht="21" customHeight="1" x14ac:dyDescent="0.2">
      <c r="B8" s="126" t="s">
        <v>5</v>
      </c>
      <c r="C8" s="313">
        <v>1508</v>
      </c>
      <c r="D8" s="82">
        <v>1609</v>
      </c>
      <c r="E8" s="83">
        <v>3117</v>
      </c>
      <c r="F8" s="241"/>
      <c r="G8" s="82">
        <v>1617</v>
      </c>
      <c r="H8" s="82">
        <v>1932</v>
      </c>
      <c r="I8" s="82">
        <v>1080</v>
      </c>
      <c r="J8" s="82">
        <v>950</v>
      </c>
      <c r="K8" s="82">
        <v>602</v>
      </c>
      <c r="L8" s="84">
        <v>6181</v>
      </c>
      <c r="M8" s="85">
        <v>9298</v>
      </c>
      <c r="N8" s="70">
        <v>57</v>
      </c>
      <c r="O8" s="71">
        <v>48</v>
      </c>
      <c r="P8" s="72">
        <v>105</v>
      </c>
      <c r="Q8" s="244"/>
      <c r="R8" s="71">
        <v>28</v>
      </c>
      <c r="S8" s="71">
        <v>57</v>
      </c>
      <c r="T8" s="71">
        <v>33</v>
      </c>
      <c r="U8" s="71">
        <v>30</v>
      </c>
      <c r="V8" s="71">
        <v>31</v>
      </c>
      <c r="W8" s="72">
        <v>179</v>
      </c>
      <c r="X8" s="73">
        <v>284</v>
      </c>
      <c r="Y8" s="70">
        <v>106</v>
      </c>
      <c r="Z8" s="71">
        <v>138</v>
      </c>
      <c r="AA8" s="72">
        <v>244</v>
      </c>
      <c r="AB8" s="244"/>
      <c r="AC8" s="71">
        <v>76</v>
      </c>
      <c r="AD8" s="71">
        <v>123</v>
      </c>
      <c r="AE8" s="71">
        <v>79</v>
      </c>
      <c r="AF8" s="71">
        <v>78</v>
      </c>
      <c r="AG8" s="71">
        <v>54</v>
      </c>
      <c r="AH8" s="72">
        <v>410</v>
      </c>
      <c r="AI8" s="73">
        <v>654</v>
      </c>
      <c r="AJ8" s="70">
        <v>157</v>
      </c>
      <c r="AK8" s="71">
        <v>192</v>
      </c>
      <c r="AL8" s="72">
        <v>349</v>
      </c>
      <c r="AM8" s="244"/>
      <c r="AN8" s="71">
        <v>179</v>
      </c>
      <c r="AO8" s="71">
        <v>197</v>
      </c>
      <c r="AP8" s="71">
        <v>105</v>
      </c>
      <c r="AQ8" s="71">
        <v>123</v>
      </c>
      <c r="AR8" s="71">
        <v>74</v>
      </c>
      <c r="AS8" s="72">
        <v>678</v>
      </c>
      <c r="AT8" s="73">
        <v>1027</v>
      </c>
      <c r="AU8" s="70">
        <v>355</v>
      </c>
      <c r="AV8" s="71">
        <v>363</v>
      </c>
      <c r="AW8" s="72">
        <v>718</v>
      </c>
      <c r="AX8" s="244"/>
      <c r="AY8" s="71">
        <v>340</v>
      </c>
      <c r="AZ8" s="71">
        <v>411</v>
      </c>
      <c r="BA8" s="71">
        <v>222</v>
      </c>
      <c r="BB8" s="71">
        <v>173</v>
      </c>
      <c r="BC8" s="71">
        <v>127</v>
      </c>
      <c r="BD8" s="72">
        <v>1273</v>
      </c>
      <c r="BE8" s="73">
        <v>1991</v>
      </c>
      <c r="BF8" s="70">
        <v>482</v>
      </c>
      <c r="BG8" s="71">
        <v>473</v>
      </c>
      <c r="BH8" s="72">
        <v>955</v>
      </c>
      <c r="BI8" s="244"/>
      <c r="BJ8" s="71">
        <v>517</v>
      </c>
      <c r="BK8" s="71">
        <v>536</v>
      </c>
      <c r="BL8" s="71">
        <v>282</v>
      </c>
      <c r="BM8" s="71">
        <v>240</v>
      </c>
      <c r="BN8" s="71">
        <v>139</v>
      </c>
      <c r="BO8" s="72">
        <v>1714</v>
      </c>
      <c r="BP8" s="73">
        <v>2669</v>
      </c>
      <c r="BQ8" s="70">
        <v>351</v>
      </c>
      <c r="BR8" s="71">
        <v>395</v>
      </c>
      <c r="BS8" s="72">
        <v>746</v>
      </c>
      <c r="BT8" s="244"/>
      <c r="BU8" s="71">
        <v>477</v>
      </c>
      <c r="BV8" s="71">
        <v>608</v>
      </c>
      <c r="BW8" s="71">
        <v>359</v>
      </c>
      <c r="BX8" s="71">
        <v>306</v>
      </c>
      <c r="BY8" s="71">
        <v>177</v>
      </c>
      <c r="BZ8" s="72">
        <v>1927</v>
      </c>
      <c r="CA8" s="73">
        <v>2673</v>
      </c>
      <c r="CB8" s="70">
        <v>0</v>
      </c>
      <c r="CC8" s="71">
        <v>0</v>
      </c>
      <c r="CD8" s="72">
        <v>0</v>
      </c>
      <c r="CE8" s="244"/>
      <c r="CF8" s="71">
        <v>0</v>
      </c>
      <c r="CG8" s="71">
        <v>0</v>
      </c>
      <c r="CH8" s="71">
        <v>0</v>
      </c>
      <c r="CI8" s="71">
        <v>0</v>
      </c>
      <c r="CJ8" s="71">
        <v>0</v>
      </c>
      <c r="CK8" s="72">
        <v>0</v>
      </c>
      <c r="CL8" s="73">
        <v>0</v>
      </c>
      <c r="CM8" s="70">
        <v>1508</v>
      </c>
      <c r="CN8" s="71">
        <v>1609</v>
      </c>
      <c r="CO8" s="72">
        <v>3117</v>
      </c>
      <c r="CP8" s="244"/>
      <c r="CQ8" s="71">
        <v>1617</v>
      </c>
      <c r="CR8" s="71">
        <v>1932</v>
      </c>
      <c r="CS8" s="71">
        <v>1080</v>
      </c>
      <c r="CT8" s="71">
        <v>950</v>
      </c>
      <c r="CU8" s="71">
        <v>602</v>
      </c>
      <c r="CV8" s="72">
        <v>6181</v>
      </c>
      <c r="CW8" s="73">
        <v>9298</v>
      </c>
      <c r="CX8" s="123">
        <v>465</v>
      </c>
      <c r="CY8" s="82">
        <v>649</v>
      </c>
      <c r="CZ8" s="83">
        <v>1114</v>
      </c>
      <c r="DA8" s="241"/>
      <c r="DB8" s="82">
        <v>621</v>
      </c>
      <c r="DC8" s="82">
        <v>782</v>
      </c>
      <c r="DD8" s="82">
        <v>491</v>
      </c>
      <c r="DE8" s="82">
        <v>525</v>
      </c>
      <c r="DF8" s="82">
        <v>344</v>
      </c>
      <c r="DG8" s="84">
        <v>2763</v>
      </c>
      <c r="DH8" s="85">
        <v>3877</v>
      </c>
      <c r="DI8" s="70">
        <v>12</v>
      </c>
      <c r="DJ8" s="71">
        <v>14</v>
      </c>
      <c r="DK8" s="72">
        <v>26</v>
      </c>
      <c r="DL8" s="244"/>
      <c r="DM8" s="71">
        <v>8</v>
      </c>
      <c r="DN8" s="71">
        <v>12</v>
      </c>
      <c r="DO8" s="71">
        <v>9</v>
      </c>
      <c r="DP8" s="71">
        <v>8</v>
      </c>
      <c r="DQ8" s="71">
        <v>7</v>
      </c>
      <c r="DR8" s="72">
        <v>44</v>
      </c>
      <c r="DS8" s="73">
        <v>70</v>
      </c>
      <c r="DT8" s="70">
        <v>38</v>
      </c>
      <c r="DU8" s="71">
        <v>44</v>
      </c>
      <c r="DV8" s="72">
        <v>82</v>
      </c>
      <c r="DW8" s="244"/>
      <c r="DX8" s="71">
        <v>21</v>
      </c>
      <c r="DY8" s="71">
        <v>38</v>
      </c>
      <c r="DZ8" s="71">
        <v>26</v>
      </c>
      <c r="EA8" s="71">
        <v>24</v>
      </c>
      <c r="EB8" s="71">
        <v>19</v>
      </c>
      <c r="EC8" s="72">
        <v>128</v>
      </c>
      <c r="ED8" s="73">
        <v>210</v>
      </c>
      <c r="EE8" s="70">
        <v>71</v>
      </c>
      <c r="EF8" s="71">
        <v>99</v>
      </c>
      <c r="EG8" s="72">
        <v>170</v>
      </c>
      <c r="EH8" s="244"/>
      <c r="EI8" s="71">
        <v>70</v>
      </c>
      <c r="EJ8" s="71">
        <v>78</v>
      </c>
      <c r="EK8" s="71">
        <v>40</v>
      </c>
      <c r="EL8" s="71">
        <v>31</v>
      </c>
      <c r="EM8" s="71">
        <v>36</v>
      </c>
      <c r="EN8" s="72">
        <v>255</v>
      </c>
      <c r="EO8" s="73">
        <v>425</v>
      </c>
      <c r="EP8" s="70">
        <v>133</v>
      </c>
      <c r="EQ8" s="71">
        <v>138</v>
      </c>
      <c r="ER8" s="72">
        <v>271</v>
      </c>
      <c r="ES8" s="244"/>
      <c r="ET8" s="71">
        <v>124</v>
      </c>
      <c r="EU8" s="71">
        <v>137</v>
      </c>
      <c r="EV8" s="71">
        <v>61</v>
      </c>
      <c r="EW8" s="71">
        <v>71</v>
      </c>
      <c r="EX8" s="71">
        <v>37</v>
      </c>
      <c r="EY8" s="72">
        <v>430</v>
      </c>
      <c r="EZ8" s="73">
        <v>701</v>
      </c>
      <c r="FA8" s="70">
        <v>115</v>
      </c>
      <c r="FB8" s="71">
        <v>215</v>
      </c>
      <c r="FC8" s="72">
        <v>330</v>
      </c>
      <c r="FD8" s="244"/>
      <c r="FE8" s="71">
        <v>194</v>
      </c>
      <c r="FF8" s="71">
        <v>238</v>
      </c>
      <c r="FG8" s="71">
        <v>125</v>
      </c>
      <c r="FH8" s="71">
        <v>136</v>
      </c>
      <c r="FI8" s="71">
        <v>82</v>
      </c>
      <c r="FJ8" s="72">
        <v>775</v>
      </c>
      <c r="FK8" s="73">
        <v>1105</v>
      </c>
      <c r="FL8" s="70">
        <v>96</v>
      </c>
      <c r="FM8" s="71">
        <v>139</v>
      </c>
      <c r="FN8" s="72">
        <v>235</v>
      </c>
      <c r="FO8" s="244"/>
      <c r="FP8" s="71">
        <v>204</v>
      </c>
      <c r="FQ8" s="71">
        <v>279</v>
      </c>
      <c r="FR8" s="71">
        <v>230</v>
      </c>
      <c r="FS8" s="71">
        <v>255</v>
      </c>
      <c r="FT8" s="71">
        <v>163</v>
      </c>
      <c r="FU8" s="72">
        <v>1131</v>
      </c>
      <c r="FV8" s="73">
        <v>1366</v>
      </c>
      <c r="FW8" s="70">
        <v>0</v>
      </c>
      <c r="FX8" s="71">
        <v>0</v>
      </c>
      <c r="FY8" s="72">
        <v>0</v>
      </c>
      <c r="FZ8" s="244"/>
      <c r="GA8" s="71">
        <v>0</v>
      </c>
      <c r="GB8" s="71">
        <v>0</v>
      </c>
      <c r="GC8" s="71">
        <v>0</v>
      </c>
      <c r="GD8" s="71">
        <v>0</v>
      </c>
      <c r="GE8" s="71">
        <v>0</v>
      </c>
      <c r="GF8" s="72">
        <v>0</v>
      </c>
      <c r="GG8" s="73">
        <v>0</v>
      </c>
      <c r="GH8" s="70">
        <v>465</v>
      </c>
      <c r="GI8" s="71">
        <v>649</v>
      </c>
      <c r="GJ8" s="72">
        <v>1114</v>
      </c>
      <c r="GK8" s="244"/>
      <c r="GL8" s="71">
        <v>621</v>
      </c>
      <c r="GM8" s="71">
        <v>782</v>
      </c>
      <c r="GN8" s="71">
        <v>491</v>
      </c>
      <c r="GO8" s="71">
        <v>525</v>
      </c>
      <c r="GP8" s="71">
        <v>344</v>
      </c>
      <c r="GQ8" s="72">
        <v>2763</v>
      </c>
      <c r="GR8" s="73">
        <v>3877</v>
      </c>
      <c r="GS8" s="123">
        <v>1973</v>
      </c>
      <c r="GT8" s="82">
        <v>2258</v>
      </c>
      <c r="GU8" s="83">
        <v>4231</v>
      </c>
      <c r="GV8" s="241"/>
      <c r="GW8" s="82">
        <v>2238</v>
      </c>
      <c r="GX8" s="82">
        <v>2714</v>
      </c>
      <c r="GY8" s="82">
        <v>1571</v>
      </c>
      <c r="GZ8" s="82">
        <v>1475</v>
      </c>
      <c r="HA8" s="82">
        <v>946</v>
      </c>
      <c r="HB8" s="84">
        <v>8944</v>
      </c>
      <c r="HC8" s="85">
        <v>13175</v>
      </c>
      <c r="HD8" s="70">
        <v>69</v>
      </c>
      <c r="HE8" s="71">
        <v>62</v>
      </c>
      <c r="HF8" s="72">
        <v>131</v>
      </c>
      <c r="HG8" s="244"/>
      <c r="HH8" s="71">
        <v>36</v>
      </c>
      <c r="HI8" s="71">
        <v>69</v>
      </c>
      <c r="HJ8" s="71">
        <v>42</v>
      </c>
      <c r="HK8" s="71">
        <v>38</v>
      </c>
      <c r="HL8" s="71">
        <v>38</v>
      </c>
      <c r="HM8" s="72">
        <v>223</v>
      </c>
      <c r="HN8" s="73">
        <v>354</v>
      </c>
      <c r="HO8" s="70">
        <v>144</v>
      </c>
      <c r="HP8" s="71">
        <v>182</v>
      </c>
      <c r="HQ8" s="72">
        <v>326</v>
      </c>
      <c r="HR8" s="244"/>
      <c r="HS8" s="71">
        <v>97</v>
      </c>
      <c r="HT8" s="71">
        <v>161</v>
      </c>
      <c r="HU8" s="71">
        <v>105</v>
      </c>
      <c r="HV8" s="71">
        <v>102</v>
      </c>
      <c r="HW8" s="71">
        <v>73</v>
      </c>
      <c r="HX8" s="72">
        <v>538</v>
      </c>
      <c r="HY8" s="73">
        <v>864</v>
      </c>
      <c r="HZ8" s="70">
        <v>228</v>
      </c>
      <c r="IA8" s="71">
        <v>291</v>
      </c>
      <c r="IB8" s="72">
        <v>519</v>
      </c>
      <c r="IC8" s="244"/>
      <c r="ID8" s="71">
        <v>249</v>
      </c>
      <c r="IE8" s="71">
        <v>275</v>
      </c>
      <c r="IF8" s="71">
        <v>145</v>
      </c>
      <c r="IG8" s="71">
        <v>154</v>
      </c>
      <c r="IH8" s="71">
        <v>110</v>
      </c>
      <c r="II8" s="72">
        <v>933</v>
      </c>
      <c r="IJ8" s="73">
        <v>1452</v>
      </c>
      <c r="IK8" s="70">
        <v>488</v>
      </c>
      <c r="IL8" s="71">
        <v>501</v>
      </c>
      <c r="IM8" s="72">
        <v>989</v>
      </c>
      <c r="IN8" s="244"/>
      <c r="IO8" s="71">
        <v>464</v>
      </c>
      <c r="IP8" s="71">
        <v>548</v>
      </c>
      <c r="IQ8" s="71">
        <v>283</v>
      </c>
      <c r="IR8" s="71">
        <v>244</v>
      </c>
      <c r="IS8" s="71">
        <v>164</v>
      </c>
      <c r="IT8" s="72">
        <v>1703</v>
      </c>
      <c r="IU8" s="73">
        <v>2692</v>
      </c>
      <c r="IV8" s="70">
        <v>597</v>
      </c>
      <c r="IW8" s="71">
        <v>688</v>
      </c>
      <c r="IX8" s="72">
        <v>1285</v>
      </c>
      <c r="IY8" s="244"/>
      <c r="IZ8" s="71">
        <v>711</v>
      </c>
      <c r="JA8" s="71">
        <v>774</v>
      </c>
      <c r="JB8" s="71">
        <v>407</v>
      </c>
      <c r="JC8" s="71">
        <v>376</v>
      </c>
      <c r="JD8" s="71">
        <v>221</v>
      </c>
      <c r="JE8" s="72">
        <v>2489</v>
      </c>
      <c r="JF8" s="73">
        <v>3774</v>
      </c>
      <c r="JG8" s="70">
        <v>447</v>
      </c>
      <c r="JH8" s="71">
        <v>534</v>
      </c>
      <c r="JI8" s="72">
        <v>981</v>
      </c>
      <c r="JJ8" s="244"/>
      <c r="JK8" s="71">
        <v>681</v>
      </c>
      <c r="JL8" s="71">
        <v>887</v>
      </c>
      <c r="JM8" s="71">
        <v>589</v>
      </c>
      <c r="JN8" s="71">
        <v>561</v>
      </c>
      <c r="JO8" s="71">
        <v>340</v>
      </c>
      <c r="JP8" s="72">
        <v>3058</v>
      </c>
      <c r="JQ8" s="73">
        <v>4039</v>
      </c>
      <c r="JR8" s="70">
        <v>0</v>
      </c>
      <c r="JS8" s="71">
        <v>0</v>
      </c>
      <c r="JT8" s="72">
        <v>0</v>
      </c>
      <c r="JU8" s="244"/>
      <c r="JV8" s="71">
        <v>0</v>
      </c>
      <c r="JW8" s="71">
        <v>0</v>
      </c>
      <c r="JX8" s="71">
        <v>0</v>
      </c>
      <c r="JY8" s="71">
        <v>0</v>
      </c>
      <c r="JZ8" s="71">
        <v>0</v>
      </c>
      <c r="KA8" s="72">
        <v>0</v>
      </c>
      <c r="KB8" s="73">
        <v>0</v>
      </c>
      <c r="KC8" s="70">
        <v>1973</v>
      </c>
      <c r="KD8" s="71">
        <v>2258</v>
      </c>
      <c r="KE8" s="72">
        <v>4231</v>
      </c>
      <c r="KF8" s="244"/>
      <c r="KG8" s="71">
        <v>2238</v>
      </c>
      <c r="KH8" s="71">
        <v>2714</v>
      </c>
      <c r="KI8" s="71">
        <v>1571</v>
      </c>
      <c r="KJ8" s="71">
        <v>1475</v>
      </c>
      <c r="KK8" s="71">
        <v>946</v>
      </c>
      <c r="KL8" s="72">
        <v>8944</v>
      </c>
      <c r="KM8" s="73">
        <v>13175</v>
      </c>
    </row>
    <row r="9" spans="2:299" ht="21" customHeight="1" x14ac:dyDescent="0.2">
      <c r="B9" s="126" t="s">
        <v>6</v>
      </c>
      <c r="C9" s="313">
        <v>409</v>
      </c>
      <c r="D9" s="82">
        <v>396</v>
      </c>
      <c r="E9" s="83">
        <v>805</v>
      </c>
      <c r="F9" s="241"/>
      <c r="G9" s="82">
        <v>754</v>
      </c>
      <c r="H9" s="82">
        <v>548</v>
      </c>
      <c r="I9" s="82">
        <v>391</v>
      </c>
      <c r="J9" s="82">
        <v>337</v>
      </c>
      <c r="K9" s="82">
        <v>228</v>
      </c>
      <c r="L9" s="84">
        <v>2258</v>
      </c>
      <c r="M9" s="85">
        <v>3063</v>
      </c>
      <c r="N9" s="70">
        <v>15</v>
      </c>
      <c r="O9" s="71">
        <v>22</v>
      </c>
      <c r="P9" s="72">
        <v>37</v>
      </c>
      <c r="Q9" s="244"/>
      <c r="R9" s="71">
        <v>17</v>
      </c>
      <c r="S9" s="71">
        <v>18</v>
      </c>
      <c r="T9" s="71">
        <v>12</v>
      </c>
      <c r="U9" s="71">
        <v>18</v>
      </c>
      <c r="V9" s="71">
        <v>16</v>
      </c>
      <c r="W9" s="72">
        <v>81</v>
      </c>
      <c r="X9" s="73">
        <v>118</v>
      </c>
      <c r="Y9" s="70">
        <v>38</v>
      </c>
      <c r="Z9" s="71">
        <v>29</v>
      </c>
      <c r="AA9" s="72">
        <v>67</v>
      </c>
      <c r="AB9" s="244"/>
      <c r="AC9" s="71">
        <v>56</v>
      </c>
      <c r="AD9" s="71">
        <v>50</v>
      </c>
      <c r="AE9" s="71">
        <v>36</v>
      </c>
      <c r="AF9" s="71">
        <v>21</v>
      </c>
      <c r="AG9" s="71">
        <v>21</v>
      </c>
      <c r="AH9" s="72">
        <v>184</v>
      </c>
      <c r="AI9" s="73">
        <v>251</v>
      </c>
      <c r="AJ9" s="70">
        <v>47</v>
      </c>
      <c r="AK9" s="71">
        <v>53</v>
      </c>
      <c r="AL9" s="72">
        <v>100</v>
      </c>
      <c r="AM9" s="244"/>
      <c r="AN9" s="71">
        <v>92</v>
      </c>
      <c r="AO9" s="71">
        <v>68</v>
      </c>
      <c r="AP9" s="71">
        <v>50</v>
      </c>
      <c r="AQ9" s="71">
        <v>46</v>
      </c>
      <c r="AR9" s="71">
        <v>35</v>
      </c>
      <c r="AS9" s="72">
        <v>291</v>
      </c>
      <c r="AT9" s="73">
        <v>391</v>
      </c>
      <c r="AU9" s="70">
        <v>76</v>
      </c>
      <c r="AV9" s="71">
        <v>92</v>
      </c>
      <c r="AW9" s="72">
        <v>168</v>
      </c>
      <c r="AX9" s="244"/>
      <c r="AY9" s="71">
        <v>169</v>
      </c>
      <c r="AZ9" s="71">
        <v>107</v>
      </c>
      <c r="BA9" s="71">
        <v>75</v>
      </c>
      <c r="BB9" s="71">
        <v>57</v>
      </c>
      <c r="BC9" s="71">
        <v>41</v>
      </c>
      <c r="BD9" s="72">
        <v>449</v>
      </c>
      <c r="BE9" s="73">
        <v>617</v>
      </c>
      <c r="BF9" s="70">
        <v>127</v>
      </c>
      <c r="BG9" s="71">
        <v>105</v>
      </c>
      <c r="BH9" s="72">
        <v>232</v>
      </c>
      <c r="BI9" s="244"/>
      <c r="BJ9" s="71">
        <v>214</v>
      </c>
      <c r="BK9" s="71">
        <v>133</v>
      </c>
      <c r="BL9" s="71">
        <v>97</v>
      </c>
      <c r="BM9" s="71">
        <v>92</v>
      </c>
      <c r="BN9" s="71">
        <v>56</v>
      </c>
      <c r="BO9" s="72">
        <v>592</v>
      </c>
      <c r="BP9" s="73">
        <v>824</v>
      </c>
      <c r="BQ9" s="70">
        <v>106</v>
      </c>
      <c r="BR9" s="71">
        <v>95</v>
      </c>
      <c r="BS9" s="72">
        <v>201</v>
      </c>
      <c r="BT9" s="244"/>
      <c r="BU9" s="71">
        <v>206</v>
      </c>
      <c r="BV9" s="71">
        <v>172</v>
      </c>
      <c r="BW9" s="71">
        <v>121</v>
      </c>
      <c r="BX9" s="71">
        <v>103</v>
      </c>
      <c r="BY9" s="71">
        <v>59</v>
      </c>
      <c r="BZ9" s="72">
        <v>661</v>
      </c>
      <c r="CA9" s="73">
        <v>862</v>
      </c>
      <c r="CB9" s="70">
        <v>0</v>
      </c>
      <c r="CC9" s="71">
        <v>0</v>
      </c>
      <c r="CD9" s="72">
        <v>0</v>
      </c>
      <c r="CE9" s="244"/>
      <c r="CF9" s="71">
        <v>0</v>
      </c>
      <c r="CG9" s="71">
        <v>0</v>
      </c>
      <c r="CH9" s="71">
        <v>0</v>
      </c>
      <c r="CI9" s="71">
        <v>0</v>
      </c>
      <c r="CJ9" s="71">
        <v>0</v>
      </c>
      <c r="CK9" s="72">
        <v>0</v>
      </c>
      <c r="CL9" s="73">
        <v>0</v>
      </c>
      <c r="CM9" s="70">
        <v>409</v>
      </c>
      <c r="CN9" s="71">
        <v>396</v>
      </c>
      <c r="CO9" s="72">
        <v>805</v>
      </c>
      <c r="CP9" s="244"/>
      <c r="CQ9" s="71">
        <v>754</v>
      </c>
      <c r="CR9" s="71">
        <v>548</v>
      </c>
      <c r="CS9" s="71">
        <v>391</v>
      </c>
      <c r="CT9" s="71">
        <v>337</v>
      </c>
      <c r="CU9" s="71">
        <v>228</v>
      </c>
      <c r="CV9" s="72">
        <v>2258</v>
      </c>
      <c r="CW9" s="73">
        <v>3063</v>
      </c>
      <c r="CX9" s="123">
        <v>210</v>
      </c>
      <c r="CY9" s="82">
        <v>233</v>
      </c>
      <c r="CZ9" s="83">
        <v>443</v>
      </c>
      <c r="DA9" s="241"/>
      <c r="DB9" s="82">
        <v>380</v>
      </c>
      <c r="DC9" s="82">
        <v>266</v>
      </c>
      <c r="DD9" s="82">
        <v>195</v>
      </c>
      <c r="DE9" s="82">
        <v>202</v>
      </c>
      <c r="DF9" s="82">
        <v>130</v>
      </c>
      <c r="DG9" s="84">
        <v>1173</v>
      </c>
      <c r="DH9" s="85">
        <v>1616</v>
      </c>
      <c r="DI9" s="70">
        <v>3</v>
      </c>
      <c r="DJ9" s="71">
        <v>9</v>
      </c>
      <c r="DK9" s="72">
        <v>12</v>
      </c>
      <c r="DL9" s="244"/>
      <c r="DM9" s="71">
        <v>2</v>
      </c>
      <c r="DN9" s="71">
        <v>5</v>
      </c>
      <c r="DO9" s="71">
        <v>5</v>
      </c>
      <c r="DP9" s="71">
        <v>3</v>
      </c>
      <c r="DQ9" s="71">
        <v>3</v>
      </c>
      <c r="DR9" s="72">
        <v>18</v>
      </c>
      <c r="DS9" s="73">
        <v>30</v>
      </c>
      <c r="DT9" s="70">
        <v>10</v>
      </c>
      <c r="DU9" s="71">
        <v>16</v>
      </c>
      <c r="DV9" s="72">
        <v>26</v>
      </c>
      <c r="DW9" s="244"/>
      <c r="DX9" s="71">
        <v>22</v>
      </c>
      <c r="DY9" s="71">
        <v>21</v>
      </c>
      <c r="DZ9" s="71">
        <v>8</v>
      </c>
      <c r="EA9" s="71">
        <v>11</v>
      </c>
      <c r="EB9" s="71">
        <v>2</v>
      </c>
      <c r="EC9" s="72">
        <v>64</v>
      </c>
      <c r="ED9" s="73">
        <v>90</v>
      </c>
      <c r="EE9" s="70">
        <v>31</v>
      </c>
      <c r="EF9" s="71">
        <v>29</v>
      </c>
      <c r="EG9" s="72">
        <v>60</v>
      </c>
      <c r="EH9" s="244"/>
      <c r="EI9" s="71">
        <v>49</v>
      </c>
      <c r="EJ9" s="71">
        <v>24</v>
      </c>
      <c r="EK9" s="71">
        <v>22</v>
      </c>
      <c r="EL9" s="71">
        <v>17</v>
      </c>
      <c r="EM9" s="71">
        <v>13</v>
      </c>
      <c r="EN9" s="72">
        <v>125</v>
      </c>
      <c r="EO9" s="73">
        <v>185</v>
      </c>
      <c r="EP9" s="70">
        <v>57</v>
      </c>
      <c r="EQ9" s="71">
        <v>44</v>
      </c>
      <c r="ER9" s="72">
        <v>101</v>
      </c>
      <c r="ES9" s="244"/>
      <c r="ET9" s="71">
        <v>75</v>
      </c>
      <c r="EU9" s="71">
        <v>54</v>
      </c>
      <c r="EV9" s="71">
        <v>26</v>
      </c>
      <c r="EW9" s="71">
        <v>27</v>
      </c>
      <c r="EX9" s="71">
        <v>24</v>
      </c>
      <c r="EY9" s="72">
        <v>206</v>
      </c>
      <c r="EZ9" s="73">
        <v>307</v>
      </c>
      <c r="FA9" s="70">
        <v>62</v>
      </c>
      <c r="FB9" s="71">
        <v>77</v>
      </c>
      <c r="FC9" s="72">
        <v>139</v>
      </c>
      <c r="FD9" s="244"/>
      <c r="FE9" s="71">
        <v>113</v>
      </c>
      <c r="FF9" s="71">
        <v>72</v>
      </c>
      <c r="FG9" s="71">
        <v>51</v>
      </c>
      <c r="FH9" s="71">
        <v>49</v>
      </c>
      <c r="FI9" s="71">
        <v>29</v>
      </c>
      <c r="FJ9" s="72">
        <v>314</v>
      </c>
      <c r="FK9" s="73">
        <v>453</v>
      </c>
      <c r="FL9" s="70">
        <v>47</v>
      </c>
      <c r="FM9" s="71">
        <v>58</v>
      </c>
      <c r="FN9" s="72">
        <v>105</v>
      </c>
      <c r="FO9" s="244"/>
      <c r="FP9" s="71">
        <v>119</v>
      </c>
      <c r="FQ9" s="71">
        <v>90</v>
      </c>
      <c r="FR9" s="71">
        <v>83</v>
      </c>
      <c r="FS9" s="71">
        <v>95</v>
      </c>
      <c r="FT9" s="71">
        <v>59</v>
      </c>
      <c r="FU9" s="72">
        <v>446</v>
      </c>
      <c r="FV9" s="73">
        <v>551</v>
      </c>
      <c r="FW9" s="70">
        <v>0</v>
      </c>
      <c r="FX9" s="71">
        <v>0</v>
      </c>
      <c r="FY9" s="72">
        <v>0</v>
      </c>
      <c r="FZ9" s="244"/>
      <c r="GA9" s="71">
        <v>0</v>
      </c>
      <c r="GB9" s="71">
        <v>0</v>
      </c>
      <c r="GC9" s="71">
        <v>0</v>
      </c>
      <c r="GD9" s="71">
        <v>0</v>
      </c>
      <c r="GE9" s="71">
        <v>0</v>
      </c>
      <c r="GF9" s="72">
        <v>0</v>
      </c>
      <c r="GG9" s="73">
        <v>0</v>
      </c>
      <c r="GH9" s="70">
        <v>210</v>
      </c>
      <c r="GI9" s="71">
        <v>233</v>
      </c>
      <c r="GJ9" s="72">
        <v>443</v>
      </c>
      <c r="GK9" s="244"/>
      <c r="GL9" s="71">
        <v>380</v>
      </c>
      <c r="GM9" s="71">
        <v>266</v>
      </c>
      <c r="GN9" s="71">
        <v>195</v>
      </c>
      <c r="GO9" s="71">
        <v>202</v>
      </c>
      <c r="GP9" s="71">
        <v>130</v>
      </c>
      <c r="GQ9" s="72">
        <v>1173</v>
      </c>
      <c r="GR9" s="73">
        <v>1616</v>
      </c>
      <c r="GS9" s="123">
        <v>619</v>
      </c>
      <c r="GT9" s="82">
        <v>629</v>
      </c>
      <c r="GU9" s="83">
        <v>1248</v>
      </c>
      <c r="GV9" s="241"/>
      <c r="GW9" s="82">
        <v>1134</v>
      </c>
      <c r="GX9" s="82">
        <v>814</v>
      </c>
      <c r="GY9" s="82">
        <v>586</v>
      </c>
      <c r="GZ9" s="82">
        <v>539</v>
      </c>
      <c r="HA9" s="82">
        <v>358</v>
      </c>
      <c r="HB9" s="84">
        <v>3431</v>
      </c>
      <c r="HC9" s="85">
        <v>4679</v>
      </c>
      <c r="HD9" s="70">
        <v>18</v>
      </c>
      <c r="HE9" s="71">
        <v>31</v>
      </c>
      <c r="HF9" s="72">
        <v>49</v>
      </c>
      <c r="HG9" s="244"/>
      <c r="HH9" s="71">
        <v>19</v>
      </c>
      <c r="HI9" s="71">
        <v>23</v>
      </c>
      <c r="HJ9" s="71">
        <v>17</v>
      </c>
      <c r="HK9" s="71">
        <v>21</v>
      </c>
      <c r="HL9" s="71">
        <v>19</v>
      </c>
      <c r="HM9" s="72">
        <v>99</v>
      </c>
      <c r="HN9" s="73">
        <v>148</v>
      </c>
      <c r="HO9" s="70">
        <v>48</v>
      </c>
      <c r="HP9" s="71">
        <v>45</v>
      </c>
      <c r="HQ9" s="72">
        <v>93</v>
      </c>
      <c r="HR9" s="244"/>
      <c r="HS9" s="71">
        <v>78</v>
      </c>
      <c r="HT9" s="71">
        <v>71</v>
      </c>
      <c r="HU9" s="71">
        <v>44</v>
      </c>
      <c r="HV9" s="71">
        <v>32</v>
      </c>
      <c r="HW9" s="71">
        <v>23</v>
      </c>
      <c r="HX9" s="72">
        <v>248</v>
      </c>
      <c r="HY9" s="73">
        <v>341</v>
      </c>
      <c r="HZ9" s="70">
        <v>78</v>
      </c>
      <c r="IA9" s="71">
        <v>82</v>
      </c>
      <c r="IB9" s="72">
        <v>160</v>
      </c>
      <c r="IC9" s="244"/>
      <c r="ID9" s="71">
        <v>141</v>
      </c>
      <c r="IE9" s="71">
        <v>92</v>
      </c>
      <c r="IF9" s="71">
        <v>72</v>
      </c>
      <c r="IG9" s="71">
        <v>63</v>
      </c>
      <c r="IH9" s="71">
        <v>48</v>
      </c>
      <c r="II9" s="72">
        <v>416</v>
      </c>
      <c r="IJ9" s="73">
        <v>576</v>
      </c>
      <c r="IK9" s="70">
        <v>133</v>
      </c>
      <c r="IL9" s="71">
        <v>136</v>
      </c>
      <c r="IM9" s="72">
        <v>269</v>
      </c>
      <c r="IN9" s="244"/>
      <c r="IO9" s="71">
        <v>244</v>
      </c>
      <c r="IP9" s="71">
        <v>161</v>
      </c>
      <c r="IQ9" s="71">
        <v>101</v>
      </c>
      <c r="IR9" s="71">
        <v>84</v>
      </c>
      <c r="IS9" s="71">
        <v>65</v>
      </c>
      <c r="IT9" s="72">
        <v>655</v>
      </c>
      <c r="IU9" s="73">
        <v>924</v>
      </c>
      <c r="IV9" s="70">
        <v>189</v>
      </c>
      <c r="IW9" s="71">
        <v>182</v>
      </c>
      <c r="IX9" s="72">
        <v>371</v>
      </c>
      <c r="IY9" s="244"/>
      <c r="IZ9" s="71">
        <v>327</v>
      </c>
      <c r="JA9" s="71">
        <v>205</v>
      </c>
      <c r="JB9" s="71">
        <v>148</v>
      </c>
      <c r="JC9" s="71">
        <v>141</v>
      </c>
      <c r="JD9" s="71">
        <v>85</v>
      </c>
      <c r="JE9" s="72">
        <v>906</v>
      </c>
      <c r="JF9" s="73">
        <v>1277</v>
      </c>
      <c r="JG9" s="70">
        <v>153</v>
      </c>
      <c r="JH9" s="71">
        <v>153</v>
      </c>
      <c r="JI9" s="72">
        <v>306</v>
      </c>
      <c r="JJ9" s="244"/>
      <c r="JK9" s="71">
        <v>325</v>
      </c>
      <c r="JL9" s="71">
        <v>262</v>
      </c>
      <c r="JM9" s="71">
        <v>204</v>
      </c>
      <c r="JN9" s="71">
        <v>198</v>
      </c>
      <c r="JO9" s="71">
        <v>118</v>
      </c>
      <c r="JP9" s="72">
        <v>1107</v>
      </c>
      <c r="JQ9" s="73">
        <v>1413</v>
      </c>
      <c r="JR9" s="70">
        <v>0</v>
      </c>
      <c r="JS9" s="71">
        <v>0</v>
      </c>
      <c r="JT9" s="72">
        <v>0</v>
      </c>
      <c r="JU9" s="244"/>
      <c r="JV9" s="71">
        <v>0</v>
      </c>
      <c r="JW9" s="71">
        <v>0</v>
      </c>
      <c r="JX9" s="71">
        <v>0</v>
      </c>
      <c r="JY9" s="71">
        <v>0</v>
      </c>
      <c r="JZ9" s="71">
        <v>0</v>
      </c>
      <c r="KA9" s="72">
        <v>0</v>
      </c>
      <c r="KB9" s="73">
        <v>0</v>
      </c>
      <c r="KC9" s="70">
        <v>619</v>
      </c>
      <c r="KD9" s="71">
        <v>629</v>
      </c>
      <c r="KE9" s="72">
        <v>1248</v>
      </c>
      <c r="KF9" s="244"/>
      <c r="KG9" s="71">
        <v>1134</v>
      </c>
      <c r="KH9" s="71">
        <v>814</v>
      </c>
      <c r="KI9" s="71">
        <v>586</v>
      </c>
      <c r="KJ9" s="71">
        <v>539</v>
      </c>
      <c r="KK9" s="71">
        <v>358</v>
      </c>
      <c r="KL9" s="72">
        <v>3431</v>
      </c>
      <c r="KM9" s="73">
        <v>4679</v>
      </c>
    </row>
    <row r="10" spans="2:299" ht="21" customHeight="1" x14ac:dyDescent="0.2">
      <c r="B10" s="126" t="s">
        <v>14</v>
      </c>
      <c r="C10" s="313">
        <v>192</v>
      </c>
      <c r="D10" s="82">
        <v>193</v>
      </c>
      <c r="E10" s="83">
        <v>385</v>
      </c>
      <c r="F10" s="241"/>
      <c r="G10" s="82">
        <v>260</v>
      </c>
      <c r="H10" s="82">
        <v>265</v>
      </c>
      <c r="I10" s="82">
        <v>160</v>
      </c>
      <c r="J10" s="82">
        <v>143</v>
      </c>
      <c r="K10" s="82">
        <v>89</v>
      </c>
      <c r="L10" s="84">
        <v>917</v>
      </c>
      <c r="M10" s="85">
        <v>1302</v>
      </c>
      <c r="N10" s="70">
        <v>6</v>
      </c>
      <c r="O10" s="71">
        <v>7</v>
      </c>
      <c r="P10" s="72">
        <v>13</v>
      </c>
      <c r="Q10" s="244"/>
      <c r="R10" s="71">
        <v>7</v>
      </c>
      <c r="S10" s="71">
        <v>11</v>
      </c>
      <c r="T10" s="71">
        <v>3</v>
      </c>
      <c r="U10" s="71">
        <v>8</v>
      </c>
      <c r="V10" s="71">
        <v>11</v>
      </c>
      <c r="W10" s="72">
        <v>40</v>
      </c>
      <c r="X10" s="73">
        <v>53</v>
      </c>
      <c r="Y10" s="70">
        <v>23</v>
      </c>
      <c r="Z10" s="71">
        <v>20</v>
      </c>
      <c r="AA10" s="72">
        <v>43</v>
      </c>
      <c r="AB10" s="244"/>
      <c r="AC10" s="71">
        <v>19</v>
      </c>
      <c r="AD10" s="71">
        <v>20</v>
      </c>
      <c r="AE10" s="71">
        <v>16</v>
      </c>
      <c r="AF10" s="71">
        <v>10</v>
      </c>
      <c r="AG10" s="71">
        <v>11</v>
      </c>
      <c r="AH10" s="72">
        <v>76</v>
      </c>
      <c r="AI10" s="73">
        <v>119</v>
      </c>
      <c r="AJ10" s="70">
        <v>21</v>
      </c>
      <c r="AK10" s="71">
        <v>35</v>
      </c>
      <c r="AL10" s="72">
        <v>56</v>
      </c>
      <c r="AM10" s="244"/>
      <c r="AN10" s="71">
        <v>39</v>
      </c>
      <c r="AO10" s="71">
        <v>42</v>
      </c>
      <c r="AP10" s="71">
        <v>14</v>
      </c>
      <c r="AQ10" s="71">
        <v>16</v>
      </c>
      <c r="AR10" s="71">
        <v>11</v>
      </c>
      <c r="AS10" s="72">
        <v>122</v>
      </c>
      <c r="AT10" s="73">
        <v>178</v>
      </c>
      <c r="AU10" s="70">
        <v>41</v>
      </c>
      <c r="AV10" s="71">
        <v>41</v>
      </c>
      <c r="AW10" s="72">
        <v>82</v>
      </c>
      <c r="AX10" s="244"/>
      <c r="AY10" s="71">
        <v>59</v>
      </c>
      <c r="AZ10" s="71">
        <v>59</v>
      </c>
      <c r="BA10" s="71">
        <v>40</v>
      </c>
      <c r="BB10" s="71">
        <v>28</v>
      </c>
      <c r="BC10" s="71">
        <v>18</v>
      </c>
      <c r="BD10" s="72">
        <v>204</v>
      </c>
      <c r="BE10" s="73">
        <v>286</v>
      </c>
      <c r="BF10" s="70">
        <v>61</v>
      </c>
      <c r="BG10" s="71">
        <v>46</v>
      </c>
      <c r="BH10" s="72">
        <v>107</v>
      </c>
      <c r="BI10" s="244"/>
      <c r="BJ10" s="71">
        <v>77</v>
      </c>
      <c r="BK10" s="71">
        <v>69</v>
      </c>
      <c r="BL10" s="71">
        <v>50</v>
      </c>
      <c r="BM10" s="71">
        <v>41</v>
      </c>
      <c r="BN10" s="71">
        <v>19</v>
      </c>
      <c r="BO10" s="72">
        <v>256</v>
      </c>
      <c r="BP10" s="73">
        <v>363</v>
      </c>
      <c r="BQ10" s="70">
        <v>40</v>
      </c>
      <c r="BR10" s="71">
        <v>44</v>
      </c>
      <c r="BS10" s="72">
        <v>84</v>
      </c>
      <c r="BT10" s="244"/>
      <c r="BU10" s="71">
        <v>59</v>
      </c>
      <c r="BV10" s="71">
        <v>64</v>
      </c>
      <c r="BW10" s="71">
        <v>37</v>
      </c>
      <c r="BX10" s="71">
        <v>40</v>
      </c>
      <c r="BY10" s="71">
        <v>19</v>
      </c>
      <c r="BZ10" s="72">
        <v>219</v>
      </c>
      <c r="CA10" s="73">
        <v>303</v>
      </c>
      <c r="CB10" s="70">
        <v>0</v>
      </c>
      <c r="CC10" s="71">
        <v>0</v>
      </c>
      <c r="CD10" s="72">
        <v>0</v>
      </c>
      <c r="CE10" s="244"/>
      <c r="CF10" s="71">
        <v>0</v>
      </c>
      <c r="CG10" s="71">
        <v>0</v>
      </c>
      <c r="CH10" s="71">
        <v>0</v>
      </c>
      <c r="CI10" s="71">
        <v>0</v>
      </c>
      <c r="CJ10" s="71">
        <v>0</v>
      </c>
      <c r="CK10" s="72">
        <v>0</v>
      </c>
      <c r="CL10" s="73">
        <v>0</v>
      </c>
      <c r="CM10" s="70">
        <v>192</v>
      </c>
      <c r="CN10" s="71">
        <v>193</v>
      </c>
      <c r="CO10" s="72">
        <v>385</v>
      </c>
      <c r="CP10" s="244"/>
      <c r="CQ10" s="71">
        <v>260</v>
      </c>
      <c r="CR10" s="71">
        <v>265</v>
      </c>
      <c r="CS10" s="71">
        <v>160</v>
      </c>
      <c r="CT10" s="71">
        <v>143</v>
      </c>
      <c r="CU10" s="71">
        <v>89</v>
      </c>
      <c r="CV10" s="72">
        <v>917</v>
      </c>
      <c r="CW10" s="73">
        <v>1302</v>
      </c>
      <c r="CX10" s="123">
        <v>57</v>
      </c>
      <c r="CY10" s="82">
        <v>93</v>
      </c>
      <c r="CZ10" s="83">
        <v>150</v>
      </c>
      <c r="DA10" s="241"/>
      <c r="DB10" s="82">
        <v>95</v>
      </c>
      <c r="DC10" s="82">
        <v>118</v>
      </c>
      <c r="DD10" s="82">
        <v>84</v>
      </c>
      <c r="DE10" s="82">
        <v>66</v>
      </c>
      <c r="DF10" s="82">
        <v>53</v>
      </c>
      <c r="DG10" s="84">
        <v>416</v>
      </c>
      <c r="DH10" s="85">
        <v>566</v>
      </c>
      <c r="DI10" s="70">
        <v>0</v>
      </c>
      <c r="DJ10" s="71">
        <v>3</v>
      </c>
      <c r="DK10" s="72">
        <v>3</v>
      </c>
      <c r="DL10" s="244"/>
      <c r="DM10" s="71">
        <v>0</v>
      </c>
      <c r="DN10" s="71">
        <v>2</v>
      </c>
      <c r="DO10" s="71">
        <v>1</v>
      </c>
      <c r="DP10" s="71">
        <v>0</v>
      </c>
      <c r="DQ10" s="71">
        <v>1</v>
      </c>
      <c r="DR10" s="72">
        <v>4</v>
      </c>
      <c r="DS10" s="73">
        <v>7</v>
      </c>
      <c r="DT10" s="70">
        <v>5</v>
      </c>
      <c r="DU10" s="71">
        <v>7</v>
      </c>
      <c r="DV10" s="72">
        <v>12</v>
      </c>
      <c r="DW10" s="244"/>
      <c r="DX10" s="71">
        <v>7</v>
      </c>
      <c r="DY10" s="71">
        <v>5</v>
      </c>
      <c r="DZ10" s="71">
        <v>5</v>
      </c>
      <c r="EA10" s="71">
        <v>0</v>
      </c>
      <c r="EB10" s="71">
        <v>1</v>
      </c>
      <c r="EC10" s="72">
        <v>18</v>
      </c>
      <c r="ED10" s="73">
        <v>30</v>
      </c>
      <c r="EE10" s="70">
        <v>11</v>
      </c>
      <c r="EF10" s="71">
        <v>15</v>
      </c>
      <c r="EG10" s="72">
        <v>26</v>
      </c>
      <c r="EH10" s="244"/>
      <c r="EI10" s="71">
        <v>8</v>
      </c>
      <c r="EJ10" s="71">
        <v>13</v>
      </c>
      <c r="EK10" s="71">
        <v>11</v>
      </c>
      <c r="EL10" s="71">
        <v>4</v>
      </c>
      <c r="EM10" s="71">
        <v>4</v>
      </c>
      <c r="EN10" s="72">
        <v>40</v>
      </c>
      <c r="EO10" s="73">
        <v>66</v>
      </c>
      <c r="EP10" s="70">
        <v>17</v>
      </c>
      <c r="EQ10" s="71">
        <v>24</v>
      </c>
      <c r="ER10" s="72">
        <v>41</v>
      </c>
      <c r="ES10" s="244"/>
      <c r="ET10" s="71">
        <v>22</v>
      </c>
      <c r="EU10" s="71">
        <v>19</v>
      </c>
      <c r="EV10" s="71">
        <v>13</v>
      </c>
      <c r="EW10" s="71">
        <v>8</v>
      </c>
      <c r="EX10" s="71">
        <v>11</v>
      </c>
      <c r="EY10" s="72">
        <v>73</v>
      </c>
      <c r="EZ10" s="73">
        <v>114</v>
      </c>
      <c r="FA10" s="70">
        <v>16</v>
      </c>
      <c r="FB10" s="71">
        <v>29</v>
      </c>
      <c r="FC10" s="72">
        <v>45</v>
      </c>
      <c r="FD10" s="244"/>
      <c r="FE10" s="71">
        <v>25</v>
      </c>
      <c r="FF10" s="71">
        <v>30</v>
      </c>
      <c r="FG10" s="71">
        <v>15</v>
      </c>
      <c r="FH10" s="71">
        <v>20</v>
      </c>
      <c r="FI10" s="71">
        <v>14</v>
      </c>
      <c r="FJ10" s="72">
        <v>104</v>
      </c>
      <c r="FK10" s="73">
        <v>149</v>
      </c>
      <c r="FL10" s="70">
        <v>8</v>
      </c>
      <c r="FM10" s="71">
        <v>15</v>
      </c>
      <c r="FN10" s="72">
        <v>23</v>
      </c>
      <c r="FO10" s="244"/>
      <c r="FP10" s="71">
        <v>33</v>
      </c>
      <c r="FQ10" s="71">
        <v>49</v>
      </c>
      <c r="FR10" s="71">
        <v>39</v>
      </c>
      <c r="FS10" s="71">
        <v>34</v>
      </c>
      <c r="FT10" s="71">
        <v>22</v>
      </c>
      <c r="FU10" s="72">
        <v>177</v>
      </c>
      <c r="FV10" s="73">
        <v>200</v>
      </c>
      <c r="FW10" s="70">
        <v>0</v>
      </c>
      <c r="FX10" s="71">
        <v>0</v>
      </c>
      <c r="FY10" s="72">
        <v>0</v>
      </c>
      <c r="FZ10" s="244"/>
      <c r="GA10" s="71">
        <v>0</v>
      </c>
      <c r="GB10" s="71">
        <v>0</v>
      </c>
      <c r="GC10" s="71">
        <v>0</v>
      </c>
      <c r="GD10" s="71">
        <v>0</v>
      </c>
      <c r="GE10" s="71">
        <v>0</v>
      </c>
      <c r="GF10" s="72">
        <v>0</v>
      </c>
      <c r="GG10" s="73">
        <v>0</v>
      </c>
      <c r="GH10" s="70">
        <v>57</v>
      </c>
      <c r="GI10" s="71">
        <v>93</v>
      </c>
      <c r="GJ10" s="72">
        <v>150</v>
      </c>
      <c r="GK10" s="244"/>
      <c r="GL10" s="71">
        <v>95</v>
      </c>
      <c r="GM10" s="71">
        <v>118</v>
      </c>
      <c r="GN10" s="71">
        <v>84</v>
      </c>
      <c r="GO10" s="71">
        <v>66</v>
      </c>
      <c r="GP10" s="71">
        <v>53</v>
      </c>
      <c r="GQ10" s="72">
        <v>416</v>
      </c>
      <c r="GR10" s="73">
        <v>566</v>
      </c>
      <c r="GS10" s="123">
        <v>249</v>
      </c>
      <c r="GT10" s="82">
        <v>286</v>
      </c>
      <c r="GU10" s="83">
        <v>535</v>
      </c>
      <c r="GV10" s="241"/>
      <c r="GW10" s="82">
        <v>355</v>
      </c>
      <c r="GX10" s="82">
        <v>383</v>
      </c>
      <c r="GY10" s="82">
        <v>244</v>
      </c>
      <c r="GZ10" s="82">
        <v>209</v>
      </c>
      <c r="HA10" s="82">
        <v>142</v>
      </c>
      <c r="HB10" s="84">
        <v>1333</v>
      </c>
      <c r="HC10" s="85">
        <v>1868</v>
      </c>
      <c r="HD10" s="70">
        <v>6</v>
      </c>
      <c r="HE10" s="71">
        <v>10</v>
      </c>
      <c r="HF10" s="72">
        <v>16</v>
      </c>
      <c r="HG10" s="244"/>
      <c r="HH10" s="71">
        <v>7</v>
      </c>
      <c r="HI10" s="71">
        <v>13</v>
      </c>
      <c r="HJ10" s="71">
        <v>4</v>
      </c>
      <c r="HK10" s="71">
        <v>8</v>
      </c>
      <c r="HL10" s="71">
        <v>12</v>
      </c>
      <c r="HM10" s="72">
        <v>44</v>
      </c>
      <c r="HN10" s="73">
        <v>60</v>
      </c>
      <c r="HO10" s="70">
        <v>28</v>
      </c>
      <c r="HP10" s="71">
        <v>27</v>
      </c>
      <c r="HQ10" s="72">
        <v>55</v>
      </c>
      <c r="HR10" s="244"/>
      <c r="HS10" s="71">
        <v>26</v>
      </c>
      <c r="HT10" s="71">
        <v>25</v>
      </c>
      <c r="HU10" s="71">
        <v>21</v>
      </c>
      <c r="HV10" s="71">
        <v>10</v>
      </c>
      <c r="HW10" s="71">
        <v>12</v>
      </c>
      <c r="HX10" s="72">
        <v>94</v>
      </c>
      <c r="HY10" s="73">
        <v>149</v>
      </c>
      <c r="HZ10" s="70">
        <v>32</v>
      </c>
      <c r="IA10" s="71">
        <v>50</v>
      </c>
      <c r="IB10" s="72">
        <v>82</v>
      </c>
      <c r="IC10" s="244"/>
      <c r="ID10" s="71">
        <v>47</v>
      </c>
      <c r="IE10" s="71">
        <v>55</v>
      </c>
      <c r="IF10" s="71">
        <v>25</v>
      </c>
      <c r="IG10" s="71">
        <v>20</v>
      </c>
      <c r="IH10" s="71">
        <v>15</v>
      </c>
      <c r="II10" s="72">
        <v>162</v>
      </c>
      <c r="IJ10" s="73">
        <v>244</v>
      </c>
      <c r="IK10" s="70">
        <v>58</v>
      </c>
      <c r="IL10" s="71">
        <v>65</v>
      </c>
      <c r="IM10" s="72">
        <v>123</v>
      </c>
      <c r="IN10" s="244"/>
      <c r="IO10" s="71">
        <v>81</v>
      </c>
      <c r="IP10" s="71">
        <v>78</v>
      </c>
      <c r="IQ10" s="71">
        <v>53</v>
      </c>
      <c r="IR10" s="71">
        <v>36</v>
      </c>
      <c r="IS10" s="71">
        <v>29</v>
      </c>
      <c r="IT10" s="72">
        <v>277</v>
      </c>
      <c r="IU10" s="73">
        <v>400</v>
      </c>
      <c r="IV10" s="70">
        <v>77</v>
      </c>
      <c r="IW10" s="71">
        <v>75</v>
      </c>
      <c r="IX10" s="72">
        <v>152</v>
      </c>
      <c r="IY10" s="244"/>
      <c r="IZ10" s="71">
        <v>102</v>
      </c>
      <c r="JA10" s="71">
        <v>99</v>
      </c>
      <c r="JB10" s="71">
        <v>65</v>
      </c>
      <c r="JC10" s="71">
        <v>61</v>
      </c>
      <c r="JD10" s="71">
        <v>33</v>
      </c>
      <c r="JE10" s="72">
        <v>360</v>
      </c>
      <c r="JF10" s="73">
        <v>512</v>
      </c>
      <c r="JG10" s="70">
        <v>48</v>
      </c>
      <c r="JH10" s="71">
        <v>59</v>
      </c>
      <c r="JI10" s="72">
        <v>107</v>
      </c>
      <c r="JJ10" s="244"/>
      <c r="JK10" s="71">
        <v>92</v>
      </c>
      <c r="JL10" s="71">
        <v>113</v>
      </c>
      <c r="JM10" s="71">
        <v>76</v>
      </c>
      <c r="JN10" s="71">
        <v>74</v>
      </c>
      <c r="JO10" s="71">
        <v>41</v>
      </c>
      <c r="JP10" s="72">
        <v>396</v>
      </c>
      <c r="JQ10" s="73">
        <v>503</v>
      </c>
      <c r="JR10" s="70">
        <v>0</v>
      </c>
      <c r="JS10" s="71">
        <v>0</v>
      </c>
      <c r="JT10" s="72">
        <v>0</v>
      </c>
      <c r="JU10" s="244"/>
      <c r="JV10" s="71">
        <v>0</v>
      </c>
      <c r="JW10" s="71">
        <v>0</v>
      </c>
      <c r="JX10" s="71">
        <v>0</v>
      </c>
      <c r="JY10" s="71">
        <v>0</v>
      </c>
      <c r="JZ10" s="71">
        <v>0</v>
      </c>
      <c r="KA10" s="72">
        <v>0</v>
      </c>
      <c r="KB10" s="73">
        <v>0</v>
      </c>
      <c r="KC10" s="70">
        <v>249</v>
      </c>
      <c r="KD10" s="71">
        <v>286</v>
      </c>
      <c r="KE10" s="72">
        <v>535</v>
      </c>
      <c r="KF10" s="244"/>
      <c r="KG10" s="71">
        <v>355</v>
      </c>
      <c r="KH10" s="71">
        <v>383</v>
      </c>
      <c r="KI10" s="71">
        <v>244</v>
      </c>
      <c r="KJ10" s="71">
        <v>209</v>
      </c>
      <c r="KK10" s="71">
        <v>142</v>
      </c>
      <c r="KL10" s="72">
        <v>1333</v>
      </c>
      <c r="KM10" s="73">
        <v>1868</v>
      </c>
    </row>
    <row r="11" spans="2:299" ht="21" customHeight="1" x14ac:dyDescent="0.2">
      <c r="B11" s="126" t="s">
        <v>7</v>
      </c>
      <c r="C11" s="313">
        <v>109</v>
      </c>
      <c r="D11" s="82">
        <v>84</v>
      </c>
      <c r="E11" s="83">
        <v>193</v>
      </c>
      <c r="F11" s="241"/>
      <c r="G11" s="82">
        <v>234</v>
      </c>
      <c r="H11" s="82">
        <v>151</v>
      </c>
      <c r="I11" s="82">
        <v>79</v>
      </c>
      <c r="J11" s="82">
        <v>71</v>
      </c>
      <c r="K11" s="82">
        <v>38</v>
      </c>
      <c r="L11" s="84">
        <v>573</v>
      </c>
      <c r="M11" s="85">
        <v>766</v>
      </c>
      <c r="N11" s="70">
        <v>6</v>
      </c>
      <c r="O11" s="71">
        <v>3</v>
      </c>
      <c r="P11" s="72">
        <v>9</v>
      </c>
      <c r="Q11" s="244"/>
      <c r="R11" s="71">
        <v>3</v>
      </c>
      <c r="S11" s="71">
        <v>4</v>
      </c>
      <c r="T11" s="71">
        <v>6</v>
      </c>
      <c r="U11" s="71">
        <v>3</v>
      </c>
      <c r="V11" s="71">
        <v>3</v>
      </c>
      <c r="W11" s="72">
        <v>19</v>
      </c>
      <c r="X11" s="73">
        <v>28</v>
      </c>
      <c r="Y11" s="70">
        <v>9</v>
      </c>
      <c r="Z11" s="71">
        <v>7</v>
      </c>
      <c r="AA11" s="72">
        <v>16</v>
      </c>
      <c r="AB11" s="244"/>
      <c r="AC11" s="71">
        <v>16</v>
      </c>
      <c r="AD11" s="71">
        <v>14</v>
      </c>
      <c r="AE11" s="71">
        <v>9</v>
      </c>
      <c r="AF11" s="71">
        <v>4</v>
      </c>
      <c r="AG11" s="71">
        <v>6</v>
      </c>
      <c r="AH11" s="72">
        <v>49</v>
      </c>
      <c r="AI11" s="73">
        <v>65</v>
      </c>
      <c r="AJ11" s="70">
        <v>8</v>
      </c>
      <c r="AK11" s="71">
        <v>8</v>
      </c>
      <c r="AL11" s="72">
        <v>16</v>
      </c>
      <c r="AM11" s="244"/>
      <c r="AN11" s="71">
        <v>32</v>
      </c>
      <c r="AO11" s="71">
        <v>14</v>
      </c>
      <c r="AP11" s="71">
        <v>13</v>
      </c>
      <c r="AQ11" s="71">
        <v>14</v>
      </c>
      <c r="AR11" s="71">
        <v>7</v>
      </c>
      <c r="AS11" s="72">
        <v>80</v>
      </c>
      <c r="AT11" s="73">
        <v>96</v>
      </c>
      <c r="AU11" s="70">
        <v>27</v>
      </c>
      <c r="AV11" s="71">
        <v>18</v>
      </c>
      <c r="AW11" s="72">
        <v>45</v>
      </c>
      <c r="AX11" s="244"/>
      <c r="AY11" s="71">
        <v>58</v>
      </c>
      <c r="AZ11" s="71">
        <v>33</v>
      </c>
      <c r="BA11" s="71">
        <v>14</v>
      </c>
      <c r="BB11" s="71">
        <v>8</v>
      </c>
      <c r="BC11" s="71">
        <v>9</v>
      </c>
      <c r="BD11" s="72">
        <v>122</v>
      </c>
      <c r="BE11" s="73">
        <v>167</v>
      </c>
      <c r="BF11" s="70">
        <v>29</v>
      </c>
      <c r="BG11" s="71">
        <v>28</v>
      </c>
      <c r="BH11" s="72">
        <v>57</v>
      </c>
      <c r="BI11" s="244"/>
      <c r="BJ11" s="71">
        <v>69</v>
      </c>
      <c r="BK11" s="71">
        <v>40</v>
      </c>
      <c r="BL11" s="71">
        <v>16</v>
      </c>
      <c r="BM11" s="71">
        <v>20</v>
      </c>
      <c r="BN11" s="71">
        <v>9</v>
      </c>
      <c r="BO11" s="72">
        <v>154</v>
      </c>
      <c r="BP11" s="73">
        <v>211</v>
      </c>
      <c r="BQ11" s="70">
        <v>30</v>
      </c>
      <c r="BR11" s="71">
        <v>20</v>
      </c>
      <c r="BS11" s="72">
        <v>50</v>
      </c>
      <c r="BT11" s="244"/>
      <c r="BU11" s="71">
        <v>56</v>
      </c>
      <c r="BV11" s="71">
        <v>46</v>
      </c>
      <c r="BW11" s="71">
        <v>21</v>
      </c>
      <c r="BX11" s="71">
        <v>22</v>
      </c>
      <c r="BY11" s="71">
        <v>4</v>
      </c>
      <c r="BZ11" s="72">
        <v>149</v>
      </c>
      <c r="CA11" s="73">
        <v>199</v>
      </c>
      <c r="CB11" s="70">
        <v>0</v>
      </c>
      <c r="CC11" s="71">
        <v>0</v>
      </c>
      <c r="CD11" s="72">
        <v>0</v>
      </c>
      <c r="CE11" s="244"/>
      <c r="CF11" s="71">
        <v>0</v>
      </c>
      <c r="CG11" s="71">
        <v>0</v>
      </c>
      <c r="CH11" s="71">
        <v>0</v>
      </c>
      <c r="CI11" s="71">
        <v>0</v>
      </c>
      <c r="CJ11" s="71">
        <v>0</v>
      </c>
      <c r="CK11" s="72">
        <v>0</v>
      </c>
      <c r="CL11" s="73">
        <v>0</v>
      </c>
      <c r="CM11" s="70">
        <v>109</v>
      </c>
      <c r="CN11" s="71">
        <v>84</v>
      </c>
      <c r="CO11" s="72">
        <v>193</v>
      </c>
      <c r="CP11" s="244"/>
      <c r="CQ11" s="71">
        <v>234</v>
      </c>
      <c r="CR11" s="71">
        <v>151</v>
      </c>
      <c r="CS11" s="71">
        <v>79</v>
      </c>
      <c r="CT11" s="71">
        <v>71</v>
      </c>
      <c r="CU11" s="71">
        <v>38</v>
      </c>
      <c r="CV11" s="72">
        <v>573</v>
      </c>
      <c r="CW11" s="73">
        <v>766</v>
      </c>
      <c r="CX11" s="123">
        <v>35</v>
      </c>
      <c r="CY11" s="82">
        <v>40</v>
      </c>
      <c r="CZ11" s="83">
        <v>75</v>
      </c>
      <c r="DA11" s="241"/>
      <c r="DB11" s="82">
        <v>68</v>
      </c>
      <c r="DC11" s="82">
        <v>39</v>
      </c>
      <c r="DD11" s="82">
        <v>32</v>
      </c>
      <c r="DE11" s="82">
        <v>30</v>
      </c>
      <c r="DF11" s="82">
        <v>16</v>
      </c>
      <c r="DG11" s="84">
        <v>185</v>
      </c>
      <c r="DH11" s="85">
        <v>260</v>
      </c>
      <c r="DI11" s="70">
        <v>0</v>
      </c>
      <c r="DJ11" s="71">
        <v>0</v>
      </c>
      <c r="DK11" s="72">
        <v>0</v>
      </c>
      <c r="DL11" s="244"/>
      <c r="DM11" s="71">
        <v>0</v>
      </c>
      <c r="DN11" s="71">
        <v>1</v>
      </c>
      <c r="DO11" s="71">
        <v>5</v>
      </c>
      <c r="DP11" s="71">
        <v>0</v>
      </c>
      <c r="DQ11" s="71">
        <v>1</v>
      </c>
      <c r="DR11" s="72">
        <v>7</v>
      </c>
      <c r="DS11" s="73">
        <v>7</v>
      </c>
      <c r="DT11" s="70">
        <v>1</v>
      </c>
      <c r="DU11" s="71">
        <v>2</v>
      </c>
      <c r="DV11" s="72">
        <v>3</v>
      </c>
      <c r="DW11" s="244"/>
      <c r="DX11" s="71">
        <v>6</v>
      </c>
      <c r="DY11" s="71">
        <v>4</v>
      </c>
      <c r="DZ11" s="71">
        <v>2</v>
      </c>
      <c r="EA11" s="71">
        <v>3</v>
      </c>
      <c r="EB11" s="71">
        <v>2</v>
      </c>
      <c r="EC11" s="72">
        <v>17</v>
      </c>
      <c r="ED11" s="73">
        <v>20</v>
      </c>
      <c r="EE11" s="70">
        <v>5</v>
      </c>
      <c r="EF11" s="71">
        <v>5</v>
      </c>
      <c r="EG11" s="72">
        <v>10</v>
      </c>
      <c r="EH11" s="244"/>
      <c r="EI11" s="71">
        <v>8</v>
      </c>
      <c r="EJ11" s="71">
        <v>7</v>
      </c>
      <c r="EK11" s="71">
        <v>4</v>
      </c>
      <c r="EL11" s="71">
        <v>7</v>
      </c>
      <c r="EM11" s="71">
        <v>2</v>
      </c>
      <c r="EN11" s="72">
        <v>28</v>
      </c>
      <c r="EO11" s="73">
        <v>38</v>
      </c>
      <c r="EP11" s="70">
        <v>11</v>
      </c>
      <c r="EQ11" s="71">
        <v>9</v>
      </c>
      <c r="ER11" s="72">
        <v>20</v>
      </c>
      <c r="ES11" s="244"/>
      <c r="ET11" s="71">
        <v>20</v>
      </c>
      <c r="EU11" s="71">
        <v>10</v>
      </c>
      <c r="EV11" s="71">
        <v>3</v>
      </c>
      <c r="EW11" s="71">
        <v>2</v>
      </c>
      <c r="EX11" s="71">
        <v>2</v>
      </c>
      <c r="EY11" s="72">
        <v>37</v>
      </c>
      <c r="EZ11" s="73">
        <v>57</v>
      </c>
      <c r="FA11" s="70">
        <v>11</v>
      </c>
      <c r="FB11" s="71">
        <v>15</v>
      </c>
      <c r="FC11" s="72">
        <v>26</v>
      </c>
      <c r="FD11" s="244"/>
      <c r="FE11" s="71">
        <v>19</v>
      </c>
      <c r="FF11" s="71">
        <v>4</v>
      </c>
      <c r="FG11" s="71">
        <v>7</v>
      </c>
      <c r="FH11" s="71">
        <v>7</v>
      </c>
      <c r="FI11" s="71">
        <v>4</v>
      </c>
      <c r="FJ11" s="72">
        <v>41</v>
      </c>
      <c r="FK11" s="73">
        <v>67</v>
      </c>
      <c r="FL11" s="70">
        <v>7</v>
      </c>
      <c r="FM11" s="71">
        <v>9</v>
      </c>
      <c r="FN11" s="72">
        <v>16</v>
      </c>
      <c r="FO11" s="244"/>
      <c r="FP11" s="71">
        <v>15</v>
      </c>
      <c r="FQ11" s="71">
        <v>13</v>
      </c>
      <c r="FR11" s="71">
        <v>11</v>
      </c>
      <c r="FS11" s="71">
        <v>11</v>
      </c>
      <c r="FT11" s="71">
        <v>5</v>
      </c>
      <c r="FU11" s="72">
        <v>55</v>
      </c>
      <c r="FV11" s="73">
        <v>71</v>
      </c>
      <c r="FW11" s="70">
        <v>0</v>
      </c>
      <c r="FX11" s="71">
        <v>0</v>
      </c>
      <c r="FY11" s="72">
        <v>0</v>
      </c>
      <c r="FZ11" s="244"/>
      <c r="GA11" s="71">
        <v>0</v>
      </c>
      <c r="GB11" s="71">
        <v>0</v>
      </c>
      <c r="GC11" s="71">
        <v>0</v>
      </c>
      <c r="GD11" s="71">
        <v>0</v>
      </c>
      <c r="GE11" s="71">
        <v>0</v>
      </c>
      <c r="GF11" s="72">
        <v>0</v>
      </c>
      <c r="GG11" s="73">
        <v>0</v>
      </c>
      <c r="GH11" s="70">
        <v>35</v>
      </c>
      <c r="GI11" s="71">
        <v>40</v>
      </c>
      <c r="GJ11" s="72">
        <v>75</v>
      </c>
      <c r="GK11" s="244"/>
      <c r="GL11" s="71">
        <v>68</v>
      </c>
      <c r="GM11" s="71">
        <v>39</v>
      </c>
      <c r="GN11" s="71">
        <v>32</v>
      </c>
      <c r="GO11" s="71">
        <v>30</v>
      </c>
      <c r="GP11" s="71">
        <v>16</v>
      </c>
      <c r="GQ11" s="72">
        <v>185</v>
      </c>
      <c r="GR11" s="73">
        <v>260</v>
      </c>
      <c r="GS11" s="123">
        <v>144</v>
      </c>
      <c r="GT11" s="82">
        <v>124</v>
      </c>
      <c r="GU11" s="83">
        <v>268</v>
      </c>
      <c r="GV11" s="241"/>
      <c r="GW11" s="82">
        <v>302</v>
      </c>
      <c r="GX11" s="82">
        <v>190</v>
      </c>
      <c r="GY11" s="82">
        <v>111</v>
      </c>
      <c r="GZ11" s="82">
        <v>101</v>
      </c>
      <c r="HA11" s="82">
        <v>54</v>
      </c>
      <c r="HB11" s="84">
        <v>758</v>
      </c>
      <c r="HC11" s="85">
        <v>1026</v>
      </c>
      <c r="HD11" s="70">
        <v>6</v>
      </c>
      <c r="HE11" s="71">
        <v>3</v>
      </c>
      <c r="HF11" s="72">
        <v>9</v>
      </c>
      <c r="HG11" s="244"/>
      <c r="HH11" s="71">
        <v>3</v>
      </c>
      <c r="HI11" s="71">
        <v>5</v>
      </c>
      <c r="HJ11" s="71">
        <v>11</v>
      </c>
      <c r="HK11" s="71">
        <v>3</v>
      </c>
      <c r="HL11" s="71">
        <v>4</v>
      </c>
      <c r="HM11" s="72">
        <v>26</v>
      </c>
      <c r="HN11" s="73">
        <v>35</v>
      </c>
      <c r="HO11" s="70">
        <v>10</v>
      </c>
      <c r="HP11" s="71">
        <v>9</v>
      </c>
      <c r="HQ11" s="72">
        <v>19</v>
      </c>
      <c r="HR11" s="244"/>
      <c r="HS11" s="71">
        <v>22</v>
      </c>
      <c r="HT11" s="71">
        <v>18</v>
      </c>
      <c r="HU11" s="71">
        <v>11</v>
      </c>
      <c r="HV11" s="71">
        <v>7</v>
      </c>
      <c r="HW11" s="71">
        <v>8</v>
      </c>
      <c r="HX11" s="72">
        <v>66</v>
      </c>
      <c r="HY11" s="73">
        <v>85</v>
      </c>
      <c r="HZ11" s="70">
        <v>13</v>
      </c>
      <c r="IA11" s="71">
        <v>13</v>
      </c>
      <c r="IB11" s="72">
        <v>26</v>
      </c>
      <c r="IC11" s="244"/>
      <c r="ID11" s="71">
        <v>40</v>
      </c>
      <c r="IE11" s="71">
        <v>21</v>
      </c>
      <c r="IF11" s="71">
        <v>17</v>
      </c>
      <c r="IG11" s="71">
        <v>21</v>
      </c>
      <c r="IH11" s="71">
        <v>9</v>
      </c>
      <c r="II11" s="72">
        <v>108</v>
      </c>
      <c r="IJ11" s="73">
        <v>134</v>
      </c>
      <c r="IK11" s="70">
        <v>38</v>
      </c>
      <c r="IL11" s="71">
        <v>27</v>
      </c>
      <c r="IM11" s="72">
        <v>65</v>
      </c>
      <c r="IN11" s="244"/>
      <c r="IO11" s="71">
        <v>78</v>
      </c>
      <c r="IP11" s="71">
        <v>43</v>
      </c>
      <c r="IQ11" s="71">
        <v>17</v>
      </c>
      <c r="IR11" s="71">
        <v>10</v>
      </c>
      <c r="IS11" s="71">
        <v>11</v>
      </c>
      <c r="IT11" s="72">
        <v>159</v>
      </c>
      <c r="IU11" s="73">
        <v>224</v>
      </c>
      <c r="IV11" s="70">
        <v>40</v>
      </c>
      <c r="IW11" s="71">
        <v>43</v>
      </c>
      <c r="IX11" s="72">
        <v>83</v>
      </c>
      <c r="IY11" s="244"/>
      <c r="IZ11" s="71">
        <v>88</v>
      </c>
      <c r="JA11" s="71">
        <v>44</v>
      </c>
      <c r="JB11" s="71">
        <v>23</v>
      </c>
      <c r="JC11" s="71">
        <v>27</v>
      </c>
      <c r="JD11" s="71">
        <v>13</v>
      </c>
      <c r="JE11" s="72">
        <v>195</v>
      </c>
      <c r="JF11" s="73">
        <v>278</v>
      </c>
      <c r="JG11" s="70">
        <v>37</v>
      </c>
      <c r="JH11" s="71">
        <v>29</v>
      </c>
      <c r="JI11" s="72">
        <v>66</v>
      </c>
      <c r="JJ11" s="244"/>
      <c r="JK11" s="71">
        <v>71</v>
      </c>
      <c r="JL11" s="71">
        <v>59</v>
      </c>
      <c r="JM11" s="71">
        <v>32</v>
      </c>
      <c r="JN11" s="71">
        <v>33</v>
      </c>
      <c r="JO11" s="71">
        <v>9</v>
      </c>
      <c r="JP11" s="72">
        <v>204</v>
      </c>
      <c r="JQ11" s="73">
        <v>270</v>
      </c>
      <c r="JR11" s="70">
        <v>0</v>
      </c>
      <c r="JS11" s="71">
        <v>0</v>
      </c>
      <c r="JT11" s="72">
        <v>0</v>
      </c>
      <c r="JU11" s="244"/>
      <c r="JV11" s="71">
        <v>0</v>
      </c>
      <c r="JW11" s="71">
        <v>0</v>
      </c>
      <c r="JX11" s="71">
        <v>0</v>
      </c>
      <c r="JY11" s="71">
        <v>0</v>
      </c>
      <c r="JZ11" s="71">
        <v>0</v>
      </c>
      <c r="KA11" s="72">
        <v>0</v>
      </c>
      <c r="KB11" s="73">
        <v>0</v>
      </c>
      <c r="KC11" s="70">
        <v>144</v>
      </c>
      <c r="KD11" s="71">
        <v>124</v>
      </c>
      <c r="KE11" s="72">
        <v>268</v>
      </c>
      <c r="KF11" s="244"/>
      <c r="KG11" s="71">
        <v>302</v>
      </c>
      <c r="KH11" s="71">
        <v>190</v>
      </c>
      <c r="KI11" s="71">
        <v>111</v>
      </c>
      <c r="KJ11" s="71">
        <v>101</v>
      </c>
      <c r="KK11" s="71">
        <v>54</v>
      </c>
      <c r="KL11" s="72">
        <v>758</v>
      </c>
      <c r="KM11" s="73">
        <v>1026</v>
      </c>
    </row>
    <row r="12" spans="2:299" ht="21" customHeight="1" x14ac:dyDescent="0.2">
      <c r="B12" s="126" t="s">
        <v>8</v>
      </c>
      <c r="C12" s="313">
        <v>50</v>
      </c>
      <c r="D12" s="82">
        <v>30</v>
      </c>
      <c r="E12" s="83">
        <v>80</v>
      </c>
      <c r="F12" s="241"/>
      <c r="G12" s="82">
        <v>113</v>
      </c>
      <c r="H12" s="82">
        <v>81</v>
      </c>
      <c r="I12" s="82">
        <v>48</v>
      </c>
      <c r="J12" s="82">
        <v>51</v>
      </c>
      <c r="K12" s="82">
        <v>25</v>
      </c>
      <c r="L12" s="84">
        <v>318</v>
      </c>
      <c r="M12" s="85">
        <v>398</v>
      </c>
      <c r="N12" s="70">
        <v>3</v>
      </c>
      <c r="O12" s="71">
        <v>1</v>
      </c>
      <c r="P12" s="72">
        <v>4</v>
      </c>
      <c r="Q12" s="244"/>
      <c r="R12" s="71">
        <v>5</v>
      </c>
      <c r="S12" s="71">
        <v>3</v>
      </c>
      <c r="T12" s="71">
        <v>1</v>
      </c>
      <c r="U12" s="71">
        <v>2</v>
      </c>
      <c r="V12" s="71">
        <v>4</v>
      </c>
      <c r="W12" s="72">
        <v>15</v>
      </c>
      <c r="X12" s="73">
        <v>19</v>
      </c>
      <c r="Y12" s="70">
        <v>6</v>
      </c>
      <c r="Z12" s="71">
        <v>3</v>
      </c>
      <c r="AA12" s="72">
        <v>9</v>
      </c>
      <c r="AB12" s="244"/>
      <c r="AC12" s="71">
        <v>7</v>
      </c>
      <c r="AD12" s="71">
        <v>12</v>
      </c>
      <c r="AE12" s="71">
        <v>8</v>
      </c>
      <c r="AF12" s="71">
        <v>5</v>
      </c>
      <c r="AG12" s="71">
        <v>1</v>
      </c>
      <c r="AH12" s="72">
        <v>33</v>
      </c>
      <c r="AI12" s="73">
        <v>42</v>
      </c>
      <c r="AJ12" s="70">
        <v>6</v>
      </c>
      <c r="AK12" s="71">
        <v>6</v>
      </c>
      <c r="AL12" s="72">
        <v>12</v>
      </c>
      <c r="AM12" s="244"/>
      <c r="AN12" s="71">
        <v>14</v>
      </c>
      <c r="AO12" s="71">
        <v>9</v>
      </c>
      <c r="AP12" s="71">
        <v>6</v>
      </c>
      <c r="AQ12" s="71">
        <v>6</v>
      </c>
      <c r="AR12" s="71">
        <v>5</v>
      </c>
      <c r="AS12" s="72">
        <v>40</v>
      </c>
      <c r="AT12" s="73">
        <v>52</v>
      </c>
      <c r="AU12" s="70">
        <v>10</v>
      </c>
      <c r="AV12" s="71">
        <v>3</v>
      </c>
      <c r="AW12" s="72">
        <v>13</v>
      </c>
      <c r="AX12" s="244"/>
      <c r="AY12" s="71">
        <v>23</v>
      </c>
      <c r="AZ12" s="71">
        <v>15</v>
      </c>
      <c r="BA12" s="71">
        <v>8</v>
      </c>
      <c r="BB12" s="71">
        <v>10</v>
      </c>
      <c r="BC12" s="71">
        <v>2</v>
      </c>
      <c r="BD12" s="72">
        <v>58</v>
      </c>
      <c r="BE12" s="73">
        <v>71</v>
      </c>
      <c r="BF12" s="70">
        <v>14</v>
      </c>
      <c r="BG12" s="71">
        <v>6</v>
      </c>
      <c r="BH12" s="72">
        <v>20</v>
      </c>
      <c r="BI12" s="244"/>
      <c r="BJ12" s="71">
        <v>35</v>
      </c>
      <c r="BK12" s="71">
        <v>23</v>
      </c>
      <c r="BL12" s="71">
        <v>13</v>
      </c>
      <c r="BM12" s="71">
        <v>9</v>
      </c>
      <c r="BN12" s="71">
        <v>4</v>
      </c>
      <c r="BO12" s="72">
        <v>84</v>
      </c>
      <c r="BP12" s="73">
        <v>104</v>
      </c>
      <c r="BQ12" s="70">
        <v>11</v>
      </c>
      <c r="BR12" s="71">
        <v>11</v>
      </c>
      <c r="BS12" s="72">
        <v>22</v>
      </c>
      <c r="BT12" s="244"/>
      <c r="BU12" s="71">
        <v>29</v>
      </c>
      <c r="BV12" s="71">
        <v>19</v>
      </c>
      <c r="BW12" s="71">
        <v>12</v>
      </c>
      <c r="BX12" s="71">
        <v>19</v>
      </c>
      <c r="BY12" s="71">
        <v>9</v>
      </c>
      <c r="BZ12" s="72">
        <v>88</v>
      </c>
      <c r="CA12" s="73">
        <v>110</v>
      </c>
      <c r="CB12" s="70">
        <v>0</v>
      </c>
      <c r="CC12" s="71">
        <v>0</v>
      </c>
      <c r="CD12" s="72">
        <v>0</v>
      </c>
      <c r="CE12" s="244"/>
      <c r="CF12" s="71">
        <v>0</v>
      </c>
      <c r="CG12" s="71">
        <v>0</v>
      </c>
      <c r="CH12" s="71">
        <v>0</v>
      </c>
      <c r="CI12" s="71">
        <v>0</v>
      </c>
      <c r="CJ12" s="71">
        <v>0</v>
      </c>
      <c r="CK12" s="72">
        <v>0</v>
      </c>
      <c r="CL12" s="73">
        <v>0</v>
      </c>
      <c r="CM12" s="70">
        <v>50</v>
      </c>
      <c r="CN12" s="71">
        <v>30</v>
      </c>
      <c r="CO12" s="72">
        <v>80</v>
      </c>
      <c r="CP12" s="244"/>
      <c r="CQ12" s="71">
        <v>113</v>
      </c>
      <c r="CR12" s="71">
        <v>81</v>
      </c>
      <c r="CS12" s="71">
        <v>48</v>
      </c>
      <c r="CT12" s="71">
        <v>51</v>
      </c>
      <c r="CU12" s="71">
        <v>25</v>
      </c>
      <c r="CV12" s="72">
        <v>318</v>
      </c>
      <c r="CW12" s="73">
        <v>398</v>
      </c>
      <c r="CX12" s="123">
        <v>21</v>
      </c>
      <c r="CY12" s="82">
        <v>32</v>
      </c>
      <c r="CZ12" s="83">
        <v>53</v>
      </c>
      <c r="DA12" s="241"/>
      <c r="DB12" s="82">
        <v>47</v>
      </c>
      <c r="DC12" s="82">
        <v>31</v>
      </c>
      <c r="DD12" s="82">
        <v>20</v>
      </c>
      <c r="DE12" s="82">
        <v>22</v>
      </c>
      <c r="DF12" s="82">
        <v>12</v>
      </c>
      <c r="DG12" s="84">
        <v>132</v>
      </c>
      <c r="DH12" s="85">
        <v>185</v>
      </c>
      <c r="DI12" s="70">
        <v>1</v>
      </c>
      <c r="DJ12" s="71">
        <v>0</v>
      </c>
      <c r="DK12" s="72">
        <v>1</v>
      </c>
      <c r="DL12" s="244"/>
      <c r="DM12" s="71">
        <v>0</v>
      </c>
      <c r="DN12" s="71">
        <v>0</v>
      </c>
      <c r="DO12" s="71">
        <v>1</v>
      </c>
      <c r="DP12" s="71">
        <v>2</v>
      </c>
      <c r="DQ12" s="71">
        <v>0</v>
      </c>
      <c r="DR12" s="72">
        <v>3</v>
      </c>
      <c r="DS12" s="73">
        <v>4</v>
      </c>
      <c r="DT12" s="70">
        <v>3</v>
      </c>
      <c r="DU12" s="71">
        <v>3</v>
      </c>
      <c r="DV12" s="72">
        <v>6</v>
      </c>
      <c r="DW12" s="244"/>
      <c r="DX12" s="71">
        <v>5</v>
      </c>
      <c r="DY12" s="71">
        <v>0</v>
      </c>
      <c r="DZ12" s="71">
        <v>1</v>
      </c>
      <c r="EA12" s="71">
        <v>1</v>
      </c>
      <c r="EB12" s="71">
        <v>1</v>
      </c>
      <c r="EC12" s="72">
        <v>8</v>
      </c>
      <c r="ED12" s="73">
        <v>14</v>
      </c>
      <c r="EE12" s="70">
        <v>4</v>
      </c>
      <c r="EF12" s="71">
        <v>6</v>
      </c>
      <c r="EG12" s="72">
        <v>10</v>
      </c>
      <c r="EH12" s="244"/>
      <c r="EI12" s="71">
        <v>4</v>
      </c>
      <c r="EJ12" s="71">
        <v>2</v>
      </c>
      <c r="EK12" s="71">
        <v>2</v>
      </c>
      <c r="EL12" s="71">
        <v>0</v>
      </c>
      <c r="EM12" s="71">
        <v>2</v>
      </c>
      <c r="EN12" s="72">
        <v>10</v>
      </c>
      <c r="EO12" s="73">
        <v>20</v>
      </c>
      <c r="EP12" s="70">
        <v>5</v>
      </c>
      <c r="EQ12" s="71">
        <v>11</v>
      </c>
      <c r="ER12" s="72">
        <v>16</v>
      </c>
      <c r="ES12" s="244"/>
      <c r="ET12" s="71">
        <v>8</v>
      </c>
      <c r="EU12" s="71">
        <v>6</v>
      </c>
      <c r="EV12" s="71">
        <v>1</v>
      </c>
      <c r="EW12" s="71">
        <v>5</v>
      </c>
      <c r="EX12" s="71">
        <v>0</v>
      </c>
      <c r="EY12" s="72">
        <v>20</v>
      </c>
      <c r="EZ12" s="73">
        <v>36</v>
      </c>
      <c r="FA12" s="70">
        <v>6</v>
      </c>
      <c r="FB12" s="71">
        <v>4</v>
      </c>
      <c r="FC12" s="72">
        <v>10</v>
      </c>
      <c r="FD12" s="244"/>
      <c r="FE12" s="71">
        <v>15</v>
      </c>
      <c r="FF12" s="71">
        <v>9</v>
      </c>
      <c r="FG12" s="71">
        <v>8</v>
      </c>
      <c r="FH12" s="71">
        <v>2</v>
      </c>
      <c r="FI12" s="71">
        <v>3</v>
      </c>
      <c r="FJ12" s="72">
        <v>37</v>
      </c>
      <c r="FK12" s="73">
        <v>47</v>
      </c>
      <c r="FL12" s="70">
        <v>2</v>
      </c>
      <c r="FM12" s="71">
        <v>8</v>
      </c>
      <c r="FN12" s="72">
        <v>10</v>
      </c>
      <c r="FO12" s="244"/>
      <c r="FP12" s="71">
        <v>15</v>
      </c>
      <c r="FQ12" s="71">
        <v>14</v>
      </c>
      <c r="FR12" s="71">
        <v>7</v>
      </c>
      <c r="FS12" s="71">
        <v>12</v>
      </c>
      <c r="FT12" s="71">
        <v>6</v>
      </c>
      <c r="FU12" s="72">
        <v>54</v>
      </c>
      <c r="FV12" s="73">
        <v>64</v>
      </c>
      <c r="FW12" s="70">
        <v>0</v>
      </c>
      <c r="FX12" s="71">
        <v>0</v>
      </c>
      <c r="FY12" s="72">
        <v>0</v>
      </c>
      <c r="FZ12" s="244"/>
      <c r="GA12" s="71">
        <v>0</v>
      </c>
      <c r="GB12" s="71">
        <v>0</v>
      </c>
      <c r="GC12" s="71">
        <v>0</v>
      </c>
      <c r="GD12" s="71">
        <v>0</v>
      </c>
      <c r="GE12" s="71">
        <v>0</v>
      </c>
      <c r="GF12" s="72">
        <v>0</v>
      </c>
      <c r="GG12" s="73">
        <v>0</v>
      </c>
      <c r="GH12" s="70">
        <v>21</v>
      </c>
      <c r="GI12" s="71">
        <v>32</v>
      </c>
      <c r="GJ12" s="72">
        <v>53</v>
      </c>
      <c r="GK12" s="244"/>
      <c r="GL12" s="71">
        <v>47</v>
      </c>
      <c r="GM12" s="71">
        <v>31</v>
      </c>
      <c r="GN12" s="71">
        <v>20</v>
      </c>
      <c r="GO12" s="71">
        <v>22</v>
      </c>
      <c r="GP12" s="71">
        <v>12</v>
      </c>
      <c r="GQ12" s="72">
        <v>132</v>
      </c>
      <c r="GR12" s="73">
        <v>185</v>
      </c>
      <c r="GS12" s="123">
        <v>71</v>
      </c>
      <c r="GT12" s="82">
        <v>62</v>
      </c>
      <c r="GU12" s="83">
        <v>133</v>
      </c>
      <c r="GV12" s="241"/>
      <c r="GW12" s="82">
        <v>160</v>
      </c>
      <c r="GX12" s="82">
        <v>112</v>
      </c>
      <c r="GY12" s="82">
        <v>68</v>
      </c>
      <c r="GZ12" s="82">
        <v>73</v>
      </c>
      <c r="HA12" s="82">
        <v>37</v>
      </c>
      <c r="HB12" s="84">
        <v>450</v>
      </c>
      <c r="HC12" s="85">
        <v>583</v>
      </c>
      <c r="HD12" s="70">
        <v>4</v>
      </c>
      <c r="HE12" s="71">
        <v>1</v>
      </c>
      <c r="HF12" s="72">
        <v>5</v>
      </c>
      <c r="HG12" s="244"/>
      <c r="HH12" s="71">
        <v>5</v>
      </c>
      <c r="HI12" s="71">
        <v>3</v>
      </c>
      <c r="HJ12" s="71">
        <v>2</v>
      </c>
      <c r="HK12" s="71">
        <v>4</v>
      </c>
      <c r="HL12" s="71">
        <v>4</v>
      </c>
      <c r="HM12" s="72">
        <v>18</v>
      </c>
      <c r="HN12" s="73">
        <v>23</v>
      </c>
      <c r="HO12" s="70">
        <v>9</v>
      </c>
      <c r="HP12" s="71">
        <v>6</v>
      </c>
      <c r="HQ12" s="72">
        <v>15</v>
      </c>
      <c r="HR12" s="244"/>
      <c r="HS12" s="71">
        <v>12</v>
      </c>
      <c r="HT12" s="71">
        <v>12</v>
      </c>
      <c r="HU12" s="71">
        <v>9</v>
      </c>
      <c r="HV12" s="71">
        <v>6</v>
      </c>
      <c r="HW12" s="71">
        <v>2</v>
      </c>
      <c r="HX12" s="72">
        <v>41</v>
      </c>
      <c r="HY12" s="73">
        <v>56</v>
      </c>
      <c r="HZ12" s="70">
        <v>10</v>
      </c>
      <c r="IA12" s="71">
        <v>12</v>
      </c>
      <c r="IB12" s="72">
        <v>22</v>
      </c>
      <c r="IC12" s="244"/>
      <c r="ID12" s="71">
        <v>18</v>
      </c>
      <c r="IE12" s="71">
        <v>11</v>
      </c>
      <c r="IF12" s="71">
        <v>8</v>
      </c>
      <c r="IG12" s="71">
        <v>6</v>
      </c>
      <c r="IH12" s="71">
        <v>7</v>
      </c>
      <c r="II12" s="72">
        <v>50</v>
      </c>
      <c r="IJ12" s="73">
        <v>72</v>
      </c>
      <c r="IK12" s="70">
        <v>15</v>
      </c>
      <c r="IL12" s="71">
        <v>14</v>
      </c>
      <c r="IM12" s="72">
        <v>29</v>
      </c>
      <c r="IN12" s="244"/>
      <c r="IO12" s="71">
        <v>31</v>
      </c>
      <c r="IP12" s="71">
        <v>21</v>
      </c>
      <c r="IQ12" s="71">
        <v>9</v>
      </c>
      <c r="IR12" s="71">
        <v>15</v>
      </c>
      <c r="IS12" s="71">
        <v>2</v>
      </c>
      <c r="IT12" s="72">
        <v>78</v>
      </c>
      <c r="IU12" s="73">
        <v>107</v>
      </c>
      <c r="IV12" s="70">
        <v>20</v>
      </c>
      <c r="IW12" s="71">
        <v>10</v>
      </c>
      <c r="IX12" s="72">
        <v>30</v>
      </c>
      <c r="IY12" s="244"/>
      <c r="IZ12" s="71">
        <v>50</v>
      </c>
      <c r="JA12" s="71">
        <v>32</v>
      </c>
      <c r="JB12" s="71">
        <v>21</v>
      </c>
      <c r="JC12" s="71">
        <v>11</v>
      </c>
      <c r="JD12" s="71">
        <v>7</v>
      </c>
      <c r="JE12" s="72">
        <v>121</v>
      </c>
      <c r="JF12" s="73">
        <v>151</v>
      </c>
      <c r="JG12" s="70">
        <v>13</v>
      </c>
      <c r="JH12" s="71">
        <v>19</v>
      </c>
      <c r="JI12" s="72">
        <v>32</v>
      </c>
      <c r="JJ12" s="244"/>
      <c r="JK12" s="71">
        <v>44</v>
      </c>
      <c r="JL12" s="71">
        <v>33</v>
      </c>
      <c r="JM12" s="71">
        <v>19</v>
      </c>
      <c r="JN12" s="71">
        <v>31</v>
      </c>
      <c r="JO12" s="71">
        <v>15</v>
      </c>
      <c r="JP12" s="72">
        <v>142</v>
      </c>
      <c r="JQ12" s="73">
        <v>174</v>
      </c>
      <c r="JR12" s="70">
        <v>0</v>
      </c>
      <c r="JS12" s="71">
        <v>0</v>
      </c>
      <c r="JT12" s="72">
        <v>0</v>
      </c>
      <c r="JU12" s="244"/>
      <c r="JV12" s="71">
        <v>0</v>
      </c>
      <c r="JW12" s="71">
        <v>0</v>
      </c>
      <c r="JX12" s="71">
        <v>0</v>
      </c>
      <c r="JY12" s="71">
        <v>0</v>
      </c>
      <c r="JZ12" s="71">
        <v>0</v>
      </c>
      <c r="KA12" s="72">
        <v>0</v>
      </c>
      <c r="KB12" s="73">
        <v>0</v>
      </c>
      <c r="KC12" s="70">
        <v>71</v>
      </c>
      <c r="KD12" s="71">
        <v>62</v>
      </c>
      <c r="KE12" s="72">
        <v>133</v>
      </c>
      <c r="KF12" s="244"/>
      <c r="KG12" s="71">
        <v>160</v>
      </c>
      <c r="KH12" s="71">
        <v>112</v>
      </c>
      <c r="KI12" s="71">
        <v>68</v>
      </c>
      <c r="KJ12" s="71">
        <v>73</v>
      </c>
      <c r="KK12" s="71">
        <v>37</v>
      </c>
      <c r="KL12" s="72">
        <v>450</v>
      </c>
      <c r="KM12" s="73">
        <v>583</v>
      </c>
    </row>
    <row r="13" spans="2:299" ht="21" customHeight="1" x14ac:dyDescent="0.2">
      <c r="B13" s="126" t="s">
        <v>9</v>
      </c>
      <c r="C13" s="313">
        <v>195</v>
      </c>
      <c r="D13" s="82">
        <v>112</v>
      </c>
      <c r="E13" s="83">
        <v>307</v>
      </c>
      <c r="F13" s="241"/>
      <c r="G13" s="82">
        <v>216</v>
      </c>
      <c r="H13" s="82">
        <v>143</v>
      </c>
      <c r="I13" s="82">
        <v>86</v>
      </c>
      <c r="J13" s="82">
        <v>84</v>
      </c>
      <c r="K13" s="82">
        <v>56</v>
      </c>
      <c r="L13" s="84">
        <v>585</v>
      </c>
      <c r="M13" s="85">
        <v>892</v>
      </c>
      <c r="N13" s="70">
        <v>4</v>
      </c>
      <c r="O13" s="71">
        <v>3</v>
      </c>
      <c r="P13" s="72">
        <v>7</v>
      </c>
      <c r="Q13" s="244"/>
      <c r="R13" s="71">
        <v>2</v>
      </c>
      <c r="S13" s="71">
        <v>4</v>
      </c>
      <c r="T13" s="71">
        <v>1</v>
      </c>
      <c r="U13" s="71">
        <v>1</v>
      </c>
      <c r="V13" s="71">
        <v>5</v>
      </c>
      <c r="W13" s="72">
        <v>13</v>
      </c>
      <c r="X13" s="73">
        <v>20</v>
      </c>
      <c r="Y13" s="70">
        <v>9</v>
      </c>
      <c r="Z13" s="71">
        <v>8</v>
      </c>
      <c r="AA13" s="72">
        <v>17</v>
      </c>
      <c r="AB13" s="244"/>
      <c r="AC13" s="71">
        <v>2</v>
      </c>
      <c r="AD13" s="71">
        <v>6</v>
      </c>
      <c r="AE13" s="71">
        <v>1</v>
      </c>
      <c r="AF13" s="71">
        <v>2</v>
      </c>
      <c r="AG13" s="71">
        <v>4</v>
      </c>
      <c r="AH13" s="72">
        <v>15</v>
      </c>
      <c r="AI13" s="73">
        <v>32</v>
      </c>
      <c r="AJ13" s="70">
        <v>21</v>
      </c>
      <c r="AK13" s="71">
        <v>12</v>
      </c>
      <c r="AL13" s="72">
        <v>33</v>
      </c>
      <c r="AM13" s="244"/>
      <c r="AN13" s="71">
        <v>21</v>
      </c>
      <c r="AO13" s="71">
        <v>17</v>
      </c>
      <c r="AP13" s="71">
        <v>7</v>
      </c>
      <c r="AQ13" s="71">
        <v>8</v>
      </c>
      <c r="AR13" s="71">
        <v>4</v>
      </c>
      <c r="AS13" s="72">
        <v>57</v>
      </c>
      <c r="AT13" s="73">
        <v>90</v>
      </c>
      <c r="AU13" s="70">
        <v>43</v>
      </c>
      <c r="AV13" s="71">
        <v>13</v>
      </c>
      <c r="AW13" s="72">
        <v>56</v>
      </c>
      <c r="AX13" s="244"/>
      <c r="AY13" s="71">
        <v>56</v>
      </c>
      <c r="AZ13" s="71">
        <v>23</v>
      </c>
      <c r="BA13" s="71">
        <v>16</v>
      </c>
      <c r="BB13" s="71">
        <v>9</v>
      </c>
      <c r="BC13" s="71">
        <v>11</v>
      </c>
      <c r="BD13" s="72">
        <v>115</v>
      </c>
      <c r="BE13" s="73">
        <v>171</v>
      </c>
      <c r="BF13" s="70">
        <v>63</v>
      </c>
      <c r="BG13" s="71">
        <v>49</v>
      </c>
      <c r="BH13" s="72">
        <v>112</v>
      </c>
      <c r="BI13" s="244"/>
      <c r="BJ13" s="71">
        <v>66</v>
      </c>
      <c r="BK13" s="71">
        <v>48</v>
      </c>
      <c r="BL13" s="71">
        <v>26</v>
      </c>
      <c r="BM13" s="71">
        <v>35</v>
      </c>
      <c r="BN13" s="71">
        <v>15</v>
      </c>
      <c r="BO13" s="72">
        <v>190</v>
      </c>
      <c r="BP13" s="73">
        <v>302</v>
      </c>
      <c r="BQ13" s="70">
        <v>55</v>
      </c>
      <c r="BR13" s="71">
        <v>27</v>
      </c>
      <c r="BS13" s="72">
        <v>82</v>
      </c>
      <c r="BT13" s="244"/>
      <c r="BU13" s="71">
        <v>69</v>
      </c>
      <c r="BV13" s="71">
        <v>45</v>
      </c>
      <c r="BW13" s="71">
        <v>35</v>
      </c>
      <c r="BX13" s="71">
        <v>29</v>
      </c>
      <c r="BY13" s="71">
        <v>17</v>
      </c>
      <c r="BZ13" s="72">
        <v>195</v>
      </c>
      <c r="CA13" s="73">
        <v>277</v>
      </c>
      <c r="CB13" s="70">
        <v>0</v>
      </c>
      <c r="CC13" s="71">
        <v>0</v>
      </c>
      <c r="CD13" s="72">
        <v>0</v>
      </c>
      <c r="CE13" s="244"/>
      <c r="CF13" s="71">
        <v>0</v>
      </c>
      <c r="CG13" s="71">
        <v>0</v>
      </c>
      <c r="CH13" s="71">
        <v>0</v>
      </c>
      <c r="CI13" s="71">
        <v>0</v>
      </c>
      <c r="CJ13" s="71">
        <v>0</v>
      </c>
      <c r="CK13" s="72">
        <v>0</v>
      </c>
      <c r="CL13" s="73">
        <v>0</v>
      </c>
      <c r="CM13" s="70">
        <v>195</v>
      </c>
      <c r="CN13" s="71">
        <v>112</v>
      </c>
      <c r="CO13" s="72">
        <v>307</v>
      </c>
      <c r="CP13" s="244"/>
      <c r="CQ13" s="71">
        <v>216</v>
      </c>
      <c r="CR13" s="71">
        <v>143</v>
      </c>
      <c r="CS13" s="71">
        <v>86</v>
      </c>
      <c r="CT13" s="71">
        <v>84</v>
      </c>
      <c r="CU13" s="71">
        <v>56</v>
      </c>
      <c r="CV13" s="72">
        <v>585</v>
      </c>
      <c r="CW13" s="73">
        <v>892</v>
      </c>
      <c r="CX13" s="123">
        <v>77</v>
      </c>
      <c r="CY13" s="82">
        <v>37</v>
      </c>
      <c r="CZ13" s="83">
        <v>114</v>
      </c>
      <c r="DA13" s="241"/>
      <c r="DB13" s="82">
        <v>69</v>
      </c>
      <c r="DC13" s="82">
        <v>43</v>
      </c>
      <c r="DD13" s="82">
        <v>47</v>
      </c>
      <c r="DE13" s="82">
        <v>49</v>
      </c>
      <c r="DF13" s="82">
        <v>24</v>
      </c>
      <c r="DG13" s="84">
        <v>232</v>
      </c>
      <c r="DH13" s="85">
        <v>346</v>
      </c>
      <c r="DI13" s="70">
        <v>0</v>
      </c>
      <c r="DJ13" s="71">
        <v>0</v>
      </c>
      <c r="DK13" s="72">
        <v>0</v>
      </c>
      <c r="DL13" s="244"/>
      <c r="DM13" s="71">
        <v>0</v>
      </c>
      <c r="DN13" s="71">
        <v>0</v>
      </c>
      <c r="DO13" s="71">
        <v>1</v>
      </c>
      <c r="DP13" s="71">
        <v>0</v>
      </c>
      <c r="DQ13" s="71">
        <v>0</v>
      </c>
      <c r="DR13" s="72">
        <v>1</v>
      </c>
      <c r="DS13" s="73">
        <v>1</v>
      </c>
      <c r="DT13" s="70">
        <v>8</v>
      </c>
      <c r="DU13" s="71">
        <v>3</v>
      </c>
      <c r="DV13" s="72">
        <v>11</v>
      </c>
      <c r="DW13" s="244"/>
      <c r="DX13" s="71">
        <v>5</v>
      </c>
      <c r="DY13" s="71">
        <v>1</v>
      </c>
      <c r="DZ13" s="71">
        <v>2</v>
      </c>
      <c r="EA13" s="71">
        <v>2</v>
      </c>
      <c r="EB13" s="71">
        <v>0</v>
      </c>
      <c r="EC13" s="72">
        <v>10</v>
      </c>
      <c r="ED13" s="73">
        <v>21</v>
      </c>
      <c r="EE13" s="70">
        <v>8</v>
      </c>
      <c r="EF13" s="71">
        <v>7</v>
      </c>
      <c r="EG13" s="72">
        <v>15</v>
      </c>
      <c r="EH13" s="244"/>
      <c r="EI13" s="71">
        <v>10</v>
      </c>
      <c r="EJ13" s="71">
        <v>5</v>
      </c>
      <c r="EK13" s="71">
        <v>2</v>
      </c>
      <c r="EL13" s="71">
        <v>4</v>
      </c>
      <c r="EM13" s="71">
        <v>1</v>
      </c>
      <c r="EN13" s="72">
        <v>22</v>
      </c>
      <c r="EO13" s="73">
        <v>37</v>
      </c>
      <c r="EP13" s="70">
        <v>24</v>
      </c>
      <c r="EQ13" s="71">
        <v>5</v>
      </c>
      <c r="ER13" s="72">
        <v>29</v>
      </c>
      <c r="ES13" s="244"/>
      <c r="ET13" s="71">
        <v>14</v>
      </c>
      <c r="EU13" s="71">
        <v>7</v>
      </c>
      <c r="EV13" s="71">
        <v>9</v>
      </c>
      <c r="EW13" s="71">
        <v>7</v>
      </c>
      <c r="EX13" s="71">
        <v>3</v>
      </c>
      <c r="EY13" s="72">
        <v>40</v>
      </c>
      <c r="EZ13" s="73">
        <v>69</v>
      </c>
      <c r="FA13" s="70">
        <v>28</v>
      </c>
      <c r="FB13" s="71">
        <v>9</v>
      </c>
      <c r="FC13" s="72">
        <v>37</v>
      </c>
      <c r="FD13" s="244"/>
      <c r="FE13" s="71">
        <v>12</v>
      </c>
      <c r="FF13" s="71">
        <v>12</v>
      </c>
      <c r="FG13" s="71">
        <v>11</v>
      </c>
      <c r="FH13" s="71">
        <v>10</v>
      </c>
      <c r="FI13" s="71">
        <v>4</v>
      </c>
      <c r="FJ13" s="72">
        <v>49</v>
      </c>
      <c r="FK13" s="73">
        <v>86</v>
      </c>
      <c r="FL13" s="70">
        <v>9</v>
      </c>
      <c r="FM13" s="71">
        <v>13</v>
      </c>
      <c r="FN13" s="72">
        <v>22</v>
      </c>
      <c r="FO13" s="244"/>
      <c r="FP13" s="71">
        <v>28</v>
      </c>
      <c r="FQ13" s="71">
        <v>18</v>
      </c>
      <c r="FR13" s="71">
        <v>22</v>
      </c>
      <c r="FS13" s="71">
        <v>26</v>
      </c>
      <c r="FT13" s="71">
        <v>16</v>
      </c>
      <c r="FU13" s="72">
        <v>110</v>
      </c>
      <c r="FV13" s="73">
        <v>132</v>
      </c>
      <c r="FW13" s="70">
        <v>0</v>
      </c>
      <c r="FX13" s="71">
        <v>0</v>
      </c>
      <c r="FY13" s="72">
        <v>0</v>
      </c>
      <c r="FZ13" s="244"/>
      <c r="GA13" s="71">
        <v>0</v>
      </c>
      <c r="GB13" s="71">
        <v>0</v>
      </c>
      <c r="GC13" s="71">
        <v>0</v>
      </c>
      <c r="GD13" s="71">
        <v>0</v>
      </c>
      <c r="GE13" s="71">
        <v>0</v>
      </c>
      <c r="GF13" s="72">
        <v>0</v>
      </c>
      <c r="GG13" s="73">
        <v>0</v>
      </c>
      <c r="GH13" s="70">
        <v>77</v>
      </c>
      <c r="GI13" s="71">
        <v>37</v>
      </c>
      <c r="GJ13" s="72">
        <v>114</v>
      </c>
      <c r="GK13" s="244"/>
      <c r="GL13" s="71">
        <v>69</v>
      </c>
      <c r="GM13" s="71">
        <v>43</v>
      </c>
      <c r="GN13" s="71">
        <v>47</v>
      </c>
      <c r="GO13" s="71">
        <v>49</v>
      </c>
      <c r="GP13" s="71">
        <v>24</v>
      </c>
      <c r="GQ13" s="72">
        <v>232</v>
      </c>
      <c r="GR13" s="73">
        <v>346</v>
      </c>
      <c r="GS13" s="123">
        <v>272</v>
      </c>
      <c r="GT13" s="82">
        <v>149</v>
      </c>
      <c r="GU13" s="83">
        <v>421</v>
      </c>
      <c r="GV13" s="241"/>
      <c r="GW13" s="82">
        <v>285</v>
      </c>
      <c r="GX13" s="82">
        <v>186</v>
      </c>
      <c r="GY13" s="82">
        <v>133</v>
      </c>
      <c r="GZ13" s="82">
        <v>133</v>
      </c>
      <c r="HA13" s="82">
        <v>80</v>
      </c>
      <c r="HB13" s="84">
        <v>817</v>
      </c>
      <c r="HC13" s="85">
        <v>1238</v>
      </c>
      <c r="HD13" s="70">
        <v>4</v>
      </c>
      <c r="HE13" s="71">
        <v>3</v>
      </c>
      <c r="HF13" s="72">
        <v>7</v>
      </c>
      <c r="HG13" s="244"/>
      <c r="HH13" s="71">
        <v>2</v>
      </c>
      <c r="HI13" s="71">
        <v>4</v>
      </c>
      <c r="HJ13" s="71">
        <v>2</v>
      </c>
      <c r="HK13" s="71">
        <v>1</v>
      </c>
      <c r="HL13" s="71">
        <v>5</v>
      </c>
      <c r="HM13" s="72">
        <v>14</v>
      </c>
      <c r="HN13" s="73">
        <v>21</v>
      </c>
      <c r="HO13" s="70">
        <v>17</v>
      </c>
      <c r="HP13" s="71">
        <v>11</v>
      </c>
      <c r="HQ13" s="72">
        <v>28</v>
      </c>
      <c r="HR13" s="244"/>
      <c r="HS13" s="71">
        <v>7</v>
      </c>
      <c r="HT13" s="71">
        <v>7</v>
      </c>
      <c r="HU13" s="71">
        <v>3</v>
      </c>
      <c r="HV13" s="71">
        <v>4</v>
      </c>
      <c r="HW13" s="71">
        <v>4</v>
      </c>
      <c r="HX13" s="72">
        <v>25</v>
      </c>
      <c r="HY13" s="73">
        <v>53</v>
      </c>
      <c r="HZ13" s="70">
        <v>29</v>
      </c>
      <c r="IA13" s="71">
        <v>19</v>
      </c>
      <c r="IB13" s="72">
        <v>48</v>
      </c>
      <c r="IC13" s="244"/>
      <c r="ID13" s="71">
        <v>31</v>
      </c>
      <c r="IE13" s="71">
        <v>22</v>
      </c>
      <c r="IF13" s="71">
        <v>9</v>
      </c>
      <c r="IG13" s="71">
        <v>12</v>
      </c>
      <c r="IH13" s="71">
        <v>5</v>
      </c>
      <c r="II13" s="72">
        <v>79</v>
      </c>
      <c r="IJ13" s="73">
        <v>127</v>
      </c>
      <c r="IK13" s="70">
        <v>67</v>
      </c>
      <c r="IL13" s="71">
        <v>18</v>
      </c>
      <c r="IM13" s="72">
        <v>85</v>
      </c>
      <c r="IN13" s="244"/>
      <c r="IO13" s="71">
        <v>70</v>
      </c>
      <c r="IP13" s="71">
        <v>30</v>
      </c>
      <c r="IQ13" s="71">
        <v>25</v>
      </c>
      <c r="IR13" s="71">
        <v>16</v>
      </c>
      <c r="IS13" s="71">
        <v>14</v>
      </c>
      <c r="IT13" s="72">
        <v>155</v>
      </c>
      <c r="IU13" s="73">
        <v>240</v>
      </c>
      <c r="IV13" s="70">
        <v>91</v>
      </c>
      <c r="IW13" s="71">
        <v>58</v>
      </c>
      <c r="IX13" s="72">
        <v>149</v>
      </c>
      <c r="IY13" s="244"/>
      <c r="IZ13" s="71">
        <v>78</v>
      </c>
      <c r="JA13" s="71">
        <v>60</v>
      </c>
      <c r="JB13" s="71">
        <v>37</v>
      </c>
      <c r="JC13" s="71">
        <v>45</v>
      </c>
      <c r="JD13" s="71">
        <v>19</v>
      </c>
      <c r="JE13" s="72">
        <v>239</v>
      </c>
      <c r="JF13" s="73">
        <v>388</v>
      </c>
      <c r="JG13" s="70">
        <v>64</v>
      </c>
      <c r="JH13" s="71">
        <v>40</v>
      </c>
      <c r="JI13" s="72">
        <v>104</v>
      </c>
      <c r="JJ13" s="244"/>
      <c r="JK13" s="71">
        <v>97</v>
      </c>
      <c r="JL13" s="71">
        <v>63</v>
      </c>
      <c r="JM13" s="71">
        <v>57</v>
      </c>
      <c r="JN13" s="71">
        <v>55</v>
      </c>
      <c r="JO13" s="71">
        <v>33</v>
      </c>
      <c r="JP13" s="72">
        <v>305</v>
      </c>
      <c r="JQ13" s="73">
        <v>409</v>
      </c>
      <c r="JR13" s="70">
        <v>0</v>
      </c>
      <c r="JS13" s="71">
        <v>0</v>
      </c>
      <c r="JT13" s="72">
        <v>0</v>
      </c>
      <c r="JU13" s="244"/>
      <c r="JV13" s="71">
        <v>0</v>
      </c>
      <c r="JW13" s="71">
        <v>0</v>
      </c>
      <c r="JX13" s="71">
        <v>0</v>
      </c>
      <c r="JY13" s="71">
        <v>0</v>
      </c>
      <c r="JZ13" s="71">
        <v>0</v>
      </c>
      <c r="KA13" s="72">
        <v>0</v>
      </c>
      <c r="KB13" s="73">
        <v>0</v>
      </c>
      <c r="KC13" s="70">
        <v>272</v>
      </c>
      <c r="KD13" s="71">
        <v>149</v>
      </c>
      <c r="KE13" s="72">
        <v>421</v>
      </c>
      <c r="KF13" s="244"/>
      <c r="KG13" s="71">
        <v>285</v>
      </c>
      <c r="KH13" s="71">
        <v>186</v>
      </c>
      <c r="KI13" s="71">
        <v>133</v>
      </c>
      <c r="KJ13" s="71">
        <v>133</v>
      </c>
      <c r="KK13" s="71">
        <v>80</v>
      </c>
      <c r="KL13" s="72">
        <v>817</v>
      </c>
      <c r="KM13" s="73">
        <v>1238</v>
      </c>
    </row>
    <row r="14" spans="2:299" ht="21" customHeight="1" x14ac:dyDescent="0.2">
      <c r="B14" s="126" t="s">
        <v>10</v>
      </c>
      <c r="C14" s="313">
        <v>286</v>
      </c>
      <c r="D14" s="82">
        <v>193</v>
      </c>
      <c r="E14" s="83">
        <v>479</v>
      </c>
      <c r="F14" s="241"/>
      <c r="G14" s="82">
        <v>258</v>
      </c>
      <c r="H14" s="82">
        <v>166</v>
      </c>
      <c r="I14" s="82">
        <v>92</v>
      </c>
      <c r="J14" s="82">
        <v>87</v>
      </c>
      <c r="K14" s="82">
        <v>83</v>
      </c>
      <c r="L14" s="84">
        <v>686</v>
      </c>
      <c r="M14" s="85">
        <v>1165</v>
      </c>
      <c r="N14" s="70">
        <v>5</v>
      </c>
      <c r="O14" s="71">
        <v>6</v>
      </c>
      <c r="P14" s="72">
        <v>11</v>
      </c>
      <c r="Q14" s="244"/>
      <c r="R14" s="71">
        <v>9</v>
      </c>
      <c r="S14" s="71">
        <v>9</v>
      </c>
      <c r="T14" s="71">
        <v>1</v>
      </c>
      <c r="U14" s="71">
        <v>4</v>
      </c>
      <c r="V14" s="71">
        <v>2</v>
      </c>
      <c r="W14" s="72">
        <v>25</v>
      </c>
      <c r="X14" s="73">
        <v>36</v>
      </c>
      <c r="Y14" s="70">
        <v>27</v>
      </c>
      <c r="Z14" s="71">
        <v>15</v>
      </c>
      <c r="AA14" s="72">
        <v>42</v>
      </c>
      <c r="AB14" s="244"/>
      <c r="AC14" s="71">
        <v>21</v>
      </c>
      <c r="AD14" s="71">
        <v>14</v>
      </c>
      <c r="AE14" s="71">
        <v>7</v>
      </c>
      <c r="AF14" s="71">
        <v>6</v>
      </c>
      <c r="AG14" s="71">
        <v>15</v>
      </c>
      <c r="AH14" s="72">
        <v>63</v>
      </c>
      <c r="AI14" s="73">
        <v>105</v>
      </c>
      <c r="AJ14" s="70">
        <v>33</v>
      </c>
      <c r="AK14" s="71">
        <v>33</v>
      </c>
      <c r="AL14" s="72">
        <v>66</v>
      </c>
      <c r="AM14" s="244"/>
      <c r="AN14" s="71">
        <v>30</v>
      </c>
      <c r="AO14" s="71">
        <v>19</v>
      </c>
      <c r="AP14" s="71">
        <v>10</v>
      </c>
      <c r="AQ14" s="71">
        <v>7</v>
      </c>
      <c r="AR14" s="71">
        <v>11</v>
      </c>
      <c r="AS14" s="72">
        <v>77</v>
      </c>
      <c r="AT14" s="73">
        <v>143</v>
      </c>
      <c r="AU14" s="70">
        <v>59</v>
      </c>
      <c r="AV14" s="71">
        <v>41</v>
      </c>
      <c r="AW14" s="72">
        <v>100</v>
      </c>
      <c r="AX14" s="244"/>
      <c r="AY14" s="71">
        <v>57</v>
      </c>
      <c r="AZ14" s="71">
        <v>31</v>
      </c>
      <c r="BA14" s="71">
        <v>14</v>
      </c>
      <c r="BB14" s="71">
        <v>18</v>
      </c>
      <c r="BC14" s="71">
        <v>19</v>
      </c>
      <c r="BD14" s="72">
        <v>139</v>
      </c>
      <c r="BE14" s="73">
        <v>239</v>
      </c>
      <c r="BF14" s="70">
        <v>87</v>
      </c>
      <c r="BG14" s="71">
        <v>54</v>
      </c>
      <c r="BH14" s="72">
        <v>141</v>
      </c>
      <c r="BI14" s="244"/>
      <c r="BJ14" s="71">
        <v>71</v>
      </c>
      <c r="BK14" s="71">
        <v>43</v>
      </c>
      <c r="BL14" s="71">
        <v>27</v>
      </c>
      <c r="BM14" s="71">
        <v>19</v>
      </c>
      <c r="BN14" s="71">
        <v>15</v>
      </c>
      <c r="BO14" s="72">
        <v>175</v>
      </c>
      <c r="BP14" s="73">
        <v>316</v>
      </c>
      <c r="BQ14" s="70">
        <v>75</v>
      </c>
      <c r="BR14" s="71">
        <v>44</v>
      </c>
      <c r="BS14" s="72">
        <v>119</v>
      </c>
      <c r="BT14" s="244"/>
      <c r="BU14" s="71">
        <v>70</v>
      </c>
      <c r="BV14" s="71">
        <v>50</v>
      </c>
      <c r="BW14" s="71">
        <v>33</v>
      </c>
      <c r="BX14" s="71">
        <v>33</v>
      </c>
      <c r="BY14" s="71">
        <v>21</v>
      </c>
      <c r="BZ14" s="72">
        <v>207</v>
      </c>
      <c r="CA14" s="73">
        <v>326</v>
      </c>
      <c r="CB14" s="70">
        <v>0</v>
      </c>
      <c r="CC14" s="71">
        <v>0</v>
      </c>
      <c r="CD14" s="72">
        <v>0</v>
      </c>
      <c r="CE14" s="244"/>
      <c r="CF14" s="71">
        <v>0</v>
      </c>
      <c r="CG14" s="71">
        <v>0</v>
      </c>
      <c r="CH14" s="71">
        <v>0</v>
      </c>
      <c r="CI14" s="71">
        <v>0</v>
      </c>
      <c r="CJ14" s="71">
        <v>0</v>
      </c>
      <c r="CK14" s="72">
        <v>0</v>
      </c>
      <c r="CL14" s="73">
        <v>0</v>
      </c>
      <c r="CM14" s="70">
        <v>286</v>
      </c>
      <c r="CN14" s="71">
        <v>193</v>
      </c>
      <c r="CO14" s="72">
        <v>479</v>
      </c>
      <c r="CP14" s="244"/>
      <c r="CQ14" s="71">
        <v>258</v>
      </c>
      <c r="CR14" s="71">
        <v>166</v>
      </c>
      <c r="CS14" s="71">
        <v>92</v>
      </c>
      <c r="CT14" s="71">
        <v>87</v>
      </c>
      <c r="CU14" s="71">
        <v>83</v>
      </c>
      <c r="CV14" s="72">
        <v>686</v>
      </c>
      <c r="CW14" s="73">
        <v>1165</v>
      </c>
      <c r="CX14" s="123">
        <v>103</v>
      </c>
      <c r="CY14" s="82">
        <v>72</v>
      </c>
      <c r="CZ14" s="83">
        <v>175</v>
      </c>
      <c r="DA14" s="241"/>
      <c r="DB14" s="82">
        <v>125</v>
      </c>
      <c r="DC14" s="82">
        <v>51</v>
      </c>
      <c r="DD14" s="82">
        <v>46</v>
      </c>
      <c r="DE14" s="82">
        <v>40</v>
      </c>
      <c r="DF14" s="82">
        <v>38</v>
      </c>
      <c r="DG14" s="84">
        <v>300</v>
      </c>
      <c r="DH14" s="85">
        <v>475</v>
      </c>
      <c r="DI14" s="70">
        <v>5</v>
      </c>
      <c r="DJ14" s="71">
        <v>4</v>
      </c>
      <c r="DK14" s="72">
        <v>9</v>
      </c>
      <c r="DL14" s="244"/>
      <c r="DM14" s="71">
        <v>1</v>
      </c>
      <c r="DN14" s="71">
        <v>1</v>
      </c>
      <c r="DO14" s="71">
        <v>1</v>
      </c>
      <c r="DP14" s="71">
        <v>0</v>
      </c>
      <c r="DQ14" s="71">
        <v>1</v>
      </c>
      <c r="DR14" s="72">
        <v>4</v>
      </c>
      <c r="DS14" s="73">
        <v>13</v>
      </c>
      <c r="DT14" s="70">
        <v>7</v>
      </c>
      <c r="DU14" s="71">
        <v>2</v>
      </c>
      <c r="DV14" s="72">
        <v>9</v>
      </c>
      <c r="DW14" s="244"/>
      <c r="DX14" s="71">
        <v>5</v>
      </c>
      <c r="DY14" s="71">
        <v>1</v>
      </c>
      <c r="DZ14" s="71">
        <v>2</v>
      </c>
      <c r="EA14" s="71">
        <v>0</v>
      </c>
      <c r="EB14" s="71">
        <v>3</v>
      </c>
      <c r="EC14" s="72">
        <v>11</v>
      </c>
      <c r="ED14" s="73">
        <v>20</v>
      </c>
      <c r="EE14" s="70">
        <v>17</v>
      </c>
      <c r="EF14" s="71">
        <v>11</v>
      </c>
      <c r="EG14" s="72">
        <v>28</v>
      </c>
      <c r="EH14" s="244"/>
      <c r="EI14" s="71">
        <v>11</v>
      </c>
      <c r="EJ14" s="71">
        <v>5</v>
      </c>
      <c r="EK14" s="71">
        <v>3</v>
      </c>
      <c r="EL14" s="71">
        <v>0</v>
      </c>
      <c r="EM14" s="71">
        <v>1</v>
      </c>
      <c r="EN14" s="72">
        <v>20</v>
      </c>
      <c r="EO14" s="73">
        <v>48</v>
      </c>
      <c r="EP14" s="70">
        <v>25</v>
      </c>
      <c r="EQ14" s="71">
        <v>18</v>
      </c>
      <c r="ER14" s="72">
        <v>43</v>
      </c>
      <c r="ES14" s="244"/>
      <c r="ET14" s="71">
        <v>22</v>
      </c>
      <c r="EU14" s="71">
        <v>6</v>
      </c>
      <c r="EV14" s="71">
        <v>6</v>
      </c>
      <c r="EW14" s="71">
        <v>2</v>
      </c>
      <c r="EX14" s="71">
        <v>6</v>
      </c>
      <c r="EY14" s="72">
        <v>42</v>
      </c>
      <c r="EZ14" s="73">
        <v>85</v>
      </c>
      <c r="FA14" s="70">
        <v>29</v>
      </c>
      <c r="FB14" s="71">
        <v>21</v>
      </c>
      <c r="FC14" s="72">
        <v>50</v>
      </c>
      <c r="FD14" s="244"/>
      <c r="FE14" s="71">
        <v>31</v>
      </c>
      <c r="FF14" s="71">
        <v>15</v>
      </c>
      <c r="FG14" s="71">
        <v>12</v>
      </c>
      <c r="FH14" s="71">
        <v>7</v>
      </c>
      <c r="FI14" s="71">
        <v>7</v>
      </c>
      <c r="FJ14" s="72">
        <v>72</v>
      </c>
      <c r="FK14" s="73">
        <v>122</v>
      </c>
      <c r="FL14" s="70">
        <v>20</v>
      </c>
      <c r="FM14" s="71">
        <v>16</v>
      </c>
      <c r="FN14" s="72">
        <v>36</v>
      </c>
      <c r="FO14" s="244"/>
      <c r="FP14" s="71">
        <v>55</v>
      </c>
      <c r="FQ14" s="71">
        <v>23</v>
      </c>
      <c r="FR14" s="71">
        <v>22</v>
      </c>
      <c r="FS14" s="71">
        <v>31</v>
      </c>
      <c r="FT14" s="71">
        <v>20</v>
      </c>
      <c r="FU14" s="72">
        <v>151</v>
      </c>
      <c r="FV14" s="73">
        <v>187</v>
      </c>
      <c r="FW14" s="70">
        <v>0</v>
      </c>
      <c r="FX14" s="71">
        <v>0</v>
      </c>
      <c r="FY14" s="72">
        <v>0</v>
      </c>
      <c r="FZ14" s="244"/>
      <c r="GA14" s="71">
        <v>0</v>
      </c>
      <c r="GB14" s="71">
        <v>0</v>
      </c>
      <c r="GC14" s="71">
        <v>0</v>
      </c>
      <c r="GD14" s="71">
        <v>0</v>
      </c>
      <c r="GE14" s="71">
        <v>0</v>
      </c>
      <c r="GF14" s="72">
        <v>0</v>
      </c>
      <c r="GG14" s="73">
        <v>0</v>
      </c>
      <c r="GH14" s="70">
        <v>103</v>
      </c>
      <c r="GI14" s="71">
        <v>72</v>
      </c>
      <c r="GJ14" s="72">
        <v>175</v>
      </c>
      <c r="GK14" s="244"/>
      <c r="GL14" s="71">
        <v>125</v>
      </c>
      <c r="GM14" s="71">
        <v>51</v>
      </c>
      <c r="GN14" s="71">
        <v>46</v>
      </c>
      <c r="GO14" s="71">
        <v>40</v>
      </c>
      <c r="GP14" s="71">
        <v>38</v>
      </c>
      <c r="GQ14" s="72">
        <v>300</v>
      </c>
      <c r="GR14" s="73">
        <v>475</v>
      </c>
      <c r="GS14" s="123">
        <v>389</v>
      </c>
      <c r="GT14" s="82">
        <v>265</v>
      </c>
      <c r="GU14" s="83">
        <v>654</v>
      </c>
      <c r="GV14" s="241"/>
      <c r="GW14" s="82">
        <v>383</v>
      </c>
      <c r="GX14" s="82">
        <v>217</v>
      </c>
      <c r="GY14" s="82">
        <v>138</v>
      </c>
      <c r="GZ14" s="82">
        <v>127</v>
      </c>
      <c r="HA14" s="82">
        <v>121</v>
      </c>
      <c r="HB14" s="84">
        <v>986</v>
      </c>
      <c r="HC14" s="85">
        <v>1640</v>
      </c>
      <c r="HD14" s="70">
        <v>10</v>
      </c>
      <c r="HE14" s="71">
        <v>10</v>
      </c>
      <c r="HF14" s="72">
        <v>20</v>
      </c>
      <c r="HG14" s="244"/>
      <c r="HH14" s="71">
        <v>10</v>
      </c>
      <c r="HI14" s="71">
        <v>10</v>
      </c>
      <c r="HJ14" s="71">
        <v>2</v>
      </c>
      <c r="HK14" s="71">
        <v>4</v>
      </c>
      <c r="HL14" s="71">
        <v>3</v>
      </c>
      <c r="HM14" s="72">
        <v>29</v>
      </c>
      <c r="HN14" s="73">
        <v>49</v>
      </c>
      <c r="HO14" s="70">
        <v>34</v>
      </c>
      <c r="HP14" s="71">
        <v>17</v>
      </c>
      <c r="HQ14" s="72">
        <v>51</v>
      </c>
      <c r="HR14" s="244"/>
      <c r="HS14" s="71">
        <v>26</v>
      </c>
      <c r="HT14" s="71">
        <v>15</v>
      </c>
      <c r="HU14" s="71">
        <v>9</v>
      </c>
      <c r="HV14" s="71">
        <v>6</v>
      </c>
      <c r="HW14" s="71">
        <v>18</v>
      </c>
      <c r="HX14" s="72">
        <v>74</v>
      </c>
      <c r="HY14" s="73">
        <v>125</v>
      </c>
      <c r="HZ14" s="70">
        <v>50</v>
      </c>
      <c r="IA14" s="71">
        <v>44</v>
      </c>
      <c r="IB14" s="72">
        <v>94</v>
      </c>
      <c r="IC14" s="244"/>
      <c r="ID14" s="71">
        <v>41</v>
      </c>
      <c r="IE14" s="71">
        <v>24</v>
      </c>
      <c r="IF14" s="71">
        <v>13</v>
      </c>
      <c r="IG14" s="71">
        <v>7</v>
      </c>
      <c r="IH14" s="71">
        <v>12</v>
      </c>
      <c r="II14" s="72">
        <v>97</v>
      </c>
      <c r="IJ14" s="73">
        <v>191</v>
      </c>
      <c r="IK14" s="70">
        <v>84</v>
      </c>
      <c r="IL14" s="71">
        <v>59</v>
      </c>
      <c r="IM14" s="72">
        <v>143</v>
      </c>
      <c r="IN14" s="244"/>
      <c r="IO14" s="71">
        <v>79</v>
      </c>
      <c r="IP14" s="71">
        <v>37</v>
      </c>
      <c r="IQ14" s="71">
        <v>20</v>
      </c>
      <c r="IR14" s="71">
        <v>20</v>
      </c>
      <c r="IS14" s="71">
        <v>25</v>
      </c>
      <c r="IT14" s="72">
        <v>181</v>
      </c>
      <c r="IU14" s="73">
        <v>324</v>
      </c>
      <c r="IV14" s="70">
        <v>116</v>
      </c>
      <c r="IW14" s="71">
        <v>75</v>
      </c>
      <c r="IX14" s="72">
        <v>191</v>
      </c>
      <c r="IY14" s="244"/>
      <c r="IZ14" s="71">
        <v>102</v>
      </c>
      <c r="JA14" s="71">
        <v>58</v>
      </c>
      <c r="JB14" s="71">
        <v>39</v>
      </c>
      <c r="JC14" s="71">
        <v>26</v>
      </c>
      <c r="JD14" s="71">
        <v>22</v>
      </c>
      <c r="JE14" s="72">
        <v>247</v>
      </c>
      <c r="JF14" s="73">
        <v>438</v>
      </c>
      <c r="JG14" s="70">
        <v>95</v>
      </c>
      <c r="JH14" s="71">
        <v>60</v>
      </c>
      <c r="JI14" s="72">
        <v>155</v>
      </c>
      <c r="JJ14" s="244"/>
      <c r="JK14" s="71">
        <v>125</v>
      </c>
      <c r="JL14" s="71">
        <v>73</v>
      </c>
      <c r="JM14" s="71">
        <v>55</v>
      </c>
      <c r="JN14" s="71">
        <v>64</v>
      </c>
      <c r="JO14" s="71">
        <v>41</v>
      </c>
      <c r="JP14" s="72">
        <v>358</v>
      </c>
      <c r="JQ14" s="73">
        <v>513</v>
      </c>
      <c r="JR14" s="70">
        <v>0</v>
      </c>
      <c r="JS14" s="71">
        <v>0</v>
      </c>
      <c r="JT14" s="72">
        <v>0</v>
      </c>
      <c r="JU14" s="244"/>
      <c r="JV14" s="71">
        <v>0</v>
      </c>
      <c r="JW14" s="71">
        <v>0</v>
      </c>
      <c r="JX14" s="71">
        <v>0</v>
      </c>
      <c r="JY14" s="71">
        <v>0</v>
      </c>
      <c r="JZ14" s="71">
        <v>0</v>
      </c>
      <c r="KA14" s="72">
        <v>0</v>
      </c>
      <c r="KB14" s="73">
        <v>0</v>
      </c>
      <c r="KC14" s="70">
        <v>389</v>
      </c>
      <c r="KD14" s="71">
        <v>265</v>
      </c>
      <c r="KE14" s="72">
        <v>654</v>
      </c>
      <c r="KF14" s="244"/>
      <c r="KG14" s="71">
        <v>383</v>
      </c>
      <c r="KH14" s="71">
        <v>217</v>
      </c>
      <c r="KI14" s="71">
        <v>138</v>
      </c>
      <c r="KJ14" s="71">
        <v>127</v>
      </c>
      <c r="KK14" s="71">
        <v>121</v>
      </c>
      <c r="KL14" s="72">
        <v>986</v>
      </c>
      <c r="KM14" s="73">
        <v>1640</v>
      </c>
    </row>
    <row r="15" spans="2:299" ht="21" customHeight="1" x14ac:dyDescent="0.2">
      <c r="B15" s="126" t="s">
        <v>11</v>
      </c>
      <c r="C15" s="313">
        <v>45</v>
      </c>
      <c r="D15" s="82">
        <v>35</v>
      </c>
      <c r="E15" s="83">
        <v>80</v>
      </c>
      <c r="F15" s="241"/>
      <c r="G15" s="82">
        <v>94</v>
      </c>
      <c r="H15" s="82">
        <v>47</v>
      </c>
      <c r="I15" s="82">
        <v>40</v>
      </c>
      <c r="J15" s="82">
        <v>35</v>
      </c>
      <c r="K15" s="82">
        <v>16</v>
      </c>
      <c r="L15" s="84">
        <v>232</v>
      </c>
      <c r="M15" s="85">
        <v>312</v>
      </c>
      <c r="N15" s="70">
        <v>1</v>
      </c>
      <c r="O15" s="71">
        <v>2</v>
      </c>
      <c r="P15" s="72">
        <v>3</v>
      </c>
      <c r="Q15" s="244"/>
      <c r="R15" s="71">
        <v>5</v>
      </c>
      <c r="S15" s="71">
        <v>1</v>
      </c>
      <c r="T15" s="71">
        <v>2</v>
      </c>
      <c r="U15" s="71">
        <v>1</v>
      </c>
      <c r="V15" s="71">
        <v>0</v>
      </c>
      <c r="W15" s="72">
        <v>9</v>
      </c>
      <c r="X15" s="73">
        <v>12</v>
      </c>
      <c r="Y15" s="70">
        <v>3</v>
      </c>
      <c r="Z15" s="71">
        <v>1</v>
      </c>
      <c r="AA15" s="72">
        <v>4</v>
      </c>
      <c r="AB15" s="244"/>
      <c r="AC15" s="71">
        <v>7</v>
      </c>
      <c r="AD15" s="71">
        <v>3</v>
      </c>
      <c r="AE15" s="71">
        <v>3</v>
      </c>
      <c r="AF15" s="71">
        <v>2</v>
      </c>
      <c r="AG15" s="71">
        <v>1</v>
      </c>
      <c r="AH15" s="72">
        <v>16</v>
      </c>
      <c r="AI15" s="73">
        <v>20</v>
      </c>
      <c r="AJ15" s="70">
        <v>7</v>
      </c>
      <c r="AK15" s="71">
        <v>6</v>
      </c>
      <c r="AL15" s="72">
        <v>13</v>
      </c>
      <c r="AM15" s="244"/>
      <c r="AN15" s="71">
        <v>20</v>
      </c>
      <c r="AO15" s="71">
        <v>8</v>
      </c>
      <c r="AP15" s="71">
        <v>6</v>
      </c>
      <c r="AQ15" s="71">
        <v>5</v>
      </c>
      <c r="AR15" s="71">
        <v>2</v>
      </c>
      <c r="AS15" s="72">
        <v>41</v>
      </c>
      <c r="AT15" s="73">
        <v>54</v>
      </c>
      <c r="AU15" s="70">
        <v>7</v>
      </c>
      <c r="AV15" s="71">
        <v>5</v>
      </c>
      <c r="AW15" s="72">
        <v>12</v>
      </c>
      <c r="AX15" s="244"/>
      <c r="AY15" s="71">
        <v>22</v>
      </c>
      <c r="AZ15" s="71">
        <v>14</v>
      </c>
      <c r="BA15" s="71">
        <v>11</v>
      </c>
      <c r="BB15" s="71">
        <v>11</v>
      </c>
      <c r="BC15" s="71">
        <v>4</v>
      </c>
      <c r="BD15" s="72">
        <v>62</v>
      </c>
      <c r="BE15" s="73">
        <v>74</v>
      </c>
      <c r="BF15" s="70">
        <v>19</v>
      </c>
      <c r="BG15" s="71">
        <v>14</v>
      </c>
      <c r="BH15" s="72">
        <v>33</v>
      </c>
      <c r="BI15" s="244"/>
      <c r="BJ15" s="71">
        <v>23</v>
      </c>
      <c r="BK15" s="71">
        <v>11</v>
      </c>
      <c r="BL15" s="71">
        <v>5</v>
      </c>
      <c r="BM15" s="71">
        <v>9</v>
      </c>
      <c r="BN15" s="71">
        <v>5</v>
      </c>
      <c r="BO15" s="72">
        <v>53</v>
      </c>
      <c r="BP15" s="73">
        <v>86</v>
      </c>
      <c r="BQ15" s="70">
        <v>8</v>
      </c>
      <c r="BR15" s="71">
        <v>7</v>
      </c>
      <c r="BS15" s="72">
        <v>15</v>
      </c>
      <c r="BT15" s="244"/>
      <c r="BU15" s="71">
        <v>17</v>
      </c>
      <c r="BV15" s="71">
        <v>10</v>
      </c>
      <c r="BW15" s="71">
        <v>13</v>
      </c>
      <c r="BX15" s="71">
        <v>7</v>
      </c>
      <c r="BY15" s="71">
        <v>4</v>
      </c>
      <c r="BZ15" s="72">
        <v>51</v>
      </c>
      <c r="CA15" s="73">
        <v>66</v>
      </c>
      <c r="CB15" s="70">
        <v>0</v>
      </c>
      <c r="CC15" s="71">
        <v>0</v>
      </c>
      <c r="CD15" s="72">
        <v>0</v>
      </c>
      <c r="CE15" s="244"/>
      <c r="CF15" s="71">
        <v>0</v>
      </c>
      <c r="CG15" s="71">
        <v>0</v>
      </c>
      <c r="CH15" s="71">
        <v>0</v>
      </c>
      <c r="CI15" s="71">
        <v>0</v>
      </c>
      <c r="CJ15" s="71">
        <v>0</v>
      </c>
      <c r="CK15" s="72">
        <v>0</v>
      </c>
      <c r="CL15" s="73">
        <v>0</v>
      </c>
      <c r="CM15" s="70">
        <v>45</v>
      </c>
      <c r="CN15" s="71">
        <v>35</v>
      </c>
      <c r="CO15" s="72">
        <v>80</v>
      </c>
      <c r="CP15" s="244"/>
      <c r="CQ15" s="71">
        <v>94</v>
      </c>
      <c r="CR15" s="71">
        <v>47</v>
      </c>
      <c r="CS15" s="71">
        <v>40</v>
      </c>
      <c r="CT15" s="71">
        <v>35</v>
      </c>
      <c r="CU15" s="71">
        <v>16</v>
      </c>
      <c r="CV15" s="72">
        <v>232</v>
      </c>
      <c r="CW15" s="73">
        <v>312</v>
      </c>
      <c r="CX15" s="123">
        <v>23</v>
      </c>
      <c r="CY15" s="82">
        <v>17</v>
      </c>
      <c r="CZ15" s="83">
        <v>40</v>
      </c>
      <c r="DA15" s="241"/>
      <c r="DB15" s="82">
        <v>47</v>
      </c>
      <c r="DC15" s="82">
        <v>26</v>
      </c>
      <c r="DD15" s="82">
        <v>27</v>
      </c>
      <c r="DE15" s="82">
        <v>28</v>
      </c>
      <c r="DF15" s="82">
        <v>13</v>
      </c>
      <c r="DG15" s="84">
        <v>141</v>
      </c>
      <c r="DH15" s="85">
        <v>181</v>
      </c>
      <c r="DI15" s="70">
        <v>0</v>
      </c>
      <c r="DJ15" s="71">
        <v>1</v>
      </c>
      <c r="DK15" s="72">
        <v>1</v>
      </c>
      <c r="DL15" s="244"/>
      <c r="DM15" s="71">
        <v>1</v>
      </c>
      <c r="DN15" s="71">
        <v>0</v>
      </c>
      <c r="DO15" s="71">
        <v>0</v>
      </c>
      <c r="DP15" s="71">
        <v>0</v>
      </c>
      <c r="DQ15" s="71">
        <v>0</v>
      </c>
      <c r="DR15" s="72">
        <v>1</v>
      </c>
      <c r="DS15" s="73">
        <v>2</v>
      </c>
      <c r="DT15" s="70">
        <v>0</v>
      </c>
      <c r="DU15" s="71">
        <v>2</v>
      </c>
      <c r="DV15" s="72">
        <v>2</v>
      </c>
      <c r="DW15" s="244"/>
      <c r="DX15" s="71">
        <v>4</v>
      </c>
      <c r="DY15" s="71">
        <v>1</v>
      </c>
      <c r="DZ15" s="71">
        <v>0</v>
      </c>
      <c r="EA15" s="71">
        <v>1</v>
      </c>
      <c r="EB15" s="71">
        <v>1</v>
      </c>
      <c r="EC15" s="72">
        <v>7</v>
      </c>
      <c r="ED15" s="73">
        <v>9</v>
      </c>
      <c r="EE15" s="70">
        <v>5</v>
      </c>
      <c r="EF15" s="71">
        <v>3</v>
      </c>
      <c r="EG15" s="72">
        <v>8</v>
      </c>
      <c r="EH15" s="244"/>
      <c r="EI15" s="71">
        <v>6</v>
      </c>
      <c r="EJ15" s="71">
        <v>1</v>
      </c>
      <c r="EK15" s="71">
        <v>3</v>
      </c>
      <c r="EL15" s="71">
        <v>3</v>
      </c>
      <c r="EM15" s="71">
        <v>0</v>
      </c>
      <c r="EN15" s="72">
        <v>13</v>
      </c>
      <c r="EO15" s="73">
        <v>21</v>
      </c>
      <c r="EP15" s="70">
        <v>1</v>
      </c>
      <c r="EQ15" s="71">
        <v>2</v>
      </c>
      <c r="ER15" s="72">
        <v>3</v>
      </c>
      <c r="ES15" s="244"/>
      <c r="ET15" s="71">
        <v>9</v>
      </c>
      <c r="EU15" s="71">
        <v>7</v>
      </c>
      <c r="EV15" s="71">
        <v>1</v>
      </c>
      <c r="EW15" s="71">
        <v>2</v>
      </c>
      <c r="EX15" s="71">
        <v>2</v>
      </c>
      <c r="EY15" s="72">
        <v>21</v>
      </c>
      <c r="EZ15" s="73">
        <v>24</v>
      </c>
      <c r="FA15" s="70">
        <v>12</v>
      </c>
      <c r="FB15" s="71">
        <v>3</v>
      </c>
      <c r="FC15" s="72">
        <v>15</v>
      </c>
      <c r="FD15" s="244"/>
      <c r="FE15" s="71">
        <v>15</v>
      </c>
      <c r="FF15" s="71">
        <v>12</v>
      </c>
      <c r="FG15" s="71">
        <v>10</v>
      </c>
      <c r="FH15" s="71">
        <v>9</v>
      </c>
      <c r="FI15" s="71">
        <v>4</v>
      </c>
      <c r="FJ15" s="72">
        <v>50</v>
      </c>
      <c r="FK15" s="73">
        <v>65</v>
      </c>
      <c r="FL15" s="70">
        <v>5</v>
      </c>
      <c r="FM15" s="71">
        <v>6</v>
      </c>
      <c r="FN15" s="72">
        <v>11</v>
      </c>
      <c r="FO15" s="244"/>
      <c r="FP15" s="71">
        <v>12</v>
      </c>
      <c r="FQ15" s="71">
        <v>5</v>
      </c>
      <c r="FR15" s="71">
        <v>13</v>
      </c>
      <c r="FS15" s="71">
        <v>13</v>
      </c>
      <c r="FT15" s="71">
        <v>6</v>
      </c>
      <c r="FU15" s="72">
        <v>49</v>
      </c>
      <c r="FV15" s="73">
        <v>60</v>
      </c>
      <c r="FW15" s="70">
        <v>0</v>
      </c>
      <c r="FX15" s="71">
        <v>0</v>
      </c>
      <c r="FY15" s="72">
        <v>0</v>
      </c>
      <c r="FZ15" s="244"/>
      <c r="GA15" s="71">
        <v>0</v>
      </c>
      <c r="GB15" s="71">
        <v>0</v>
      </c>
      <c r="GC15" s="71">
        <v>0</v>
      </c>
      <c r="GD15" s="71">
        <v>0</v>
      </c>
      <c r="GE15" s="71">
        <v>0</v>
      </c>
      <c r="GF15" s="72">
        <v>0</v>
      </c>
      <c r="GG15" s="73">
        <v>0</v>
      </c>
      <c r="GH15" s="70">
        <v>23</v>
      </c>
      <c r="GI15" s="71">
        <v>17</v>
      </c>
      <c r="GJ15" s="72">
        <v>40</v>
      </c>
      <c r="GK15" s="244"/>
      <c r="GL15" s="71">
        <v>47</v>
      </c>
      <c r="GM15" s="71">
        <v>26</v>
      </c>
      <c r="GN15" s="71">
        <v>27</v>
      </c>
      <c r="GO15" s="71">
        <v>28</v>
      </c>
      <c r="GP15" s="71">
        <v>13</v>
      </c>
      <c r="GQ15" s="72">
        <v>141</v>
      </c>
      <c r="GR15" s="73">
        <v>181</v>
      </c>
      <c r="GS15" s="123">
        <v>68</v>
      </c>
      <c r="GT15" s="82">
        <v>52</v>
      </c>
      <c r="GU15" s="83">
        <v>120</v>
      </c>
      <c r="GV15" s="241"/>
      <c r="GW15" s="82">
        <v>141</v>
      </c>
      <c r="GX15" s="82">
        <v>73</v>
      </c>
      <c r="GY15" s="82">
        <v>67</v>
      </c>
      <c r="GZ15" s="82">
        <v>63</v>
      </c>
      <c r="HA15" s="82">
        <v>29</v>
      </c>
      <c r="HB15" s="84">
        <v>373</v>
      </c>
      <c r="HC15" s="85">
        <v>493</v>
      </c>
      <c r="HD15" s="70">
        <v>1</v>
      </c>
      <c r="HE15" s="71">
        <v>3</v>
      </c>
      <c r="HF15" s="72">
        <v>4</v>
      </c>
      <c r="HG15" s="244"/>
      <c r="HH15" s="71">
        <v>6</v>
      </c>
      <c r="HI15" s="71">
        <v>1</v>
      </c>
      <c r="HJ15" s="71">
        <v>2</v>
      </c>
      <c r="HK15" s="71">
        <v>1</v>
      </c>
      <c r="HL15" s="71">
        <v>0</v>
      </c>
      <c r="HM15" s="72">
        <v>10</v>
      </c>
      <c r="HN15" s="73">
        <v>14</v>
      </c>
      <c r="HO15" s="70">
        <v>3</v>
      </c>
      <c r="HP15" s="71">
        <v>3</v>
      </c>
      <c r="HQ15" s="72">
        <v>6</v>
      </c>
      <c r="HR15" s="244"/>
      <c r="HS15" s="71">
        <v>11</v>
      </c>
      <c r="HT15" s="71">
        <v>4</v>
      </c>
      <c r="HU15" s="71">
        <v>3</v>
      </c>
      <c r="HV15" s="71">
        <v>3</v>
      </c>
      <c r="HW15" s="71">
        <v>2</v>
      </c>
      <c r="HX15" s="72">
        <v>23</v>
      </c>
      <c r="HY15" s="73">
        <v>29</v>
      </c>
      <c r="HZ15" s="70">
        <v>12</v>
      </c>
      <c r="IA15" s="71">
        <v>9</v>
      </c>
      <c r="IB15" s="72">
        <v>21</v>
      </c>
      <c r="IC15" s="244"/>
      <c r="ID15" s="71">
        <v>26</v>
      </c>
      <c r="IE15" s="71">
        <v>9</v>
      </c>
      <c r="IF15" s="71">
        <v>9</v>
      </c>
      <c r="IG15" s="71">
        <v>8</v>
      </c>
      <c r="IH15" s="71">
        <v>2</v>
      </c>
      <c r="II15" s="72">
        <v>54</v>
      </c>
      <c r="IJ15" s="73">
        <v>75</v>
      </c>
      <c r="IK15" s="70">
        <v>8</v>
      </c>
      <c r="IL15" s="71">
        <v>7</v>
      </c>
      <c r="IM15" s="72">
        <v>15</v>
      </c>
      <c r="IN15" s="244"/>
      <c r="IO15" s="71">
        <v>31</v>
      </c>
      <c r="IP15" s="71">
        <v>21</v>
      </c>
      <c r="IQ15" s="71">
        <v>12</v>
      </c>
      <c r="IR15" s="71">
        <v>13</v>
      </c>
      <c r="IS15" s="71">
        <v>6</v>
      </c>
      <c r="IT15" s="72">
        <v>83</v>
      </c>
      <c r="IU15" s="73">
        <v>98</v>
      </c>
      <c r="IV15" s="70">
        <v>31</v>
      </c>
      <c r="IW15" s="71">
        <v>17</v>
      </c>
      <c r="IX15" s="72">
        <v>48</v>
      </c>
      <c r="IY15" s="244"/>
      <c r="IZ15" s="71">
        <v>38</v>
      </c>
      <c r="JA15" s="71">
        <v>23</v>
      </c>
      <c r="JB15" s="71">
        <v>15</v>
      </c>
      <c r="JC15" s="71">
        <v>18</v>
      </c>
      <c r="JD15" s="71">
        <v>9</v>
      </c>
      <c r="JE15" s="72">
        <v>103</v>
      </c>
      <c r="JF15" s="73">
        <v>151</v>
      </c>
      <c r="JG15" s="70">
        <v>13</v>
      </c>
      <c r="JH15" s="71">
        <v>13</v>
      </c>
      <c r="JI15" s="72">
        <v>26</v>
      </c>
      <c r="JJ15" s="244"/>
      <c r="JK15" s="71">
        <v>29</v>
      </c>
      <c r="JL15" s="71">
        <v>15</v>
      </c>
      <c r="JM15" s="71">
        <v>26</v>
      </c>
      <c r="JN15" s="71">
        <v>20</v>
      </c>
      <c r="JO15" s="71">
        <v>10</v>
      </c>
      <c r="JP15" s="72">
        <v>100</v>
      </c>
      <c r="JQ15" s="73">
        <v>126</v>
      </c>
      <c r="JR15" s="70">
        <v>0</v>
      </c>
      <c r="JS15" s="71">
        <v>0</v>
      </c>
      <c r="JT15" s="72">
        <v>0</v>
      </c>
      <c r="JU15" s="244"/>
      <c r="JV15" s="71">
        <v>0</v>
      </c>
      <c r="JW15" s="71">
        <v>0</v>
      </c>
      <c r="JX15" s="71">
        <v>0</v>
      </c>
      <c r="JY15" s="71">
        <v>0</v>
      </c>
      <c r="JZ15" s="71">
        <v>0</v>
      </c>
      <c r="KA15" s="72">
        <v>0</v>
      </c>
      <c r="KB15" s="73">
        <v>0</v>
      </c>
      <c r="KC15" s="70">
        <v>68</v>
      </c>
      <c r="KD15" s="71">
        <v>52</v>
      </c>
      <c r="KE15" s="72">
        <v>120</v>
      </c>
      <c r="KF15" s="244"/>
      <c r="KG15" s="71">
        <v>141</v>
      </c>
      <c r="KH15" s="71">
        <v>73</v>
      </c>
      <c r="KI15" s="71">
        <v>67</v>
      </c>
      <c r="KJ15" s="71">
        <v>63</v>
      </c>
      <c r="KK15" s="71">
        <v>29</v>
      </c>
      <c r="KL15" s="72">
        <v>373</v>
      </c>
      <c r="KM15" s="73">
        <v>493</v>
      </c>
    </row>
    <row r="16" spans="2:299" ht="21" customHeight="1" x14ac:dyDescent="0.2">
      <c r="B16" s="126" t="s">
        <v>12</v>
      </c>
      <c r="C16" s="313">
        <v>128</v>
      </c>
      <c r="D16" s="82">
        <v>82</v>
      </c>
      <c r="E16" s="83">
        <v>210</v>
      </c>
      <c r="F16" s="241"/>
      <c r="G16" s="82">
        <v>123</v>
      </c>
      <c r="H16" s="82">
        <v>80</v>
      </c>
      <c r="I16" s="82">
        <v>48</v>
      </c>
      <c r="J16" s="82">
        <v>61</v>
      </c>
      <c r="K16" s="82">
        <v>42</v>
      </c>
      <c r="L16" s="84">
        <v>354</v>
      </c>
      <c r="M16" s="85">
        <v>564</v>
      </c>
      <c r="N16" s="86">
        <v>2</v>
      </c>
      <c r="O16" s="71">
        <v>4</v>
      </c>
      <c r="P16" s="72">
        <v>6</v>
      </c>
      <c r="Q16" s="244"/>
      <c r="R16" s="71">
        <v>3</v>
      </c>
      <c r="S16" s="71">
        <v>3</v>
      </c>
      <c r="T16" s="71">
        <v>2</v>
      </c>
      <c r="U16" s="71">
        <v>2</v>
      </c>
      <c r="V16" s="71">
        <v>0</v>
      </c>
      <c r="W16" s="72">
        <v>10</v>
      </c>
      <c r="X16" s="73">
        <v>16</v>
      </c>
      <c r="Y16" s="70">
        <v>9</v>
      </c>
      <c r="Z16" s="71">
        <v>9</v>
      </c>
      <c r="AA16" s="72">
        <v>18</v>
      </c>
      <c r="AB16" s="244"/>
      <c r="AC16" s="71">
        <v>6</v>
      </c>
      <c r="AD16" s="71">
        <v>7</v>
      </c>
      <c r="AE16" s="71">
        <v>1</v>
      </c>
      <c r="AF16" s="71">
        <v>4</v>
      </c>
      <c r="AG16" s="71">
        <v>5</v>
      </c>
      <c r="AH16" s="72">
        <v>23</v>
      </c>
      <c r="AI16" s="73">
        <v>41</v>
      </c>
      <c r="AJ16" s="86">
        <v>14</v>
      </c>
      <c r="AK16" s="71">
        <v>8</v>
      </c>
      <c r="AL16" s="72">
        <v>22</v>
      </c>
      <c r="AM16" s="244"/>
      <c r="AN16" s="71">
        <v>8</v>
      </c>
      <c r="AO16" s="71">
        <v>9</v>
      </c>
      <c r="AP16" s="71">
        <v>2</v>
      </c>
      <c r="AQ16" s="71">
        <v>6</v>
      </c>
      <c r="AR16" s="71">
        <v>7</v>
      </c>
      <c r="AS16" s="72">
        <v>32</v>
      </c>
      <c r="AT16" s="73">
        <v>54</v>
      </c>
      <c r="AU16" s="70">
        <v>33</v>
      </c>
      <c r="AV16" s="71">
        <v>23</v>
      </c>
      <c r="AW16" s="72">
        <v>56</v>
      </c>
      <c r="AX16" s="244"/>
      <c r="AY16" s="71">
        <v>27</v>
      </c>
      <c r="AZ16" s="71">
        <v>22</v>
      </c>
      <c r="BA16" s="71">
        <v>13</v>
      </c>
      <c r="BB16" s="71">
        <v>10</v>
      </c>
      <c r="BC16" s="71">
        <v>15</v>
      </c>
      <c r="BD16" s="72">
        <v>87</v>
      </c>
      <c r="BE16" s="73">
        <v>143</v>
      </c>
      <c r="BF16" s="86">
        <v>36</v>
      </c>
      <c r="BG16" s="71">
        <v>18</v>
      </c>
      <c r="BH16" s="72">
        <v>54</v>
      </c>
      <c r="BI16" s="244"/>
      <c r="BJ16" s="71">
        <v>38</v>
      </c>
      <c r="BK16" s="71">
        <v>24</v>
      </c>
      <c r="BL16" s="71">
        <v>16</v>
      </c>
      <c r="BM16" s="71">
        <v>24</v>
      </c>
      <c r="BN16" s="71">
        <v>8</v>
      </c>
      <c r="BO16" s="72">
        <v>110</v>
      </c>
      <c r="BP16" s="73">
        <v>164</v>
      </c>
      <c r="BQ16" s="70">
        <v>34</v>
      </c>
      <c r="BR16" s="71">
        <v>20</v>
      </c>
      <c r="BS16" s="72">
        <v>54</v>
      </c>
      <c r="BT16" s="244"/>
      <c r="BU16" s="71">
        <v>41</v>
      </c>
      <c r="BV16" s="71">
        <v>15</v>
      </c>
      <c r="BW16" s="71">
        <v>14</v>
      </c>
      <c r="BX16" s="71">
        <v>15</v>
      </c>
      <c r="BY16" s="71">
        <v>7</v>
      </c>
      <c r="BZ16" s="72">
        <v>92</v>
      </c>
      <c r="CA16" s="73">
        <v>146</v>
      </c>
      <c r="CB16" s="70">
        <v>0</v>
      </c>
      <c r="CC16" s="71">
        <v>0</v>
      </c>
      <c r="CD16" s="72">
        <v>0</v>
      </c>
      <c r="CE16" s="244"/>
      <c r="CF16" s="71">
        <v>0</v>
      </c>
      <c r="CG16" s="71">
        <v>0</v>
      </c>
      <c r="CH16" s="71">
        <v>0</v>
      </c>
      <c r="CI16" s="71">
        <v>0</v>
      </c>
      <c r="CJ16" s="71">
        <v>0</v>
      </c>
      <c r="CK16" s="72">
        <v>0</v>
      </c>
      <c r="CL16" s="73">
        <v>0</v>
      </c>
      <c r="CM16" s="70">
        <v>128</v>
      </c>
      <c r="CN16" s="71">
        <v>82</v>
      </c>
      <c r="CO16" s="72">
        <v>210</v>
      </c>
      <c r="CP16" s="244"/>
      <c r="CQ16" s="71">
        <v>123</v>
      </c>
      <c r="CR16" s="71">
        <v>80</v>
      </c>
      <c r="CS16" s="71">
        <v>48</v>
      </c>
      <c r="CT16" s="71">
        <v>61</v>
      </c>
      <c r="CU16" s="71">
        <v>42</v>
      </c>
      <c r="CV16" s="72">
        <v>354</v>
      </c>
      <c r="CW16" s="73">
        <v>564</v>
      </c>
      <c r="CX16" s="123">
        <v>37</v>
      </c>
      <c r="CY16" s="82">
        <v>31</v>
      </c>
      <c r="CZ16" s="83">
        <v>68</v>
      </c>
      <c r="DA16" s="241"/>
      <c r="DB16" s="82">
        <v>39</v>
      </c>
      <c r="DC16" s="82">
        <v>32</v>
      </c>
      <c r="DD16" s="82">
        <v>28</v>
      </c>
      <c r="DE16" s="82">
        <v>32</v>
      </c>
      <c r="DF16" s="82">
        <v>11</v>
      </c>
      <c r="DG16" s="84">
        <v>142</v>
      </c>
      <c r="DH16" s="85">
        <v>210</v>
      </c>
      <c r="DI16" s="86">
        <v>2</v>
      </c>
      <c r="DJ16" s="71">
        <v>0</v>
      </c>
      <c r="DK16" s="72">
        <v>2</v>
      </c>
      <c r="DL16" s="244"/>
      <c r="DM16" s="71">
        <v>1</v>
      </c>
      <c r="DN16" s="71">
        <v>0</v>
      </c>
      <c r="DO16" s="71">
        <v>1</v>
      </c>
      <c r="DP16" s="71">
        <v>0</v>
      </c>
      <c r="DQ16" s="71">
        <v>0</v>
      </c>
      <c r="DR16" s="72">
        <v>2</v>
      </c>
      <c r="DS16" s="73">
        <v>4</v>
      </c>
      <c r="DT16" s="70">
        <v>2</v>
      </c>
      <c r="DU16" s="71">
        <v>3</v>
      </c>
      <c r="DV16" s="72">
        <v>5</v>
      </c>
      <c r="DW16" s="244"/>
      <c r="DX16" s="71">
        <v>1</v>
      </c>
      <c r="DY16" s="71">
        <v>2</v>
      </c>
      <c r="DZ16" s="71">
        <v>0</v>
      </c>
      <c r="EA16" s="71">
        <v>1</v>
      </c>
      <c r="EB16" s="71">
        <v>0</v>
      </c>
      <c r="EC16" s="72">
        <v>4</v>
      </c>
      <c r="ED16" s="73">
        <v>9</v>
      </c>
      <c r="EE16" s="86">
        <v>7</v>
      </c>
      <c r="EF16" s="71">
        <v>4</v>
      </c>
      <c r="EG16" s="72">
        <v>11</v>
      </c>
      <c r="EH16" s="244"/>
      <c r="EI16" s="71">
        <v>5</v>
      </c>
      <c r="EJ16" s="71">
        <v>4</v>
      </c>
      <c r="EK16" s="71">
        <v>0</v>
      </c>
      <c r="EL16" s="71">
        <v>1</v>
      </c>
      <c r="EM16" s="71">
        <v>1</v>
      </c>
      <c r="EN16" s="72">
        <v>11</v>
      </c>
      <c r="EO16" s="73">
        <v>22</v>
      </c>
      <c r="EP16" s="70">
        <v>6</v>
      </c>
      <c r="EQ16" s="71">
        <v>10</v>
      </c>
      <c r="ER16" s="72">
        <v>16</v>
      </c>
      <c r="ES16" s="244"/>
      <c r="ET16" s="71">
        <v>8</v>
      </c>
      <c r="EU16" s="71">
        <v>5</v>
      </c>
      <c r="EV16" s="71">
        <v>3</v>
      </c>
      <c r="EW16" s="71">
        <v>6</v>
      </c>
      <c r="EX16" s="71">
        <v>2</v>
      </c>
      <c r="EY16" s="72">
        <v>24</v>
      </c>
      <c r="EZ16" s="73">
        <v>40</v>
      </c>
      <c r="FA16" s="86">
        <v>12</v>
      </c>
      <c r="FB16" s="71">
        <v>6</v>
      </c>
      <c r="FC16" s="72">
        <v>18</v>
      </c>
      <c r="FD16" s="244"/>
      <c r="FE16" s="71">
        <v>10</v>
      </c>
      <c r="FF16" s="71">
        <v>11</v>
      </c>
      <c r="FG16" s="71">
        <v>11</v>
      </c>
      <c r="FH16" s="71">
        <v>7</v>
      </c>
      <c r="FI16" s="71">
        <v>3</v>
      </c>
      <c r="FJ16" s="72">
        <v>42</v>
      </c>
      <c r="FK16" s="73">
        <v>60</v>
      </c>
      <c r="FL16" s="70">
        <v>8</v>
      </c>
      <c r="FM16" s="71">
        <v>8</v>
      </c>
      <c r="FN16" s="72">
        <v>16</v>
      </c>
      <c r="FO16" s="244"/>
      <c r="FP16" s="71">
        <v>14</v>
      </c>
      <c r="FQ16" s="71">
        <v>10</v>
      </c>
      <c r="FR16" s="71">
        <v>13</v>
      </c>
      <c r="FS16" s="71">
        <v>17</v>
      </c>
      <c r="FT16" s="71">
        <v>5</v>
      </c>
      <c r="FU16" s="72">
        <v>59</v>
      </c>
      <c r="FV16" s="73">
        <v>75</v>
      </c>
      <c r="FW16" s="70">
        <v>0</v>
      </c>
      <c r="FX16" s="71">
        <v>0</v>
      </c>
      <c r="FY16" s="72">
        <v>0</v>
      </c>
      <c r="FZ16" s="244"/>
      <c r="GA16" s="71">
        <v>0</v>
      </c>
      <c r="GB16" s="71">
        <v>0</v>
      </c>
      <c r="GC16" s="71">
        <v>0</v>
      </c>
      <c r="GD16" s="71">
        <v>0</v>
      </c>
      <c r="GE16" s="71">
        <v>0</v>
      </c>
      <c r="GF16" s="72">
        <v>0</v>
      </c>
      <c r="GG16" s="73">
        <v>0</v>
      </c>
      <c r="GH16" s="70">
        <v>37</v>
      </c>
      <c r="GI16" s="71">
        <v>31</v>
      </c>
      <c r="GJ16" s="72">
        <v>68</v>
      </c>
      <c r="GK16" s="244"/>
      <c r="GL16" s="71">
        <v>39</v>
      </c>
      <c r="GM16" s="71">
        <v>32</v>
      </c>
      <c r="GN16" s="71">
        <v>28</v>
      </c>
      <c r="GO16" s="71">
        <v>32</v>
      </c>
      <c r="GP16" s="71">
        <v>11</v>
      </c>
      <c r="GQ16" s="72">
        <v>142</v>
      </c>
      <c r="GR16" s="73">
        <v>210</v>
      </c>
      <c r="GS16" s="123">
        <v>165</v>
      </c>
      <c r="GT16" s="82">
        <v>113</v>
      </c>
      <c r="GU16" s="83">
        <v>278</v>
      </c>
      <c r="GV16" s="241"/>
      <c r="GW16" s="82">
        <v>162</v>
      </c>
      <c r="GX16" s="82">
        <v>112</v>
      </c>
      <c r="GY16" s="82">
        <v>76</v>
      </c>
      <c r="GZ16" s="82">
        <v>93</v>
      </c>
      <c r="HA16" s="82">
        <v>53</v>
      </c>
      <c r="HB16" s="84">
        <v>496</v>
      </c>
      <c r="HC16" s="85">
        <v>774</v>
      </c>
      <c r="HD16" s="86">
        <v>4</v>
      </c>
      <c r="HE16" s="71">
        <v>4</v>
      </c>
      <c r="HF16" s="72">
        <v>8</v>
      </c>
      <c r="HG16" s="244"/>
      <c r="HH16" s="71">
        <v>4</v>
      </c>
      <c r="HI16" s="71">
        <v>3</v>
      </c>
      <c r="HJ16" s="71">
        <v>3</v>
      </c>
      <c r="HK16" s="71">
        <v>2</v>
      </c>
      <c r="HL16" s="71">
        <v>0</v>
      </c>
      <c r="HM16" s="72">
        <v>12</v>
      </c>
      <c r="HN16" s="73">
        <v>20</v>
      </c>
      <c r="HO16" s="70">
        <v>11</v>
      </c>
      <c r="HP16" s="71">
        <v>12</v>
      </c>
      <c r="HQ16" s="72">
        <v>23</v>
      </c>
      <c r="HR16" s="244"/>
      <c r="HS16" s="71">
        <v>7</v>
      </c>
      <c r="HT16" s="71">
        <v>9</v>
      </c>
      <c r="HU16" s="71">
        <v>1</v>
      </c>
      <c r="HV16" s="71">
        <v>5</v>
      </c>
      <c r="HW16" s="71">
        <v>5</v>
      </c>
      <c r="HX16" s="72">
        <v>27</v>
      </c>
      <c r="HY16" s="73">
        <v>50</v>
      </c>
      <c r="HZ16" s="86">
        <v>21</v>
      </c>
      <c r="IA16" s="71">
        <v>12</v>
      </c>
      <c r="IB16" s="72">
        <v>33</v>
      </c>
      <c r="IC16" s="244"/>
      <c r="ID16" s="71">
        <v>13</v>
      </c>
      <c r="IE16" s="71">
        <v>13</v>
      </c>
      <c r="IF16" s="71">
        <v>2</v>
      </c>
      <c r="IG16" s="71">
        <v>7</v>
      </c>
      <c r="IH16" s="71">
        <v>8</v>
      </c>
      <c r="II16" s="72">
        <v>43</v>
      </c>
      <c r="IJ16" s="73">
        <v>76</v>
      </c>
      <c r="IK16" s="70">
        <v>39</v>
      </c>
      <c r="IL16" s="71">
        <v>33</v>
      </c>
      <c r="IM16" s="72">
        <v>72</v>
      </c>
      <c r="IN16" s="244"/>
      <c r="IO16" s="71">
        <v>35</v>
      </c>
      <c r="IP16" s="71">
        <v>27</v>
      </c>
      <c r="IQ16" s="71">
        <v>16</v>
      </c>
      <c r="IR16" s="71">
        <v>16</v>
      </c>
      <c r="IS16" s="71">
        <v>17</v>
      </c>
      <c r="IT16" s="72">
        <v>111</v>
      </c>
      <c r="IU16" s="73">
        <v>183</v>
      </c>
      <c r="IV16" s="86">
        <v>48</v>
      </c>
      <c r="IW16" s="71">
        <v>24</v>
      </c>
      <c r="IX16" s="72">
        <v>72</v>
      </c>
      <c r="IY16" s="244"/>
      <c r="IZ16" s="71">
        <v>48</v>
      </c>
      <c r="JA16" s="71">
        <v>35</v>
      </c>
      <c r="JB16" s="71">
        <v>27</v>
      </c>
      <c r="JC16" s="71">
        <v>31</v>
      </c>
      <c r="JD16" s="71">
        <v>11</v>
      </c>
      <c r="JE16" s="72">
        <v>152</v>
      </c>
      <c r="JF16" s="73">
        <v>224</v>
      </c>
      <c r="JG16" s="70">
        <v>42</v>
      </c>
      <c r="JH16" s="71">
        <v>28</v>
      </c>
      <c r="JI16" s="72">
        <v>70</v>
      </c>
      <c r="JJ16" s="244"/>
      <c r="JK16" s="71">
        <v>55</v>
      </c>
      <c r="JL16" s="71">
        <v>25</v>
      </c>
      <c r="JM16" s="71">
        <v>27</v>
      </c>
      <c r="JN16" s="71">
        <v>32</v>
      </c>
      <c r="JO16" s="71">
        <v>12</v>
      </c>
      <c r="JP16" s="72">
        <v>151</v>
      </c>
      <c r="JQ16" s="73">
        <v>221</v>
      </c>
      <c r="JR16" s="70">
        <v>0</v>
      </c>
      <c r="JS16" s="71">
        <v>0</v>
      </c>
      <c r="JT16" s="72">
        <v>0</v>
      </c>
      <c r="JU16" s="244"/>
      <c r="JV16" s="71">
        <v>0</v>
      </c>
      <c r="JW16" s="71">
        <v>0</v>
      </c>
      <c r="JX16" s="71">
        <v>0</v>
      </c>
      <c r="JY16" s="71">
        <v>0</v>
      </c>
      <c r="JZ16" s="71">
        <v>0</v>
      </c>
      <c r="KA16" s="72">
        <v>0</v>
      </c>
      <c r="KB16" s="73">
        <v>0</v>
      </c>
      <c r="KC16" s="70">
        <v>165</v>
      </c>
      <c r="KD16" s="71">
        <v>113</v>
      </c>
      <c r="KE16" s="72">
        <v>278</v>
      </c>
      <c r="KF16" s="244"/>
      <c r="KG16" s="71">
        <v>162</v>
      </c>
      <c r="KH16" s="71">
        <v>112</v>
      </c>
      <c r="KI16" s="71">
        <v>76</v>
      </c>
      <c r="KJ16" s="71">
        <v>93</v>
      </c>
      <c r="KK16" s="71">
        <v>53</v>
      </c>
      <c r="KL16" s="72">
        <v>496</v>
      </c>
      <c r="KM16" s="73">
        <v>774</v>
      </c>
    </row>
    <row r="17" spans="2:299" ht="21" customHeight="1" x14ac:dyDescent="0.2">
      <c r="B17" s="126" t="s">
        <v>13</v>
      </c>
      <c r="C17" s="313">
        <v>44</v>
      </c>
      <c r="D17" s="82">
        <v>38</v>
      </c>
      <c r="E17" s="83">
        <v>82</v>
      </c>
      <c r="F17" s="241"/>
      <c r="G17" s="82">
        <v>62</v>
      </c>
      <c r="H17" s="82">
        <v>58</v>
      </c>
      <c r="I17" s="82">
        <v>36</v>
      </c>
      <c r="J17" s="82">
        <v>24</v>
      </c>
      <c r="K17" s="82">
        <v>21</v>
      </c>
      <c r="L17" s="84">
        <v>201</v>
      </c>
      <c r="M17" s="85">
        <v>283</v>
      </c>
      <c r="N17" s="70">
        <v>0</v>
      </c>
      <c r="O17" s="71">
        <v>1</v>
      </c>
      <c r="P17" s="72">
        <v>1</v>
      </c>
      <c r="Q17" s="244"/>
      <c r="R17" s="71">
        <v>3</v>
      </c>
      <c r="S17" s="71">
        <v>1</v>
      </c>
      <c r="T17" s="71">
        <v>0</v>
      </c>
      <c r="U17" s="71">
        <v>1</v>
      </c>
      <c r="V17" s="71">
        <v>0</v>
      </c>
      <c r="W17" s="72">
        <v>5</v>
      </c>
      <c r="X17" s="73">
        <v>6</v>
      </c>
      <c r="Y17" s="70">
        <v>3</v>
      </c>
      <c r="Z17" s="71">
        <v>1</v>
      </c>
      <c r="AA17" s="72">
        <v>4</v>
      </c>
      <c r="AB17" s="244"/>
      <c r="AC17" s="71">
        <v>2</v>
      </c>
      <c r="AD17" s="71">
        <v>2</v>
      </c>
      <c r="AE17" s="71">
        <v>0</v>
      </c>
      <c r="AF17" s="71">
        <v>0</v>
      </c>
      <c r="AG17" s="71">
        <v>0</v>
      </c>
      <c r="AH17" s="72">
        <v>4</v>
      </c>
      <c r="AI17" s="73">
        <v>8</v>
      </c>
      <c r="AJ17" s="70">
        <v>3</v>
      </c>
      <c r="AK17" s="71">
        <v>3</v>
      </c>
      <c r="AL17" s="72">
        <v>6</v>
      </c>
      <c r="AM17" s="244"/>
      <c r="AN17" s="71">
        <v>7</v>
      </c>
      <c r="AO17" s="71">
        <v>6</v>
      </c>
      <c r="AP17" s="71">
        <v>6</v>
      </c>
      <c r="AQ17" s="71">
        <v>3</v>
      </c>
      <c r="AR17" s="71">
        <v>1</v>
      </c>
      <c r="AS17" s="72">
        <v>23</v>
      </c>
      <c r="AT17" s="73">
        <v>29</v>
      </c>
      <c r="AU17" s="70">
        <v>10</v>
      </c>
      <c r="AV17" s="71">
        <v>10</v>
      </c>
      <c r="AW17" s="72">
        <v>20</v>
      </c>
      <c r="AX17" s="244"/>
      <c r="AY17" s="71">
        <v>17</v>
      </c>
      <c r="AZ17" s="71">
        <v>8</v>
      </c>
      <c r="BA17" s="71">
        <v>8</v>
      </c>
      <c r="BB17" s="71">
        <v>6</v>
      </c>
      <c r="BC17" s="71">
        <v>5</v>
      </c>
      <c r="BD17" s="72">
        <v>44</v>
      </c>
      <c r="BE17" s="73">
        <v>64</v>
      </c>
      <c r="BF17" s="70">
        <v>14</v>
      </c>
      <c r="BG17" s="71">
        <v>10</v>
      </c>
      <c r="BH17" s="72">
        <v>24</v>
      </c>
      <c r="BI17" s="244"/>
      <c r="BJ17" s="71">
        <v>17</v>
      </c>
      <c r="BK17" s="71">
        <v>17</v>
      </c>
      <c r="BL17" s="71">
        <v>8</v>
      </c>
      <c r="BM17" s="71">
        <v>7</v>
      </c>
      <c r="BN17" s="71">
        <v>9</v>
      </c>
      <c r="BO17" s="72">
        <v>58</v>
      </c>
      <c r="BP17" s="73">
        <v>82</v>
      </c>
      <c r="BQ17" s="70">
        <v>14</v>
      </c>
      <c r="BR17" s="71">
        <v>13</v>
      </c>
      <c r="BS17" s="72">
        <v>27</v>
      </c>
      <c r="BT17" s="244"/>
      <c r="BU17" s="71">
        <v>16</v>
      </c>
      <c r="BV17" s="71">
        <v>24</v>
      </c>
      <c r="BW17" s="71">
        <v>14</v>
      </c>
      <c r="BX17" s="71">
        <v>7</v>
      </c>
      <c r="BY17" s="71">
        <v>6</v>
      </c>
      <c r="BZ17" s="72">
        <v>67</v>
      </c>
      <c r="CA17" s="73">
        <v>94</v>
      </c>
      <c r="CB17" s="70">
        <v>0</v>
      </c>
      <c r="CC17" s="71">
        <v>0</v>
      </c>
      <c r="CD17" s="72">
        <v>0</v>
      </c>
      <c r="CE17" s="244"/>
      <c r="CF17" s="71">
        <v>0</v>
      </c>
      <c r="CG17" s="71">
        <v>0</v>
      </c>
      <c r="CH17" s="71">
        <v>0</v>
      </c>
      <c r="CI17" s="71">
        <v>0</v>
      </c>
      <c r="CJ17" s="71">
        <v>0</v>
      </c>
      <c r="CK17" s="72">
        <v>0</v>
      </c>
      <c r="CL17" s="73">
        <v>0</v>
      </c>
      <c r="CM17" s="70">
        <v>44</v>
      </c>
      <c r="CN17" s="71">
        <v>38</v>
      </c>
      <c r="CO17" s="72">
        <v>82</v>
      </c>
      <c r="CP17" s="244"/>
      <c r="CQ17" s="71">
        <v>62</v>
      </c>
      <c r="CR17" s="71">
        <v>58</v>
      </c>
      <c r="CS17" s="71">
        <v>36</v>
      </c>
      <c r="CT17" s="71">
        <v>24</v>
      </c>
      <c r="CU17" s="71">
        <v>21</v>
      </c>
      <c r="CV17" s="72">
        <v>201</v>
      </c>
      <c r="CW17" s="73">
        <v>283</v>
      </c>
      <c r="CX17" s="123">
        <v>17</v>
      </c>
      <c r="CY17" s="82">
        <v>13</v>
      </c>
      <c r="CZ17" s="83">
        <v>30</v>
      </c>
      <c r="DA17" s="241"/>
      <c r="DB17" s="82">
        <v>28</v>
      </c>
      <c r="DC17" s="82">
        <v>22</v>
      </c>
      <c r="DD17" s="82">
        <v>12</v>
      </c>
      <c r="DE17" s="82">
        <v>12</v>
      </c>
      <c r="DF17" s="82">
        <v>13</v>
      </c>
      <c r="DG17" s="84">
        <v>87</v>
      </c>
      <c r="DH17" s="85">
        <v>117</v>
      </c>
      <c r="DI17" s="70">
        <v>1</v>
      </c>
      <c r="DJ17" s="71">
        <v>0</v>
      </c>
      <c r="DK17" s="72">
        <v>1</v>
      </c>
      <c r="DL17" s="244"/>
      <c r="DM17" s="71">
        <v>0</v>
      </c>
      <c r="DN17" s="71">
        <v>0</v>
      </c>
      <c r="DO17" s="71">
        <v>0</v>
      </c>
      <c r="DP17" s="71">
        <v>0</v>
      </c>
      <c r="DQ17" s="71">
        <v>0</v>
      </c>
      <c r="DR17" s="72">
        <v>0</v>
      </c>
      <c r="DS17" s="73">
        <v>1</v>
      </c>
      <c r="DT17" s="70">
        <v>2</v>
      </c>
      <c r="DU17" s="71">
        <v>0</v>
      </c>
      <c r="DV17" s="72">
        <v>2</v>
      </c>
      <c r="DW17" s="244"/>
      <c r="DX17" s="71">
        <v>4</v>
      </c>
      <c r="DY17" s="71">
        <v>0</v>
      </c>
      <c r="DZ17" s="71">
        <v>1</v>
      </c>
      <c r="EA17" s="71">
        <v>0</v>
      </c>
      <c r="EB17" s="71">
        <v>1</v>
      </c>
      <c r="EC17" s="72">
        <v>6</v>
      </c>
      <c r="ED17" s="73">
        <v>8</v>
      </c>
      <c r="EE17" s="70">
        <v>3</v>
      </c>
      <c r="EF17" s="71">
        <v>0</v>
      </c>
      <c r="EG17" s="72">
        <v>3</v>
      </c>
      <c r="EH17" s="244"/>
      <c r="EI17" s="71">
        <v>4</v>
      </c>
      <c r="EJ17" s="71">
        <v>0</v>
      </c>
      <c r="EK17" s="71">
        <v>1</v>
      </c>
      <c r="EL17" s="71">
        <v>1</v>
      </c>
      <c r="EM17" s="71">
        <v>1</v>
      </c>
      <c r="EN17" s="72">
        <v>7</v>
      </c>
      <c r="EO17" s="73">
        <v>10</v>
      </c>
      <c r="EP17" s="70">
        <v>2</v>
      </c>
      <c r="EQ17" s="71">
        <v>4</v>
      </c>
      <c r="ER17" s="72">
        <v>6</v>
      </c>
      <c r="ES17" s="244"/>
      <c r="ET17" s="71">
        <v>6</v>
      </c>
      <c r="EU17" s="71">
        <v>4</v>
      </c>
      <c r="EV17" s="71">
        <v>2</v>
      </c>
      <c r="EW17" s="71">
        <v>0</v>
      </c>
      <c r="EX17" s="71">
        <v>2</v>
      </c>
      <c r="EY17" s="72">
        <v>14</v>
      </c>
      <c r="EZ17" s="73">
        <v>20</v>
      </c>
      <c r="FA17" s="70">
        <v>6</v>
      </c>
      <c r="FB17" s="71">
        <v>5</v>
      </c>
      <c r="FC17" s="72">
        <v>11</v>
      </c>
      <c r="FD17" s="244"/>
      <c r="FE17" s="71">
        <v>8</v>
      </c>
      <c r="FF17" s="71">
        <v>8</v>
      </c>
      <c r="FG17" s="71">
        <v>2</v>
      </c>
      <c r="FH17" s="71">
        <v>3</v>
      </c>
      <c r="FI17" s="71">
        <v>0</v>
      </c>
      <c r="FJ17" s="72">
        <v>21</v>
      </c>
      <c r="FK17" s="73">
        <v>32</v>
      </c>
      <c r="FL17" s="70">
        <v>3</v>
      </c>
      <c r="FM17" s="71">
        <v>4</v>
      </c>
      <c r="FN17" s="72">
        <v>7</v>
      </c>
      <c r="FO17" s="244"/>
      <c r="FP17" s="71">
        <v>6</v>
      </c>
      <c r="FQ17" s="71">
        <v>10</v>
      </c>
      <c r="FR17" s="71">
        <v>6</v>
      </c>
      <c r="FS17" s="71">
        <v>8</v>
      </c>
      <c r="FT17" s="71">
        <v>9</v>
      </c>
      <c r="FU17" s="72">
        <v>39</v>
      </c>
      <c r="FV17" s="73">
        <v>46</v>
      </c>
      <c r="FW17" s="70">
        <v>0</v>
      </c>
      <c r="FX17" s="71">
        <v>0</v>
      </c>
      <c r="FY17" s="72">
        <v>0</v>
      </c>
      <c r="FZ17" s="244"/>
      <c r="GA17" s="71">
        <v>0</v>
      </c>
      <c r="GB17" s="71">
        <v>0</v>
      </c>
      <c r="GC17" s="71">
        <v>0</v>
      </c>
      <c r="GD17" s="71">
        <v>0</v>
      </c>
      <c r="GE17" s="71">
        <v>0</v>
      </c>
      <c r="GF17" s="72">
        <v>0</v>
      </c>
      <c r="GG17" s="73">
        <v>0</v>
      </c>
      <c r="GH17" s="70">
        <v>17</v>
      </c>
      <c r="GI17" s="71">
        <v>13</v>
      </c>
      <c r="GJ17" s="72">
        <v>30</v>
      </c>
      <c r="GK17" s="244"/>
      <c r="GL17" s="71">
        <v>28</v>
      </c>
      <c r="GM17" s="71">
        <v>22</v>
      </c>
      <c r="GN17" s="71">
        <v>12</v>
      </c>
      <c r="GO17" s="71">
        <v>12</v>
      </c>
      <c r="GP17" s="71">
        <v>13</v>
      </c>
      <c r="GQ17" s="72">
        <v>87</v>
      </c>
      <c r="GR17" s="73">
        <v>117</v>
      </c>
      <c r="GS17" s="123">
        <v>61</v>
      </c>
      <c r="GT17" s="82">
        <v>51</v>
      </c>
      <c r="GU17" s="83">
        <v>112</v>
      </c>
      <c r="GV17" s="241"/>
      <c r="GW17" s="82">
        <v>90</v>
      </c>
      <c r="GX17" s="82">
        <v>80</v>
      </c>
      <c r="GY17" s="82">
        <v>48</v>
      </c>
      <c r="GZ17" s="82">
        <v>36</v>
      </c>
      <c r="HA17" s="82">
        <v>34</v>
      </c>
      <c r="HB17" s="84">
        <v>288</v>
      </c>
      <c r="HC17" s="85">
        <v>400</v>
      </c>
      <c r="HD17" s="70">
        <v>1</v>
      </c>
      <c r="HE17" s="71">
        <v>1</v>
      </c>
      <c r="HF17" s="72">
        <v>2</v>
      </c>
      <c r="HG17" s="244"/>
      <c r="HH17" s="71">
        <v>3</v>
      </c>
      <c r="HI17" s="71">
        <v>1</v>
      </c>
      <c r="HJ17" s="71">
        <v>0</v>
      </c>
      <c r="HK17" s="71">
        <v>1</v>
      </c>
      <c r="HL17" s="71">
        <v>0</v>
      </c>
      <c r="HM17" s="72">
        <v>5</v>
      </c>
      <c r="HN17" s="73">
        <v>7</v>
      </c>
      <c r="HO17" s="70">
        <v>5</v>
      </c>
      <c r="HP17" s="71">
        <v>1</v>
      </c>
      <c r="HQ17" s="72">
        <v>6</v>
      </c>
      <c r="HR17" s="244"/>
      <c r="HS17" s="71">
        <v>6</v>
      </c>
      <c r="HT17" s="71">
        <v>2</v>
      </c>
      <c r="HU17" s="71">
        <v>1</v>
      </c>
      <c r="HV17" s="71">
        <v>0</v>
      </c>
      <c r="HW17" s="71">
        <v>1</v>
      </c>
      <c r="HX17" s="72">
        <v>10</v>
      </c>
      <c r="HY17" s="73">
        <v>16</v>
      </c>
      <c r="HZ17" s="70">
        <v>6</v>
      </c>
      <c r="IA17" s="71">
        <v>3</v>
      </c>
      <c r="IB17" s="72">
        <v>9</v>
      </c>
      <c r="IC17" s="244"/>
      <c r="ID17" s="71">
        <v>11</v>
      </c>
      <c r="IE17" s="71">
        <v>6</v>
      </c>
      <c r="IF17" s="71">
        <v>7</v>
      </c>
      <c r="IG17" s="71">
        <v>4</v>
      </c>
      <c r="IH17" s="71">
        <v>2</v>
      </c>
      <c r="II17" s="72">
        <v>30</v>
      </c>
      <c r="IJ17" s="73">
        <v>39</v>
      </c>
      <c r="IK17" s="70">
        <v>12</v>
      </c>
      <c r="IL17" s="71">
        <v>14</v>
      </c>
      <c r="IM17" s="72">
        <v>26</v>
      </c>
      <c r="IN17" s="244"/>
      <c r="IO17" s="71">
        <v>23</v>
      </c>
      <c r="IP17" s="71">
        <v>12</v>
      </c>
      <c r="IQ17" s="71">
        <v>10</v>
      </c>
      <c r="IR17" s="71">
        <v>6</v>
      </c>
      <c r="IS17" s="71">
        <v>7</v>
      </c>
      <c r="IT17" s="72">
        <v>58</v>
      </c>
      <c r="IU17" s="73">
        <v>84</v>
      </c>
      <c r="IV17" s="70">
        <v>20</v>
      </c>
      <c r="IW17" s="71">
        <v>15</v>
      </c>
      <c r="IX17" s="72">
        <v>35</v>
      </c>
      <c r="IY17" s="244"/>
      <c r="IZ17" s="71">
        <v>25</v>
      </c>
      <c r="JA17" s="71">
        <v>25</v>
      </c>
      <c r="JB17" s="71">
        <v>10</v>
      </c>
      <c r="JC17" s="71">
        <v>10</v>
      </c>
      <c r="JD17" s="71">
        <v>9</v>
      </c>
      <c r="JE17" s="72">
        <v>79</v>
      </c>
      <c r="JF17" s="73">
        <v>114</v>
      </c>
      <c r="JG17" s="70">
        <v>17</v>
      </c>
      <c r="JH17" s="71">
        <v>17</v>
      </c>
      <c r="JI17" s="72">
        <v>34</v>
      </c>
      <c r="JJ17" s="244"/>
      <c r="JK17" s="71">
        <v>22</v>
      </c>
      <c r="JL17" s="71">
        <v>34</v>
      </c>
      <c r="JM17" s="71">
        <v>20</v>
      </c>
      <c r="JN17" s="71">
        <v>15</v>
      </c>
      <c r="JO17" s="71">
        <v>15</v>
      </c>
      <c r="JP17" s="72">
        <v>106</v>
      </c>
      <c r="JQ17" s="73">
        <v>140</v>
      </c>
      <c r="JR17" s="70">
        <v>0</v>
      </c>
      <c r="JS17" s="71">
        <v>0</v>
      </c>
      <c r="JT17" s="72">
        <v>0</v>
      </c>
      <c r="JU17" s="244"/>
      <c r="JV17" s="71">
        <v>0</v>
      </c>
      <c r="JW17" s="71">
        <v>0</v>
      </c>
      <c r="JX17" s="71">
        <v>0</v>
      </c>
      <c r="JY17" s="71">
        <v>0</v>
      </c>
      <c r="JZ17" s="71">
        <v>0</v>
      </c>
      <c r="KA17" s="72">
        <v>0</v>
      </c>
      <c r="KB17" s="73">
        <v>0</v>
      </c>
      <c r="KC17" s="70">
        <v>61</v>
      </c>
      <c r="KD17" s="71">
        <v>51</v>
      </c>
      <c r="KE17" s="72">
        <v>112</v>
      </c>
      <c r="KF17" s="244"/>
      <c r="KG17" s="71">
        <v>90</v>
      </c>
      <c r="KH17" s="71">
        <v>80</v>
      </c>
      <c r="KI17" s="71">
        <v>48</v>
      </c>
      <c r="KJ17" s="71">
        <v>36</v>
      </c>
      <c r="KK17" s="71">
        <v>34</v>
      </c>
      <c r="KL17" s="72">
        <v>288</v>
      </c>
      <c r="KM17" s="73">
        <v>400</v>
      </c>
    </row>
    <row r="18" spans="2:299" ht="21" customHeight="1" x14ac:dyDescent="0.2">
      <c r="B18" s="126" t="s">
        <v>15</v>
      </c>
      <c r="C18" s="313">
        <v>9</v>
      </c>
      <c r="D18" s="82">
        <v>10</v>
      </c>
      <c r="E18" s="83">
        <v>19</v>
      </c>
      <c r="F18" s="241"/>
      <c r="G18" s="82">
        <v>14</v>
      </c>
      <c r="H18" s="82">
        <v>15</v>
      </c>
      <c r="I18" s="82">
        <v>7</v>
      </c>
      <c r="J18" s="82">
        <v>14</v>
      </c>
      <c r="K18" s="82">
        <v>7</v>
      </c>
      <c r="L18" s="84">
        <v>57</v>
      </c>
      <c r="M18" s="85">
        <v>76</v>
      </c>
      <c r="N18" s="70">
        <v>0</v>
      </c>
      <c r="O18" s="71">
        <v>1</v>
      </c>
      <c r="P18" s="72">
        <v>1</v>
      </c>
      <c r="Q18" s="244"/>
      <c r="R18" s="71">
        <v>0</v>
      </c>
      <c r="S18" s="71">
        <v>2</v>
      </c>
      <c r="T18" s="71">
        <v>0</v>
      </c>
      <c r="U18" s="71">
        <v>3</v>
      </c>
      <c r="V18" s="71">
        <v>1</v>
      </c>
      <c r="W18" s="72">
        <v>6</v>
      </c>
      <c r="X18" s="73">
        <v>7</v>
      </c>
      <c r="Y18" s="70">
        <v>0</v>
      </c>
      <c r="Z18" s="71">
        <v>0</v>
      </c>
      <c r="AA18" s="72">
        <v>0</v>
      </c>
      <c r="AB18" s="244"/>
      <c r="AC18" s="71">
        <v>0</v>
      </c>
      <c r="AD18" s="71">
        <v>1</v>
      </c>
      <c r="AE18" s="71">
        <v>0</v>
      </c>
      <c r="AF18" s="71">
        <v>2</v>
      </c>
      <c r="AG18" s="71">
        <v>1</v>
      </c>
      <c r="AH18" s="72">
        <v>4</v>
      </c>
      <c r="AI18" s="73">
        <v>4</v>
      </c>
      <c r="AJ18" s="70">
        <v>0</v>
      </c>
      <c r="AK18" s="71">
        <v>1</v>
      </c>
      <c r="AL18" s="72">
        <v>1</v>
      </c>
      <c r="AM18" s="244"/>
      <c r="AN18" s="71">
        <v>3</v>
      </c>
      <c r="AO18" s="71">
        <v>3</v>
      </c>
      <c r="AP18" s="71">
        <v>2</v>
      </c>
      <c r="AQ18" s="71">
        <v>1</v>
      </c>
      <c r="AR18" s="71">
        <v>1</v>
      </c>
      <c r="AS18" s="72">
        <v>10</v>
      </c>
      <c r="AT18" s="73">
        <v>11</v>
      </c>
      <c r="AU18" s="70">
        <v>3</v>
      </c>
      <c r="AV18" s="71">
        <v>4</v>
      </c>
      <c r="AW18" s="72">
        <v>7</v>
      </c>
      <c r="AX18" s="244"/>
      <c r="AY18" s="71">
        <v>4</v>
      </c>
      <c r="AZ18" s="71">
        <v>3</v>
      </c>
      <c r="BA18" s="71">
        <v>2</v>
      </c>
      <c r="BB18" s="71">
        <v>1</v>
      </c>
      <c r="BC18" s="71">
        <v>1</v>
      </c>
      <c r="BD18" s="72">
        <v>11</v>
      </c>
      <c r="BE18" s="73">
        <v>18</v>
      </c>
      <c r="BF18" s="70">
        <v>3</v>
      </c>
      <c r="BG18" s="71">
        <v>4</v>
      </c>
      <c r="BH18" s="72">
        <v>7</v>
      </c>
      <c r="BI18" s="244"/>
      <c r="BJ18" s="71">
        <v>4</v>
      </c>
      <c r="BK18" s="71">
        <v>1</v>
      </c>
      <c r="BL18" s="71">
        <v>2</v>
      </c>
      <c r="BM18" s="71">
        <v>5</v>
      </c>
      <c r="BN18" s="71">
        <v>0</v>
      </c>
      <c r="BO18" s="72">
        <v>12</v>
      </c>
      <c r="BP18" s="73">
        <v>19</v>
      </c>
      <c r="BQ18" s="70">
        <v>3</v>
      </c>
      <c r="BR18" s="71">
        <v>0</v>
      </c>
      <c r="BS18" s="72">
        <v>3</v>
      </c>
      <c r="BT18" s="244"/>
      <c r="BU18" s="71">
        <v>3</v>
      </c>
      <c r="BV18" s="71">
        <v>5</v>
      </c>
      <c r="BW18" s="71">
        <v>1</v>
      </c>
      <c r="BX18" s="71">
        <v>2</v>
      </c>
      <c r="BY18" s="71">
        <v>3</v>
      </c>
      <c r="BZ18" s="72">
        <v>14</v>
      </c>
      <c r="CA18" s="73">
        <v>17</v>
      </c>
      <c r="CB18" s="70">
        <v>0</v>
      </c>
      <c r="CC18" s="71">
        <v>0</v>
      </c>
      <c r="CD18" s="72">
        <v>0</v>
      </c>
      <c r="CE18" s="244"/>
      <c r="CF18" s="71">
        <v>0</v>
      </c>
      <c r="CG18" s="71">
        <v>0</v>
      </c>
      <c r="CH18" s="71">
        <v>0</v>
      </c>
      <c r="CI18" s="71">
        <v>0</v>
      </c>
      <c r="CJ18" s="71">
        <v>0</v>
      </c>
      <c r="CK18" s="72">
        <v>0</v>
      </c>
      <c r="CL18" s="73">
        <v>0</v>
      </c>
      <c r="CM18" s="70">
        <v>9</v>
      </c>
      <c r="CN18" s="71">
        <v>10</v>
      </c>
      <c r="CO18" s="72">
        <v>19</v>
      </c>
      <c r="CP18" s="244"/>
      <c r="CQ18" s="71">
        <v>14</v>
      </c>
      <c r="CR18" s="71">
        <v>15</v>
      </c>
      <c r="CS18" s="71">
        <v>7</v>
      </c>
      <c r="CT18" s="71">
        <v>14</v>
      </c>
      <c r="CU18" s="71">
        <v>7</v>
      </c>
      <c r="CV18" s="72">
        <v>57</v>
      </c>
      <c r="CW18" s="73">
        <v>76</v>
      </c>
      <c r="CX18" s="123">
        <v>4</v>
      </c>
      <c r="CY18" s="82">
        <v>6</v>
      </c>
      <c r="CZ18" s="83">
        <v>10</v>
      </c>
      <c r="DA18" s="241"/>
      <c r="DB18" s="82">
        <v>10</v>
      </c>
      <c r="DC18" s="82">
        <v>8</v>
      </c>
      <c r="DD18" s="82">
        <v>4</v>
      </c>
      <c r="DE18" s="82">
        <v>4</v>
      </c>
      <c r="DF18" s="82">
        <v>3</v>
      </c>
      <c r="DG18" s="84">
        <v>29</v>
      </c>
      <c r="DH18" s="85">
        <v>39</v>
      </c>
      <c r="DI18" s="70">
        <v>0</v>
      </c>
      <c r="DJ18" s="71">
        <v>0</v>
      </c>
      <c r="DK18" s="72">
        <v>0</v>
      </c>
      <c r="DL18" s="244"/>
      <c r="DM18" s="71">
        <v>0</v>
      </c>
      <c r="DN18" s="71">
        <v>0</v>
      </c>
      <c r="DO18" s="71">
        <v>0</v>
      </c>
      <c r="DP18" s="71">
        <v>0</v>
      </c>
      <c r="DQ18" s="71">
        <v>0</v>
      </c>
      <c r="DR18" s="72">
        <v>0</v>
      </c>
      <c r="DS18" s="73">
        <v>0</v>
      </c>
      <c r="DT18" s="70">
        <v>1</v>
      </c>
      <c r="DU18" s="71">
        <v>0</v>
      </c>
      <c r="DV18" s="72">
        <v>1</v>
      </c>
      <c r="DW18" s="244"/>
      <c r="DX18" s="71">
        <v>0</v>
      </c>
      <c r="DY18" s="71">
        <v>1</v>
      </c>
      <c r="DZ18" s="71">
        <v>0</v>
      </c>
      <c r="EA18" s="71">
        <v>0</v>
      </c>
      <c r="EB18" s="71">
        <v>0</v>
      </c>
      <c r="EC18" s="72">
        <v>1</v>
      </c>
      <c r="ED18" s="73">
        <v>2</v>
      </c>
      <c r="EE18" s="70">
        <v>1</v>
      </c>
      <c r="EF18" s="71">
        <v>2</v>
      </c>
      <c r="EG18" s="72">
        <v>3</v>
      </c>
      <c r="EH18" s="244"/>
      <c r="EI18" s="71">
        <v>3</v>
      </c>
      <c r="EJ18" s="71">
        <v>0</v>
      </c>
      <c r="EK18" s="71">
        <v>1</v>
      </c>
      <c r="EL18" s="71">
        <v>0</v>
      </c>
      <c r="EM18" s="71">
        <v>1</v>
      </c>
      <c r="EN18" s="72">
        <v>5</v>
      </c>
      <c r="EO18" s="73">
        <v>8</v>
      </c>
      <c r="EP18" s="70">
        <v>0</v>
      </c>
      <c r="EQ18" s="71">
        <v>2</v>
      </c>
      <c r="ER18" s="72">
        <v>2</v>
      </c>
      <c r="ES18" s="244"/>
      <c r="ET18" s="71">
        <v>1</v>
      </c>
      <c r="EU18" s="71">
        <v>0</v>
      </c>
      <c r="EV18" s="71">
        <v>0</v>
      </c>
      <c r="EW18" s="71">
        <v>1</v>
      </c>
      <c r="EX18" s="71">
        <v>0</v>
      </c>
      <c r="EY18" s="72">
        <v>2</v>
      </c>
      <c r="EZ18" s="73">
        <v>4</v>
      </c>
      <c r="FA18" s="70">
        <v>0</v>
      </c>
      <c r="FB18" s="71">
        <v>1</v>
      </c>
      <c r="FC18" s="72">
        <v>1</v>
      </c>
      <c r="FD18" s="244"/>
      <c r="FE18" s="71">
        <v>3</v>
      </c>
      <c r="FF18" s="71">
        <v>1</v>
      </c>
      <c r="FG18" s="71">
        <v>0</v>
      </c>
      <c r="FH18" s="71">
        <v>1</v>
      </c>
      <c r="FI18" s="71">
        <v>0</v>
      </c>
      <c r="FJ18" s="72">
        <v>5</v>
      </c>
      <c r="FK18" s="73">
        <v>6</v>
      </c>
      <c r="FL18" s="70">
        <v>2</v>
      </c>
      <c r="FM18" s="71">
        <v>1</v>
      </c>
      <c r="FN18" s="72">
        <v>3</v>
      </c>
      <c r="FO18" s="244"/>
      <c r="FP18" s="71">
        <v>3</v>
      </c>
      <c r="FQ18" s="71">
        <v>6</v>
      </c>
      <c r="FR18" s="71">
        <v>3</v>
      </c>
      <c r="FS18" s="71">
        <v>2</v>
      </c>
      <c r="FT18" s="71">
        <v>2</v>
      </c>
      <c r="FU18" s="72">
        <v>16</v>
      </c>
      <c r="FV18" s="73">
        <v>19</v>
      </c>
      <c r="FW18" s="70">
        <v>0</v>
      </c>
      <c r="FX18" s="71">
        <v>0</v>
      </c>
      <c r="FY18" s="72">
        <v>0</v>
      </c>
      <c r="FZ18" s="244"/>
      <c r="GA18" s="71">
        <v>0</v>
      </c>
      <c r="GB18" s="71">
        <v>0</v>
      </c>
      <c r="GC18" s="71">
        <v>0</v>
      </c>
      <c r="GD18" s="71">
        <v>0</v>
      </c>
      <c r="GE18" s="71">
        <v>0</v>
      </c>
      <c r="GF18" s="72">
        <v>0</v>
      </c>
      <c r="GG18" s="73">
        <v>0</v>
      </c>
      <c r="GH18" s="70">
        <v>4</v>
      </c>
      <c r="GI18" s="71">
        <v>6</v>
      </c>
      <c r="GJ18" s="72">
        <v>10</v>
      </c>
      <c r="GK18" s="244"/>
      <c r="GL18" s="71">
        <v>10</v>
      </c>
      <c r="GM18" s="71">
        <v>8</v>
      </c>
      <c r="GN18" s="71">
        <v>4</v>
      </c>
      <c r="GO18" s="71">
        <v>4</v>
      </c>
      <c r="GP18" s="71">
        <v>3</v>
      </c>
      <c r="GQ18" s="72">
        <v>29</v>
      </c>
      <c r="GR18" s="73">
        <v>39</v>
      </c>
      <c r="GS18" s="123">
        <v>13</v>
      </c>
      <c r="GT18" s="82">
        <v>16</v>
      </c>
      <c r="GU18" s="83">
        <v>29</v>
      </c>
      <c r="GV18" s="241"/>
      <c r="GW18" s="82">
        <v>24</v>
      </c>
      <c r="GX18" s="82">
        <v>23</v>
      </c>
      <c r="GY18" s="82">
        <v>11</v>
      </c>
      <c r="GZ18" s="82">
        <v>18</v>
      </c>
      <c r="HA18" s="82">
        <v>10</v>
      </c>
      <c r="HB18" s="84">
        <v>86</v>
      </c>
      <c r="HC18" s="85">
        <v>115</v>
      </c>
      <c r="HD18" s="70">
        <v>0</v>
      </c>
      <c r="HE18" s="71">
        <v>1</v>
      </c>
      <c r="HF18" s="72">
        <v>1</v>
      </c>
      <c r="HG18" s="244"/>
      <c r="HH18" s="71">
        <v>0</v>
      </c>
      <c r="HI18" s="71">
        <v>2</v>
      </c>
      <c r="HJ18" s="71">
        <v>0</v>
      </c>
      <c r="HK18" s="71">
        <v>3</v>
      </c>
      <c r="HL18" s="71">
        <v>1</v>
      </c>
      <c r="HM18" s="72">
        <v>6</v>
      </c>
      <c r="HN18" s="73">
        <v>7</v>
      </c>
      <c r="HO18" s="70">
        <v>1</v>
      </c>
      <c r="HP18" s="71">
        <v>0</v>
      </c>
      <c r="HQ18" s="72">
        <v>1</v>
      </c>
      <c r="HR18" s="244"/>
      <c r="HS18" s="71">
        <v>0</v>
      </c>
      <c r="HT18" s="71">
        <v>2</v>
      </c>
      <c r="HU18" s="71">
        <v>0</v>
      </c>
      <c r="HV18" s="71">
        <v>2</v>
      </c>
      <c r="HW18" s="71">
        <v>1</v>
      </c>
      <c r="HX18" s="72">
        <v>5</v>
      </c>
      <c r="HY18" s="73">
        <v>6</v>
      </c>
      <c r="HZ18" s="70">
        <v>1</v>
      </c>
      <c r="IA18" s="71">
        <v>3</v>
      </c>
      <c r="IB18" s="72">
        <v>4</v>
      </c>
      <c r="IC18" s="244"/>
      <c r="ID18" s="71">
        <v>6</v>
      </c>
      <c r="IE18" s="71">
        <v>3</v>
      </c>
      <c r="IF18" s="71">
        <v>3</v>
      </c>
      <c r="IG18" s="71">
        <v>1</v>
      </c>
      <c r="IH18" s="71">
        <v>2</v>
      </c>
      <c r="II18" s="72">
        <v>15</v>
      </c>
      <c r="IJ18" s="73">
        <v>19</v>
      </c>
      <c r="IK18" s="70">
        <v>3</v>
      </c>
      <c r="IL18" s="71">
        <v>6</v>
      </c>
      <c r="IM18" s="72">
        <v>9</v>
      </c>
      <c r="IN18" s="244"/>
      <c r="IO18" s="71">
        <v>5</v>
      </c>
      <c r="IP18" s="71">
        <v>3</v>
      </c>
      <c r="IQ18" s="71">
        <v>2</v>
      </c>
      <c r="IR18" s="71">
        <v>2</v>
      </c>
      <c r="IS18" s="71">
        <v>1</v>
      </c>
      <c r="IT18" s="72">
        <v>13</v>
      </c>
      <c r="IU18" s="73">
        <v>22</v>
      </c>
      <c r="IV18" s="70">
        <v>3</v>
      </c>
      <c r="IW18" s="71">
        <v>5</v>
      </c>
      <c r="IX18" s="72">
        <v>8</v>
      </c>
      <c r="IY18" s="244"/>
      <c r="IZ18" s="71">
        <v>7</v>
      </c>
      <c r="JA18" s="71">
        <v>2</v>
      </c>
      <c r="JB18" s="71">
        <v>2</v>
      </c>
      <c r="JC18" s="71">
        <v>6</v>
      </c>
      <c r="JD18" s="71">
        <v>0</v>
      </c>
      <c r="JE18" s="72">
        <v>17</v>
      </c>
      <c r="JF18" s="73">
        <v>25</v>
      </c>
      <c r="JG18" s="70">
        <v>5</v>
      </c>
      <c r="JH18" s="71">
        <v>1</v>
      </c>
      <c r="JI18" s="72">
        <v>6</v>
      </c>
      <c r="JJ18" s="244"/>
      <c r="JK18" s="71">
        <v>6</v>
      </c>
      <c r="JL18" s="71">
        <v>11</v>
      </c>
      <c r="JM18" s="71">
        <v>4</v>
      </c>
      <c r="JN18" s="71">
        <v>4</v>
      </c>
      <c r="JO18" s="71">
        <v>5</v>
      </c>
      <c r="JP18" s="72">
        <v>30</v>
      </c>
      <c r="JQ18" s="73">
        <v>36</v>
      </c>
      <c r="JR18" s="70">
        <v>0</v>
      </c>
      <c r="JS18" s="71">
        <v>0</v>
      </c>
      <c r="JT18" s="72">
        <v>0</v>
      </c>
      <c r="JU18" s="244"/>
      <c r="JV18" s="71">
        <v>0</v>
      </c>
      <c r="JW18" s="71">
        <v>0</v>
      </c>
      <c r="JX18" s="71">
        <v>0</v>
      </c>
      <c r="JY18" s="71">
        <v>0</v>
      </c>
      <c r="JZ18" s="71">
        <v>0</v>
      </c>
      <c r="KA18" s="72">
        <v>0</v>
      </c>
      <c r="KB18" s="73">
        <v>0</v>
      </c>
      <c r="KC18" s="70">
        <v>13</v>
      </c>
      <c r="KD18" s="71">
        <v>16</v>
      </c>
      <c r="KE18" s="72">
        <v>29</v>
      </c>
      <c r="KF18" s="244"/>
      <c r="KG18" s="71">
        <v>24</v>
      </c>
      <c r="KH18" s="71">
        <v>23</v>
      </c>
      <c r="KI18" s="71">
        <v>11</v>
      </c>
      <c r="KJ18" s="71">
        <v>18</v>
      </c>
      <c r="KK18" s="71">
        <v>10</v>
      </c>
      <c r="KL18" s="72">
        <v>86</v>
      </c>
      <c r="KM18" s="73">
        <v>115</v>
      </c>
    </row>
    <row r="19" spans="2:299" ht="21" customHeight="1" x14ac:dyDescent="0.2">
      <c r="B19" s="126" t="s">
        <v>16</v>
      </c>
      <c r="C19" s="313">
        <v>35</v>
      </c>
      <c r="D19" s="82">
        <v>30</v>
      </c>
      <c r="E19" s="83">
        <v>65</v>
      </c>
      <c r="F19" s="241"/>
      <c r="G19" s="82">
        <v>61</v>
      </c>
      <c r="H19" s="82">
        <v>67</v>
      </c>
      <c r="I19" s="82">
        <v>42</v>
      </c>
      <c r="J19" s="82">
        <v>23</v>
      </c>
      <c r="K19" s="82">
        <v>19</v>
      </c>
      <c r="L19" s="84">
        <v>212</v>
      </c>
      <c r="M19" s="85">
        <v>277</v>
      </c>
      <c r="N19" s="70">
        <v>0</v>
      </c>
      <c r="O19" s="71">
        <v>2</v>
      </c>
      <c r="P19" s="72">
        <v>2</v>
      </c>
      <c r="Q19" s="244"/>
      <c r="R19" s="71">
        <v>1</v>
      </c>
      <c r="S19" s="71">
        <v>1</v>
      </c>
      <c r="T19" s="71">
        <v>0</v>
      </c>
      <c r="U19" s="71">
        <v>0</v>
      </c>
      <c r="V19" s="71">
        <v>4</v>
      </c>
      <c r="W19" s="72">
        <v>6</v>
      </c>
      <c r="X19" s="73">
        <v>8</v>
      </c>
      <c r="Y19" s="70">
        <v>4</v>
      </c>
      <c r="Z19" s="71">
        <v>5</v>
      </c>
      <c r="AA19" s="72">
        <v>9</v>
      </c>
      <c r="AB19" s="244"/>
      <c r="AC19" s="71">
        <v>5</v>
      </c>
      <c r="AD19" s="71">
        <v>10</v>
      </c>
      <c r="AE19" s="71">
        <v>5</v>
      </c>
      <c r="AF19" s="71">
        <v>4</v>
      </c>
      <c r="AG19" s="71">
        <v>0</v>
      </c>
      <c r="AH19" s="72">
        <v>24</v>
      </c>
      <c r="AI19" s="73">
        <v>33</v>
      </c>
      <c r="AJ19" s="70">
        <v>10</v>
      </c>
      <c r="AK19" s="71">
        <v>4</v>
      </c>
      <c r="AL19" s="72">
        <v>14</v>
      </c>
      <c r="AM19" s="244"/>
      <c r="AN19" s="71">
        <v>8</v>
      </c>
      <c r="AO19" s="71">
        <v>12</v>
      </c>
      <c r="AP19" s="71">
        <v>7</v>
      </c>
      <c r="AQ19" s="71">
        <v>3</v>
      </c>
      <c r="AR19" s="71">
        <v>1</v>
      </c>
      <c r="AS19" s="72">
        <v>31</v>
      </c>
      <c r="AT19" s="73">
        <v>45</v>
      </c>
      <c r="AU19" s="70">
        <v>8</v>
      </c>
      <c r="AV19" s="71">
        <v>7</v>
      </c>
      <c r="AW19" s="72">
        <v>15</v>
      </c>
      <c r="AX19" s="244"/>
      <c r="AY19" s="71">
        <v>19</v>
      </c>
      <c r="AZ19" s="71">
        <v>20</v>
      </c>
      <c r="BA19" s="71">
        <v>8</v>
      </c>
      <c r="BB19" s="71">
        <v>0</v>
      </c>
      <c r="BC19" s="71">
        <v>6</v>
      </c>
      <c r="BD19" s="72">
        <v>53</v>
      </c>
      <c r="BE19" s="73">
        <v>68</v>
      </c>
      <c r="BF19" s="70">
        <v>11</v>
      </c>
      <c r="BG19" s="71">
        <v>8</v>
      </c>
      <c r="BH19" s="72">
        <v>19</v>
      </c>
      <c r="BI19" s="244"/>
      <c r="BJ19" s="71">
        <v>14</v>
      </c>
      <c r="BK19" s="71">
        <v>10</v>
      </c>
      <c r="BL19" s="71">
        <v>14</v>
      </c>
      <c r="BM19" s="71">
        <v>4</v>
      </c>
      <c r="BN19" s="71">
        <v>6</v>
      </c>
      <c r="BO19" s="72">
        <v>48</v>
      </c>
      <c r="BP19" s="73">
        <v>67</v>
      </c>
      <c r="BQ19" s="70">
        <v>2</v>
      </c>
      <c r="BR19" s="71">
        <v>4</v>
      </c>
      <c r="BS19" s="72">
        <v>6</v>
      </c>
      <c r="BT19" s="244"/>
      <c r="BU19" s="71">
        <v>14</v>
      </c>
      <c r="BV19" s="71">
        <v>14</v>
      </c>
      <c r="BW19" s="71">
        <v>8</v>
      </c>
      <c r="BX19" s="71">
        <v>12</v>
      </c>
      <c r="BY19" s="71">
        <v>2</v>
      </c>
      <c r="BZ19" s="72">
        <v>50</v>
      </c>
      <c r="CA19" s="73">
        <v>56</v>
      </c>
      <c r="CB19" s="70">
        <v>0</v>
      </c>
      <c r="CC19" s="71">
        <v>0</v>
      </c>
      <c r="CD19" s="72">
        <v>0</v>
      </c>
      <c r="CE19" s="244"/>
      <c r="CF19" s="71">
        <v>0</v>
      </c>
      <c r="CG19" s="71">
        <v>0</v>
      </c>
      <c r="CH19" s="71">
        <v>0</v>
      </c>
      <c r="CI19" s="71">
        <v>0</v>
      </c>
      <c r="CJ19" s="71">
        <v>0</v>
      </c>
      <c r="CK19" s="72">
        <v>0</v>
      </c>
      <c r="CL19" s="73">
        <v>0</v>
      </c>
      <c r="CM19" s="70">
        <v>35</v>
      </c>
      <c r="CN19" s="71">
        <v>30</v>
      </c>
      <c r="CO19" s="72">
        <v>65</v>
      </c>
      <c r="CP19" s="244"/>
      <c r="CQ19" s="71">
        <v>61</v>
      </c>
      <c r="CR19" s="71">
        <v>67</v>
      </c>
      <c r="CS19" s="71">
        <v>42</v>
      </c>
      <c r="CT19" s="71">
        <v>23</v>
      </c>
      <c r="CU19" s="71">
        <v>19</v>
      </c>
      <c r="CV19" s="72">
        <v>212</v>
      </c>
      <c r="CW19" s="73">
        <v>277</v>
      </c>
      <c r="CX19" s="123">
        <v>11</v>
      </c>
      <c r="CY19" s="82">
        <v>14</v>
      </c>
      <c r="CZ19" s="83">
        <v>25</v>
      </c>
      <c r="DA19" s="241"/>
      <c r="DB19" s="82">
        <v>22</v>
      </c>
      <c r="DC19" s="82">
        <v>25</v>
      </c>
      <c r="DD19" s="82">
        <v>17</v>
      </c>
      <c r="DE19" s="82">
        <v>16</v>
      </c>
      <c r="DF19" s="82">
        <v>8</v>
      </c>
      <c r="DG19" s="84">
        <v>88</v>
      </c>
      <c r="DH19" s="85">
        <v>113</v>
      </c>
      <c r="DI19" s="70">
        <v>0</v>
      </c>
      <c r="DJ19" s="71">
        <v>0</v>
      </c>
      <c r="DK19" s="72">
        <v>0</v>
      </c>
      <c r="DL19" s="244"/>
      <c r="DM19" s="71">
        <v>1</v>
      </c>
      <c r="DN19" s="71">
        <v>0</v>
      </c>
      <c r="DO19" s="71">
        <v>1</v>
      </c>
      <c r="DP19" s="71">
        <v>0</v>
      </c>
      <c r="DQ19" s="71">
        <v>0</v>
      </c>
      <c r="DR19" s="72">
        <v>2</v>
      </c>
      <c r="DS19" s="73">
        <v>2</v>
      </c>
      <c r="DT19" s="70">
        <v>0</v>
      </c>
      <c r="DU19" s="71">
        <v>2</v>
      </c>
      <c r="DV19" s="72">
        <v>2</v>
      </c>
      <c r="DW19" s="244"/>
      <c r="DX19" s="71">
        <v>3</v>
      </c>
      <c r="DY19" s="71">
        <v>3</v>
      </c>
      <c r="DZ19" s="71">
        <v>2</v>
      </c>
      <c r="EA19" s="71">
        <v>0</v>
      </c>
      <c r="EB19" s="71">
        <v>1</v>
      </c>
      <c r="EC19" s="72">
        <v>9</v>
      </c>
      <c r="ED19" s="73">
        <v>11</v>
      </c>
      <c r="EE19" s="70">
        <v>3</v>
      </c>
      <c r="EF19" s="71">
        <v>2</v>
      </c>
      <c r="EG19" s="72">
        <v>5</v>
      </c>
      <c r="EH19" s="244"/>
      <c r="EI19" s="71">
        <v>1</v>
      </c>
      <c r="EJ19" s="71">
        <v>2</v>
      </c>
      <c r="EK19" s="71">
        <v>1</v>
      </c>
      <c r="EL19" s="71">
        <v>0</v>
      </c>
      <c r="EM19" s="71">
        <v>0</v>
      </c>
      <c r="EN19" s="72">
        <v>4</v>
      </c>
      <c r="EO19" s="73">
        <v>9</v>
      </c>
      <c r="EP19" s="70">
        <v>5</v>
      </c>
      <c r="EQ19" s="71">
        <v>3</v>
      </c>
      <c r="ER19" s="72">
        <v>8</v>
      </c>
      <c r="ES19" s="244"/>
      <c r="ET19" s="71">
        <v>6</v>
      </c>
      <c r="EU19" s="71">
        <v>6</v>
      </c>
      <c r="EV19" s="71">
        <v>1</v>
      </c>
      <c r="EW19" s="71">
        <v>0</v>
      </c>
      <c r="EX19" s="71">
        <v>1</v>
      </c>
      <c r="EY19" s="72">
        <v>14</v>
      </c>
      <c r="EZ19" s="73">
        <v>22</v>
      </c>
      <c r="FA19" s="70">
        <v>1</v>
      </c>
      <c r="FB19" s="71">
        <v>5</v>
      </c>
      <c r="FC19" s="72">
        <v>6</v>
      </c>
      <c r="FD19" s="244"/>
      <c r="FE19" s="71">
        <v>7</v>
      </c>
      <c r="FF19" s="71">
        <v>5</v>
      </c>
      <c r="FG19" s="71">
        <v>5</v>
      </c>
      <c r="FH19" s="71">
        <v>4</v>
      </c>
      <c r="FI19" s="71">
        <v>1</v>
      </c>
      <c r="FJ19" s="72">
        <v>22</v>
      </c>
      <c r="FK19" s="73">
        <v>28</v>
      </c>
      <c r="FL19" s="70">
        <v>2</v>
      </c>
      <c r="FM19" s="71">
        <v>2</v>
      </c>
      <c r="FN19" s="72">
        <v>4</v>
      </c>
      <c r="FO19" s="244"/>
      <c r="FP19" s="71">
        <v>4</v>
      </c>
      <c r="FQ19" s="71">
        <v>9</v>
      </c>
      <c r="FR19" s="71">
        <v>7</v>
      </c>
      <c r="FS19" s="71">
        <v>12</v>
      </c>
      <c r="FT19" s="71">
        <v>5</v>
      </c>
      <c r="FU19" s="72">
        <v>37</v>
      </c>
      <c r="FV19" s="73">
        <v>41</v>
      </c>
      <c r="FW19" s="70">
        <v>0</v>
      </c>
      <c r="FX19" s="71">
        <v>0</v>
      </c>
      <c r="FY19" s="72">
        <v>0</v>
      </c>
      <c r="FZ19" s="244"/>
      <c r="GA19" s="71">
        <v>0</v>
      </c>
      <c r="GB19" s="71">
        <v>0</v>
      </c>
      <c r="GC19" s="71">
        <v>0</v>
      </c>
      <c r="GD19" s="71">
        <v>0</v>
      </c>
      <c r="GE19" s="71">
        <v>0</v>
      </c>
      <c r="GF19" s="72">
        <v>0</v>
      </c>
      <c r="GG19" s="73">
        <v>0</v>
      </c>
      <c r="GH19" s="70">
        <v>11</v>
      </c>
      <c r="GI19" s="71">
        <v>14</v>
      </c>
      <c r="GJ19" s="72">
        <v>25</v>
      </c>
      <c r="GK19" s="244"/>
      <c r="GL19" s="71">
        <v>22</v>
      </c>
      <c r="GM19" s="71">
        <v>25</v>
      </c>
      <c r="GN19" s="71">
        <v>17</v>
      </c>
      <c r="GO19" s="71">
        <v>16</v>
      </c>
      <c r="GP19" s="71">
        <v>8</v>
      </c>
      <c r="GQ19" s="72">
        <v>88</v>
      </c>
      <c r="GR19" s="73">
        <v>113</v>
      </c>
      <c r="GS19" s="123">
        <v>46</v>
      </c>
      <c r="GT19" s="82">
        <v>44</v>
      </c>
      <c r="GU19" s="83">
        <v>90</v>
      </c>
      <c r="GV19" s="241"/>
      <c r="GW19" s="82">
        <v>83</v>
      </c>
      <c r="GX19" s="82">
        <v>92</v>
      </c>
      <c r="GY19" s="82">
        <v>59</v>
      </c>
      <c r="GZ19" s="82">
        <v>39</v>
      </c>
      <c r="HA19" s="82">
        <v>27</v>
      </c>
      <c r="HB19" s="84">
        <v>300</v>
      </c>
      <c r="HC19" s="85">
        <v>390</v>
      </c>
      <c r="HD19" s="70">
        <v>0</v>
      </c>
      <c r="HE19" s="71">
        <v>2</v>
      </c>
      <c r="HF19" s="72">
        <v>2</v>
      </c>
      <c r="HG19" s="244"/>
      <c r="HH19" s="71">
        <v>2</v>
      </c>
      <c r="HI19" s="71">
        <v>1</v>
      </c>
      <c r="HJ19" s="71">
        <v>1</v>
      </c>
      <c r="HK19" s="71">
        <v>0</v>
      </c>
      <c r="HL19" s="71">
        <v>4</v>
      </c>
      <c r="HM19" s="72">
        <v>8</v>
      </c>
      <c r="HN19" s="73">
        <v>10</v>
      </c>
      <c r="HO19" s="70">
        <v>4</v>
      </c>
      <c r="HP19" s="71">
        <v>7</v>
      </c>
      <c r="HQ19" s="72">
        <v>11</v>
      </c>
      <c r="HR19" s="244"/>
      <c r="HS19" s="71">
        <v>8</v>
      </c>
      <c r="HT19" s="71">
        <v>13</v>
      </c>
      <c r="HU19" s="71">
        <v>7</v>
      </c>
      <c r="HV19" s="71">
        <v>4</v>
      </c>
      <c r="HW19" s="71">
        <v>1</v>
      </c>
      <c r="HX19" s="72">
        <v>33</v>
      </c>
      <c r="HY19" s="73">
        <v>44</v>
      </c>
      <c r="HZ19" s="70">
        <v>13</v>
      </c>
      <c r="IA19" s="71">
        <v>6</v>
      </c>
      <c r="IB19" s="72">
        <v>19</v>
      </c>
      <c r="IC19" s="244"/>
      <c r="ID19" s="71">
        <v>9</v>
      </c>
      <c r="IE19" s="71">
        <v>14</v>
      </c>
      <c r="IF19" s="71">
        <v>8</v>
      </c>
      <c r="IG19" s="71">
        <v>3</v>
      </c>
      <c r="IH19" s="71">
        <v>1</v>
      </c>
      <c r="II19" s="72">
        <v>35</v>
      </c>
      <c r="IJ19" s="73">
        <v>54</v>
      </c>
      <c r="IK19" s="70">
        <v>13</v>
      </c>
      <c r="IL19" s="71">
        <v>10</v>
      </c>
      <c r="IM19" s="72">
        <v>23</v>
      </c>
      <c r="IN19" s="244"/>
      <c r="IO19" s="71">
        <v>25</v>
      </c>
      <c r="IP19" s="71">
        <v>26</v>
      </c>
      <c r="IQ19" s="71">
        <v>9</v>
      </c>
      <c r="IR19" s="71">
        <v>0</v>
      </c>
      <c r="IS19" s="71">
        <v>7</v>
      </c>
      <c r="IT19" s="72">
        <v>67</v>
      </c>
      <c r="IU19" s="73">
        <v>90</v>
      </c>
      <c r="IV19" s="70">
        <v>12</v>
      </c>
      <c r="IW19" s="71">
        <v>13</v>
      </c>
      <c r="IX19" s="72">
        <v>25</v>
      </c>
      <c r="IY19" s="244"/>
      <c r="IZ19" s="71">
        <v>21</v>
      </c>
      <c r="JA19" s="71">
        <v>15</v>
      </c>
      <c r="JB19" s="71">
        <v>19</v>
      </c>
      <c r="JC19" s="71">
        <v>8</v>
      </c>
      <c r="JD19" s="71">
        <v>7</v>
      </c>
      <c r="JE19" s="72">
        <v>70</v>
      </c>
      <c r="JF19" s="73">
        <v>95</v>
      </c>
      <c r="JG19" s="70">
        <v>4</v>
      </c>
      <c r="JH19" s="71">
        <v>6</v>
      </c>
      <c r="JI19" s="72">
        <v>10</v>
      </c>
      <c r="JJ19" s="244"/>
      <c r="JK19" s="71">
        <v>18</v>
      </c>
      <c r="JL19" s="71">
        <v>23</v>
      </c>
      <c r="JM19" s="71">
        <v>15</v>
      </c>
      <c r="JN19" s="71">
        <v>24</v>
      </c>
      <c r="JO19" s="71">
        <v>7</v>
      </c>
      <c r="JP19" s="72">
        <v>87</v>
      </c>
      <c r="JQ19" s="73">
        <v>97</v>
      </c>
      <c r="JR19" s="70">
        <v>0</v>
      </c>
      <c r="JS19" s="71">
        <v>0</v>
      </c>
      <c r="JT19" s="72">
        <v>0</v>
      </c>
      <c r="JU19" s="244"/>
      <c r="JV19" s="71">
        <v>0</v>
      </c>
      <c r="JW19" s="71">
        <v>0</v>
      </c>
      <c r="JX19" s="71">
        <v>0</v>
      </c>
      <c r="JY19" s="71">
        <v>0</v>
      </c>
      <c r="JZ19" s="71">
        <v>0</v>
      </c>
      <c r="KA19" s="72">
        <v>0</v>
      </c>
      <c r="KB19" s="73">
        <v>0</v>
      </c>
      <c r="KC19" s="70">
        <v>46</v>
      </c>
      <c r="KD19" s="71">
        <v>44</v>
      </c>
      <c r="KE19" s="72">
        <v>90</v>
      </c>
      <c r="KF19" s="244"/>
      <c r="KG19" s="71">
        <v>83</v>
      </c>
      <c r="KH19" s="71">
        <v>92</v>
      </c>
      <c r="KI19" s="71">
        <v>59</v>
      </c>
      <c r="KJ19" s="71">
        <v>39</v>
      </c>
      <c r="KK19" s="71">
        <v>27</v>
      </c>
      <c r="KL19" s="72">
        <v>300</v>
      </c>
      <c r="KM19" s="73">
        <v>390</v>
      </c>
    </row>
    <row r="20" spans="2:299" ht="21" customHeight="1" x14ac:dyDescent="0.2">
      <c r="B20" s="126" t="s">
        <v>17</v>
      </c>
      <c r="C20" s="313">
        <v>44</v>
      </c>
      <c r="D20" s="82">
        <v>46</v>
      </c>
      <c r="E20" s="83">
        <v>90</v>
      </c>
      <c r="F20" s="241"/>
      <c r="G20" s="82">
        <v>80</v>
      </c>
      <c r="H20" s="82">
        <v>88</v>
      </c>
      <c r="I20" s="82">
        <v>63</v>
      </c>
      <c r="J20" s="82">
        <v>52</v>
      </c>
      <c r="K20" s="82">
        <v>22</v>
      </c>
      <c r="L20" s="84">
        <v>305</v>
      </c>
      <c r="M20" s="85">
        <v>395</v>
      </c>
      <c r="N20" s="70">
        <v>1</v>
      </c>
      <c r="O20" s="71">
        <v>1</v>
      </c>
      <c r="P20" s="72">
        <v>2</v>
      </c>
      <c r="Q20" s="244"/>
      <c r="R20" s="71">
        <v>3</v>
      </c>
      <c r="S20" s="71">
        <v>4</v>
      </c>
      <c r="T20" s="71">
        <v>3</v>
      </c>
      <c r="U20" s="71">
        <v>2</v>
      </c>
      <c r="V20" s="71">
        <v>1</v>
      </c>
      <c r="W20" s="72">
        <v>13</v>
      </c>
      <c r="X20" s="73">
        <v>15</v>
      </c>
      <c r="Y20" s="70">
        <v>4</v>
      </c>
      <c r="Z20" s="71">
        <v>5</v>
      </c>
      <c r="AA20" s="72">
        <v>9</v>
      </c>
      <c r="AB20" s="244"/>
      <c r="AC20" s="71">
        <v>3</v>
      </c>
      <c r="AD20" s="71">
        <v>9</v>
      </c>
      <c r="AE20" s="71">
        <v>7</v>
      </c>
      <c r="AF20" s="71">
        <v>5</v>
      </c>
      <c r="AG20" s="71">
        <v>2</v>
      </c>
      <c r="AH20" s="72">
        <v>26</v>
      </c>
      <c r="AI20" s="73">
        <v>35</v>
      </c>
      <c r="AJ20" s="70">
        <v>6</v>
      </c>
      <c r="AK20" s="71">
        <v>6</v>
      </c>
      <c r="AL20" s="72">
        <v>12</v>
      </c>
      <c r="AM20" s="244"/>
      <c r="AN20" s="71">
        <v>16</v>
      </c>
      <c r="AO20" s="71">
        <v>14</v>
      </c>
      <c r="AP20" s="71">
        <v>12</v>
      </c>
      <c r="AQ20" s="71">
        <v>11</v>
      </c>
      <c r="AR20" s="71">
        <v>5</v>
      </c>
      <c r="AS20" s="72">
        <v>58</v>
      </c>
      <c r="AT20" s="73">
        <v>70</v>
      </c>
      <c r="AU20" s="70">
        <v>8</v>
      </c>
      <c r="AV20" s="71">
        <v>7</v>
      </c>
      <c r="AW20" s="72">
        <v>15</v>
      </c>
      <c r="AX20" s="244"/>
      <c r="AY20" s="71">
        <v>18</v>
      </c>
      <c r="AZ20" s="71">
        <v>21</v>
      </c>
      <c r="BA20" s="71">
        <v>16</v>
      </c>
      <c r="BB20" s="71">
        <v>9</v>
      </c>
      <c r="BC20" s="71">
        <v>3</v>
      </c>
      <c r="BD20" s="72">
        <v>67</v>
      </c>
      <c r="BE20" s="73">
        <v>82</v>
      </c>
      <c r="BF20" s="70">
        <v>16</v>
      </c>
      <c r="BG20" s="71">
        <v>12</v>
      </c>
      <c r="BH20" s="72">
        <v>28</v>
      </c>
      <c r="BI20" s="244"/>
      <c r="BJ20" s="71">
        <v>26</v>
      </c>
      <c r="BK20" s="71">
        <v>19</v>
      </c>
      <c r="BL20" s="71">
        <v>12</v>
      </c>
      <c r="BM20" s="71">
        <v>12</v>
      </c>
      <c r="BN20" s="71">
        <v>3</v>
      </c>
      <c r="BO20" s="72">
        <v>72</v>
      </c>
      <c r="BP20" s="73">
        <v>100</v>
      </c>
      <c r="BQ20" s="70">
        <v>9</v>
      </c>
      <c r="BR20" s="71">
        <v>15</v>
      </c>
      <c r="BS20" s="72">
        <v>24</v>
      </c>
      <c r="BT20" s="244"/>
      <c r="BU20" s="71">
        <v>14</v>
      </c>
      <c r="BV20" s="71">
        <v>21</v>
      </c>
      <c r="BW20" s="71">
        <v>13</v>
      </c>
      <c r="BX20" s="71">
        <v>13</v>
      </c>
      <c r="BY20" s="71">
        <v>8</v>
      </c>
      <c r="BZ20" s="72">
        <v>69</v>
      </c>
      <c r="CA20" s="73">
        <v>93</v>
      </c>
      <c r="CB20" s="70">
        <v>0</v>
      </c>
      <c r="CC20" s="71">
        <v>0</v>
      </c>
      <c r="CD20" s="72">
        <v>0</v>
      </c>
      <c r="CE20" s="244"/>
      <c r="CF20" s="71">
        <v>0</v>
      </c>
      <c r="CG20" s="71">
        <v>0</v>
      </c>
      <c r="CH20" s="71">
        <v>0</v>
      </c>
      <c r="CI20" s="71">
        <v>0</v>
      </c>
      <c r="CJ20" s="71">
        <v>0</v>
      </c>
      <c r="CK20" s="72">
        <v>0</v>
      </c>
      <c r="CL20" s="73">
        <v>0</v>
      </c>
      <c r="CM20" s="70">
        <v>44</v>
      </c>
      <c r="CN20" s="71">
        <v>46</v>
      </c>
      <c r="CO20" s="72">
        <v>90</v>
      </c>
      <c r="CP20" s="244"/>
      <c r="CQ20" s="71">
        <v>80</v>
      </c>
      <c r="CR20" s="71">
        <v>88</v>
      </c>
      <c r="CS20" s="71">
        <v>63</v>
      </c>
      <c r="CT20" s="71">
        <v>52</v>
      </c>
      <c r="CU20" s="71">
        <v>22</v>
      </c>
      <c r="CV20" s="72">
        <v>305</v>
      </c>
      <c r="CW20" s="73">
        <v>395</v>
      </c>
      <c r="CX20" s="123">
        <v>27</v>
      </c>
      <c r="CY20" s="82">
        <v>21</v>
      </c>
      <c r="CZ20" s="83">
        <v>48</v>
      </c>
      <c r="DA20" s="241"/>
      <c r="DB20" s="82">
        <v>29</v>
      </c>
      <c r="DC20" s="82">
        <v>33</v>
      </c>
      <c r="DD20" s="82">
        <v>35</v>
      </c>
      <c r="DE20" s="82">
        <v>21</v>
      </c>
      <c r="DF20" s="82">
        <v>29</v>
      </c>
      <c r="DG20" s="84">
        <v>147</v>
      </c>
      <c r="DH20" s="85">
        <v>195</v>
      </c>
      <c r="DI20" s="70">
        <v>2</v>
      </c>
      <c r="DJ20" s="71">
        <v>1</v>
      </c>
      <c r="DK20" s="72">
        <v>3</v>
      </c>
      <c r="DL20" s="244"/>
      <c r="DM20" s="71">
        <v>0</v>
      </c>
      <c r="DN20" s="71">
        <v>0</v>
      </c>
      <c r="DO20" s="71">
        <v>0</v>
      </c>
      <c r="DP20" s="71">
        <v>0</v>
      </c>
      <c r="DQ20" s="71">
        <v>0</v>
      </c>
      <c r="DR20" s="72">
        <v>0</v>
      </c>
      <c r="DS20" s="73">
        <v>3</v>
      </c>
      <c r="DT20" s="70">
        <v>1</v>
      </c>
      <c r="DU20" s="71">
        <v>1</v>
      </c>
      <c r="DV20" s="72">
        <v>2</v>
      </c>
      <c r="DW20" s="244"/>
      <c r="DX20" s="71">
        <v>0</v>
      </c>
      <c r="DY20" s="71">
        <v>1</v>
      </c>
      <c r="DZ20" s="71">
        <v>0</v>
      </c>
      <c r="EA20" s="71">
        <v>3</v>
      </c>
      <c r="EB20" s="71">
        <v>1</v>
      </c>
      <c r="EC20" s="72">
        <v>5</v>
      </c>
      <c r="ED20" s="73">
        <v>7</v>
      </c>
      <c r="EE20" s="70">
        <v>6</v>
      </c>
      <c r="EF20" s="71">
        <v>2</v>
      </c>
      <c r="EG20" s="72">
        <v>8</v>
      </c>
      <c r="EH20" s="244"/>
      <c r="EI20" s="71">
        <v>5</v>
      </c>
      <c r="EJ20" s="71">
        <v>6</v>
      </c>
      <c r="EK20" s="71">
        <v>2</v>
      </c>
      <c r="EL20" s="71">
        <v>1</v>
      </c>
      <c r="EM20" s="71">
        <v>1</v>
      </c>
      <c r="EN20" s="72">
        <v>15</v>
      </c>
      <c r="EO20" s="73">
        <v>23</v>
      </c>
      <c r="EP20" s="70">
        <v>5</v>
      </c>
      <c r="EQ20" s="71">
        <v>10</v>
      </c>
      <c r="ER20" s="72">
        <v>15</v>
      </c>
      <c r="ES20" s="244"/>
      <c r="ET20" s="71">
        <v>8</v>
      </c>
      <c r="EU20" s="71">
        <v>5</v>
      </c>
      <c r="EV20" s="71">
        <v>10</v>
      </c>
      <c r="EW20" s="71">
        <v>4</v>
      </c>
      <c r="EX20" s="71">
        <v>10</v>
      </c>
      <c r="EY20" s="72">
        <v>37</v>
      </c>
      <c r="EZ20" s="73">
        <v>52</v>
      </c>
      <c r="FA20" s="70">
        <v>5</v>
      </c>
      <c r="FB20" s="71">
        <v>5</v>
      </c>
      <c r="FC20" s="72">
        <v>10</v>
      </c>
      <c r="FD20" s="244"/>
      <c r="FE20" s="71">
        <v>7</v>
      </c>
      <c r="FF20" s="71">
        <v>5</v>
      </c>
      <c r="FG20" s="71">
        <v>10</v>
      </c>
      <c r="FH20" s="71">
        <v>2</v>
      </c>
      <c r="FI20" s="71">
        <v>4</v>
      </c>
      <c r="FJ20" s="72">
        <v>28</v>
      </c>
      <c r="FK20" s="73">
        <v>38</v>
      </c>
      <c r="FL20" s="70">
        <v>8</v>
      </c>
      <c r="FM20" s="71">
        <v>2</v>
      </c>
      <c r="FN20" s="72">
        <v>10</v>
      </c>
      <c r="FO20" s="244"/>
      <c r="FP20" s="71">
        <v>9</v>
      </c>
      <c r="FQ20" s="71">
        <v>16</v>
      </c>
      <c r="FR20" s="71">
        <v>13</v>
      </c>
      <c r="FS20" s="71">
        <v>11</v>
      </c>
      <c r="FT20" s="71">
        <v>13</v>
      </c>
      <c r="FU20" s="72">
        <v>62</v>
      </c>
      <c r="FV20" s="73">
        <v>72</v>
      </c>
      <c r="FW20" s="70">
        <v>0</v>
      </c>
      <c r="FX20" s="71">
        <v>0</v>
      </c>
      <c r="FY20" s="72">
        <v>0</v>
      </c>
      <c r="FZ20" s="244"/>
      <c r="GA20" s="71">
        <v>0</v>
      </c>
      <c r="GB20" s="71">
        <v>0</v>
      </c>
      <c r="GC20" s="71">
        <v>0</v>
      </c>
      <c r="GD20" s="71">
        <v>0</v>
      </c>
      <c r="GE20" s="71">
        <v>0</v>
      </c>
      <c r="GF20" s="72">
        <v>0</v>
      </c>
      <c r="GG20" s="73">
        <v>0</v>
      </c>
      <c r="GH20" s="70">
        <v>27</v>
      </c>
      <c r="GI20" s="71">
        <v>21</v>
      </c>
      <c r="GJ20" s="72">
        <v>48</v>
      </c>
      <c r="GK20" s="244"/>
      <c r="GL20" s="71">
        <v>29</v>
      </c>
      <c r="GM20" s="71">
        <v>33</v>
      </c>
      <c r="GN20" s="71">
        <v>35</v>
      </c>
      <c r="GO20" s="71">
        <v>21</v>
      </c>
      <c r="GP20" s="71">
        <v>29</v>
      </c>
      <c r="GQ20" s="72">
        <v>147</v>
      </c>
      <c r="GR20" s="73">
        <v>195</v>
      </c>
      <c r="GS20" s="123">
        <v>71</v>
      </c>
      <c r="GT20" s="82">
        <v>67</v>
      </c>
      <c r="GU20" s="83">
        <v>138</v>
      </c>
      <c r="GV20" s="241"/>
      <c r="GW20" s="82">
        <v>109</v>
      </c>
      <c r="GX20" s="82">
        <v>121</v>
      </c>
      <c r="GY20" s="82">
        <v>98</v>
      </c>
      <c r="GZ20" s="82">
        <v>73</v>
      </c>
      <c r="HA20" s="82">
        <v>51</v>
      </c>
      <c r="HB20" s="84">
        <v>452</v>
      </c>
      <c r="HC20" s="85">
        <v>590</v>
      </c>
      <c r="HD20" s="70">
        <v>3</v>
      </c>
      <c r="HE20" s="71">
        <v>2</v>
      </c>
      <c r="HF20" s="72">
        <v>5</v>
      </c>
      <c r="HG20" s="244"/>
      <c r="HH20" s="71">
        <v>3</v>
      </c>
      <c r="HI20" s="71">
        <v>4</v>
      </c>
      <c r="HJ20" s="71">
        <v>3</v>
      </c>
      <c r="HK20" s="71">
        <v>2</v>
      </c>
      <c r="HL20" s="71">
        <v>1</v>
      </c>
      <c r="HM20" s="72">
        <v>13</v>
      </c>
      <c r="HN20" s="73">
        <v>18</v>
      </c>
      <c r="HO20" s="70">
        <v>5</v>
      </c>
      <c r="HP20" s="71">
        <v>6</v>
      </c>
      <c r="HQ20" s="72">
        <v>11</v>
      </c>
      <c r="HR20" s="244"/>
      <c r="HS20" s="71">
        <v>3</v>
      </c>
      <c r="HT20" s="71">
        <v>10</v>
      </c>
      <c r="HU20" s="71">
        <v>7</v>
      </c>
      <c r="HV20" s="71">
        <v>8</v>
      </c>
      <c r="HW20" s="71">
        <v>3</v>
      </c>
      <c r="HX20" s="72">
        <v>31</v>
      </c>
      <c r="HY20" s="73">
        <v>42</v>
      </c>
      <c r="HZ20" s="70">
        <v>12</v>
      </c>
      <c r="IA20" s="71">
        <v>8</v>
      </c>
      <c r="IB20" s="72">
        <v>20</v>
      </c>
      <c r="IC20" s="244"/>
      <c r="ID20" s="71">
        <v>21</v>
      </c>
      <c r="IE20" s="71">
        <v>20</v>
      </c>
      <c r="IF20" s="71">
        <v>14</v>
      </c>
      <c r="IG20" s="71">
        <v>12</v>
      </c>
      <c r="IH20" s="71">
        <v>6</v>
      </c>
      <c r="II20" s="72">
        <v>73</v>
      </c>
      <c r="IJ20" s="73">
        <v>93</v>
      </c>
      <c r="IK20" s="70">
        <v>13</v>
      </c>
      <c r="IL20" s="71">
        <v>17</v>
      </c>
      <c r="IM20" s="72">
        <v>30</v>
      </c>
      <c r="IN20" s="244"/>
      <c r="IO20" s="71">
        <v>26</v>
      </c>
      <c r="IP20" s="71">
        <v>26</v>
      </c>
      <c r="IQ20" s="71">
        <v>26</v>
      </c>
      <c r="IR20" s="71">
        <v>13</v>
      </c>
      <c r="IS20" s="71">
        <v>13</v>
      </c>
      <c r="IT20" s="72">
        <v>104</v>
      </c>
      <c r="IU20" s="73">
        <v>134</v>
      </c>
      <c r="IV20" s="70">
        <v>21</v>
      </c>
      <c r="IW20" s="71">
        <v>17</v>
      </c>
      <c r="IX20" s="72">
        <v>38</v>
      </c>
      <c r="IY20" s="244"/>
      <c r="IZ20" s="71">
        <v>33</v>
      </c>
      <c r="JA20" s="71">
        <v>24</v>
      </c>
      <c r="JB20" s="71">
        <v>22</v>
      </c>
      <c r="JC20" s="71">
        <v>14</v>
      </c>
      <c r="JD20" s="71">
        <v>7</v>
      </c>
      <c r="JE20" s="72">
        <v>100</v>
      </c>
      <c r="JF20" s="73">
        <v>138</v>
      </c>
      <c r="JG20" s="70">
        <v>17</v>
      </c>
      <c r="JH20" s="71">
        <v>17</v>
      </c>
      <c r="JI20" s="72">
        <v>34</v>
      </c>
      <c r="JJ20" s="244"/>
      <c r="JK20" s="71">
        <v>23</v>
      </c>
      <c r="JL20" s="71">
        <v>37</v>
      </c>
      <c r="JM20" s="71">
        <v>26</v>
      </c>
      <c r="JN20" s="71">
        <v>24</v>
      </c>
      <c r="JO20" s="71">
        <v>21</v>
      </c>
      <c r="JP20" s="72">
        <v>131</v>
      </c>
      <c r="JQ20" s="73">
        <v>165</v>
      </c>
      <c r="JR20" s="70">
        <v>0</v>
      </c>
      <c r="JS20" s="71">
        <v>0</v>
      </c>
      <c r="JT20" s="72">
        <v>0</v>
      </c>
      <c r="JU20" s="244"/>
      <c r="JV20" s="71">
        <v>0</v>
      </c>
      <c r="JW20" s="71">
        <v>0</v>
      </c>
      <c r="JX20" s="71">
        <v>0</v>
      </c>
      <c r="JY20" s="71">
        <v>0</v>
      </c>
      <c r="JZ20" s="71">
        <v>0</v>
      </c>
      <c r="KA20" s="72">
        <v>0</v>
      </c>
      <c r="KB20" s="73">
        <v>0</v>
      </c>
      <c r="KC20" s="70">
        <v>71</v>
      </c>
      <c r="KD20" s="71">
        <v>67</v>
      </c>
      <c r="KE20" s="72">
        <v>138</v>
      </c>
      <c r="KF20" s="244"/>
      <c r="KG20" s="71">
        <v>109</v>
      </c>
      <c r="KH20" s="71">
        <v>121</v>
      </c>
      <c r="KI20" s="71">
        <v>98</v>
      </c>
      <c r="KJ20" s="71">
        <v>73</v>
      </c>
      <c r="KK20" s="71">
        <v>51</v>
      </c>
      <c r="KL20" s="72">
        <v>452</v>
      </c>
      <c r="KM20" s="73">
        <v>590</v>
      </c>
    </row>
    <row r="21" spans="2:299" ht="21" customHeight="1" x14ac:dyDescent="0.2">
      <c r="B21" s="126" t="s">
        <v>18</v>
      </c>
      <c r="C21" s="313">
        <v>51</v>
      </c>
      <c r="D21" s="82">
        <v>71</v>
      </c>
      <c r="E21" s="83">
        <v>122</v>
      </c>
      <c r="F21" s="241"/>
      <c r="G21" s="82">
        <v>111</v>
      </c>
      <c r="H21" s="82">
        <v>92</v>
      </c>
      <c r="I21" s="82">
        <v>55</v>
      </c>
      <c r="J21" s="82">
        <v>54</v>
      </c>
      <c r="K21" s="82">
        <v>29</v>
      </c>
      <c r="L21" s="84">
        <v>341</v>
      </c>
      <c r="M21" s="85">
        <v>463</v>
      </c>
      <c r="N21" s="70">
        <v>3</v>
      </c>
      <c r="O21" s="71">
        <v>3</v>
      </c>
      <c r="P21" s="72">
        <v>6</v>
      </c>
      <c r="Q21" s="244"/>
      <c r="R21" s="71">
        <v>1</v>
      </c>
      <c r="S21" s="71">
        <v>6</v>
      </c>
      <c r="T21" s="71">
        <v>6</v>
      </c>
      <c r="U21" s="71">
        <v>2</v>
      </c>
      <c r="V21" s="71">
        <v>1</v>
      </c>
      <c r="W21" s="72">
        <v>16</v>
      </c>
      <c r="X21" s="73">
        <v>22</v>
      </c>
      <c r="Y21" s="70">
        <v>8</v>
      </c>
      <c r="Z21" s="71">
        <v>8</v>
      </c>
      <c r="AA21" s="72">
        <v>16</v>
      </c>
      <c r="AB21" s="244"/>
      <c r="AC21" s="71">
        <v>13</v>
      </c>
      <c r="AD21" s="71">
        <v>11</v>
      </c>
      <c r="AE21" s="71">
        <v>6</v>
      </c>
      <c r="AF21" s="71">
        <v>7</v>
      </c>
      <c r="AG21" s="71">
        <v>4</v>
      </c>
      <c r="AH21" s="72">
        <v>41</v>
      </c>
      <c r="AI21" s="73">
        <v>57</v>
      </c>
      <c r="AJ21" s="70">
        <v>6</v>
      </c>
      <c r="AK21" s="71">
        <v>10</v>
      </c>
      <c r="AL21" s="72">
        <v>16</v>
      </c>
      <c r="AM21" s="244"/>
      <c r="AN21" s="71">
        <v>15</v>
      </c>
      <c r="AO21" s="71">
        <v>12</v>
      </c>
      <c r="AP21" s="71">
        <v>8</v>
      </c>
      <c r="AQ21" s="71">
        <v>8</v>
      </c>
      <c r="AR21" s="71">
        <v>7</v>
      </c>
      <c r="AS21" s="72">
        <v>50</v>
      </c>
      <c r="AT21" s="73">
        <v>66</v>
      </c>
      <c r="AU21" s="70">
        <v>13</v>
      </c>
      <c r="AV21" s="71">
        <v>14</v>
      </c>
      <c r="AW21" s="72">
        <v>27</v>
      </c>
      <c r="AX21" s="244"/>
      <c r="AY21" s="71">
        <v>25</v>
      </c>
      <c r="AZ21" s="71">
        <v>17</v>
      </c>
      <c r="BA21" s="71">
        <v>12</v>
      </c>
      <c r="BB21" s="71">
        <v>11</v>
      </c>
      <c r="BC21" s="71">
        <v>5</v>
      </c>
      <c r="BD21" s="72">
        <v>70</v>
      </c>
      <c r="BE21" s="73">
        <v>97</v>
      </c>
      <c r="BF21" s="70">
        <v>10</v>
      </c>
      <c r="BG21" s="71">
        <v>18</v>
      </c>
      <c r="BH21" s="72">
        <v>28</v>
      </c>
      <c r="BI21" s="244"/>
      <c r="BJ21" s="71">
        <v>31</v>
      </c>
      <c r="BK21" s="71">
        <v>27</v>
      </c>
      <c r="BL21" s="71">
        <v>12</v>
      </c>
      <c r="BM21" s="71">
        <v>13</v>
      </c>
      <c r="BN21" s="71">
        <v>6</v>
      </c>
      <c r="BO21" s="72">
        <v>89</v>
      </c>
      <c r="BP21" s="73">
        <v>117</v>
      </c>
      <c r="BQ21" s="70">
        <v>11</v>
      </c>
      <c r="BR21" s="71">
        <v>18</v>
      </c>
      <c r="BS21" s="72">
        <v>29</v>
      </c>
      <c r="BT21" s="244"/>
      <c r="BU21" s="71">
        <v>26</v>
      </c>
      <c r="BV21" s="71">
        <v>19</v>
      </c>
      <c r="BW21" s="71">
        <v>11</v>
      </c>
      <c r="BX21" s="71">
        <v>13</v>
      </c>
      <c r="BY21" s="71">
        <v>6</v>
      </c>
      <c r="BZ21" s="72">
        <v>75</v>
      </c>
      <c r="CA21" s="73">
        <v>104</v>
      </c>
      <c r="CB21" s="70">
        <v>0</v>
      </c>
      <c r="CC21" s="71">
        <v>0</v>
      </c>
      <c r="CD21" s="72">
        <v>0</v>
      </c>
      <c r="CE21" s="244"/>
      <c r="CF21" s="71">
        <v>0</v>
      </c>
      <c r="CG21" s="71">
        <v>0</v>
      </c>
      <c r="CH21" s="71">
        <v>0</v>
      </c>
      <c r="CI21" s="71">
        <v>0</v>
      </c>
      <c r="CJ21" s="71">
        <v>0</v>
      </c>
      <c r="CK21" s="72">
        <v>0</v>
      </c>
      <c r="CL21" s="73">
        <v>0</v>
      </c>
      <c r="CM21" s="70">
        <v>51</v>
      </c>
      <c r="CN21" s="71">
        <v>71</v>
      </c>
      <c r="CO21" s="72">
        <v>122</v>
      </c>
      <c r="CP21" s="244"/>
      <c r="CQ21" s="71">
        <v>111</v>
      </c>
      <c r="CR21" s="71">
        <v>92</v>
      </c>
      <c r="CS21" s="71">
        <v>55</v>
      </c>
      <c r="CT21" s="71">
        <v>54</v>
      </c>
      <c r="CU21" s="71">
        <v>29</v>
      </c>
      <c r="CV21" s="72">
        <v>341</v>
      </c>
      <c r="CW21" s="73">
        <v>463</v>
      </c>
      <c r="CX21" s="123">
        <v>27</v>
      </c>
      <c r="CY21" s="82">
        <v>26</v>
      </c>
      <c r="CZ21" s="83">
        <v>53</v>
      </c>
      <c r="DA21" s="241"/>
      <c r="DB21" s="82">
        <v>42</v>
      </c>
      <c r="DC21" s="82">
        <v>50</v>
      </c>
      <c r="DD21" s="82">
        <v>34</v>
      </c>
      <c r="DE21" s="82">
        <v>22</v>
      </c>
      <c r="DF21" s="82">
        <v>24</v>
      </c>
      <c r="DG21" s="84">
        <v>172</v>
      </c>
      <c r="DH21" s="85">
        <v>225</v>
      </c>
      <c r="DI21" s="70">
        <v>2</v>
      </c>
      <c r="DJ21" s="71">
        <v>1</v>
      </c>
      <c r="DK21" s="72">
        <v>3</v>
      </c>
      <c r="DL21" s="244"/>
      <c r="DM21" s="71">
        <v>0</v>
      </c>
      <c r="DN21" s="71">
        <v>1</v>
      </c>
      <c r="DO21" s="71">
        <v>0</v>
      </c>
      <c r="DP21" s="71">
        <v>0</v>
      </c>
      <c r="DQ21" s="71">
        <v>2</v>
      </c>
      <c r="DR21" s="72">
        <v>3</v>
      </c>
      <c r="DS21" s="73">
        <v>6</v>
      </c>
      <c r="DT21" s="70">
        <v>2</v>
      </c>
      <c r="DU21" s="71">
        <v>4</v>
      </c>
      <c r="DV21" s="72">
        <v>6</v>
      </c>
      <c r="DW21" s="244"/>
      <c r="DX21" s="71">
        <v>2</v>
      </c>
      <c r="DY21" s="71">
        <v>2</v>
      </c>
      <c r="DZ21" s="71">
        <v>0</v>
      </c>
      <c r="EA21" s="71">
        <v>0</v>
      </c>
      <c r="EB21" s="71">
        <v>2</v>
      </c>
      <c r="EC21" s="72">
        <v>6</v>
      </c>
      <c r="ED21" s="73">
        <v>12</v>
      </c>
      <c r="EE21" s="70">
        <v>6</v>
      </c>
      <c r="EF21" s="71">
        <v>5</v>
      </c>
      <c r="EG21" s="72">
        <v>11</v>
      </c>
      <c r="EH21" s="244"/>
      <c r="EI21" s="71">
        <v>6</v>
      </c>
      <c r="EJ21" s="71">
        <v>7</v>
      </c>
      <c r="EK21" s="71">
        <v>2</v>
      </c>
      <c r="EL21" s="71">
        <v>1</v>
      </c>
      <c r="EM21" s="71">
        <v>3</v>
      </c>
      <c r="EN21" s="72">
        <v>19</v>
      </c>
      <c r="EO21" s="73">
        <v>30</v>
      </c>
      <c r="EP21" s="70">
        <v>9</v>
      </c>
      <c r="EQ21" s="71">
        <v>2</v>
      </c>
      <c r="ER21" s="72">
        <v>11</v>
      </c>
      <c r="ES21" s="244"/>
      <c r="ET21" s="71">
        <v>13</v>
      </c>
      <c r="EU21" s="71">
        <v>9</v>
      </c>
      <c r="EV21" s="71">
        <v>3</v>
      </c>
      <c r="EW21" s="71">
        <v>7</v>
      </c>
      <c r="EX21" s="71">
        <v>0</v>
      </c>
      <c r="EY21" s="72">
        <v>32</v>
      </c>
      <c r="EZ21" s="73">
        <v>43</v>
      </c>
      <c r="FA21" s="70">
        <v>7</v>
      </c>
      <c r="FB21" s="71">
        <v>9</v>
      </c>
      <c r="FC21" s="72">
        <v>16</v>
      </c>
      <c r="FD21" s="244"/>
      <c r="FE21" s="71">
        <v>13</v>
      </c>
      <c r="FF21" s="71">
        <v>15</v>
      </c>
      <c r="FG21" s="71">
        <v>14</v>
      </c>
      <c r="FH21" s="71">
        <v>5</v>
      </c>
      <c r="FI21" s="71">
        <v>5</v>
      </c>
      <c r="FJ21" s="72">
        <v>52</v>
      </c>
      <c r="FK21" s="73">
        <v>68</v>
      </c>
      <c r="FL21" s="70">
        <v>1</v>
      </c>
      <c r="FM21" s="71">
        <v>5</v>
      </c>
      <c r="FN21" s="72">
        <v>6</v>
      </c>
      <c r="FO21" s="244"/>
      <c r="FP21" s="71">
        <v>8</v>
      </c>
      <c r="FQ21" s="71">
        <v>16</v>
      </c>
      <c r="FR21" s="71">
        <v>15</v>
      </c>
      <c r="FS21" s="71">
        <v>9</v>
      </c>
      <c r="FT21" s="71">
        <v>12</v>
      </c>
      <c r="FU21" s="72">
        <v>60</v>
      </c>
      <c r="FV21" s="73">
        <v>66</v>
      </c>
      <c r="FW21" s="70">
        <v>0</v>
      </c>
      <c r="FX21" s="71">
        <v>0</v>
      </c>
      <c r="FY21" s="72">
        <v>0</v>
      </c>
      <c r="FZ21" s="244"/>
      <c r="GA21" s="71">
        <v>0</v>
      </c>
      <c r="GB21" s="71">
        <v>0</v>
      </c>
      <c r="GC21" s="71">
        <v>0</v>
      </c>
      <c r="GD21" s="71">
        <v>0</v>
      </c>
      <c r="GE21" s="71">
        <v>0</v>
      </c>
      <c r="GF21" s="72">
        <v>0</v>
      </c>
      <c r="GG21" s="73">
        <v>0</v>
      </c>
      <c r="GH21" s="70">
        <v>27</v>
      </c>
      <c r="GI21" s="71">
        <v>26</v>
      </c>
      <c r="GJ21" s="72">
        <v>53</v>
      </c>
      <c r="GK21" s="244"/>
      <c r="GL21" s="71">
        <v>42</v>
      </c>
      <c r="GM21" s="71">
        <v>50</v>
      </c>
      <c r="GN21" s="71">
        <v>34</v>
      </c>
      <c r="GO21" s="71">
        <v>22</v>
      </c>
      <c r="GP21" s="71">
        <v>24</v>
      </c>
      <c r="GQ21" s="72">
        <v>172</v>
      </c>
      <c r="GR21" s="73">
        <v>225</v>
      </c>
      <c r="GS21" s="123">
        <v>78</v>
      </c>
      <c r="GT21" s="82">
        <v>97</v>
      </c>
      <c r="GU21" s="83">
        <v>175</v>
      </c>
      <c r="GV21" s="241"/>
      <c r="GW21" s="82">
        <v>153</v>
      </c>
      <c r="GX21" s="82">
        <v>142</v>
      </c>
      <c r="GY21" s="82">
        <v>89</v>
      </c>
      <c r="GZ21" s="82">
        <v>76</v>
      </c>
      <c r="HA21" s="82">
        <v>53</v>
      </c>
      <c r="HB21" s="84">
        <v>513</v>
      </c>
      <c r="HC21" s="85">
        <v>688</v>
      </c>
      <c r="HD21" s="70">
        <v>5</v>
      </c>
      <c r="HE21" s="71">
        <v>4</v>
      </c>
      <c r="HF21" s="72">
        <v>9</v>
      </c>
      <c r="HG21" s="244"/>
      <c r="HH21" s="71">
        <v>1</v>
      </c>
      <c r="HI21" s="71">
        <v>7</v>
      </c>
      <c r="HJ21" s="71">
        <v>6</v>
      </c>
      <c r="HK21" s="71">
        <v>2</v>
      </c>
      <c r="HL21" s="71">
        <v>3</v>
      </c>
      <c r="HM21" s="72">
        <v>19</v>
      </c>
      <c r="HN21" s="73">
        <v>28</v>
      </c>
      <c r="HO21" s="70">
        <v>10</v>
      </c>
      <c r="HP21" s="71">
        <v>12</v>
      </c>
      <c r="HQ21" s="72">
        <v>22</v>
      </c>
      <c r="HR21" s="244"/>
      <c r="HS21" s="71">
        <v>15</v>
      </c>
      <c r="HT21" s="71">
        <v>13</v>
      </c>
      <c r="HU21" s="71">
        <v>6</v>
      </c>
      <c r="HV21" s="71">
        <v>7</v>
      </c>
      <c r="HW21" s="71">
        <v>6</v>
      </c>
      <c r="HX21" s="72">
        <v>47</v>
      </c>
      <c r="HY21" s="73">
        <v>69</v>
      </c>
      <c r="HZ21" s="70">
        <v>12</v>
      </c>
      <c r="IA21" s="71">
        <v>15</v>
      </c>
      <c r="IB21" s="72">
        <v>27</v>
      </c>
      <c r="IC21" s="244"/>
      <c r="ID21" s="71">
        <v>21</v>
      </c>
      <c r="IE21" s="71">
        <v>19</v>
      </c>
      <c r="IF21" s="71">
        <v>10</v>
      </c>
      <c r="IG21" s="71">
        <v>9</v>
      </c>
      <c r="IH21" s="71">
        <v>10</v>
      </c>
      <c r="II21" s="72">
        <v>69</v>
      </c>
      <c r="IJ21" s="73">
        <v>96</v>
      </c>
      <c r="IK21" s="70">
        <v>22</v>
      </c>
      <c r="IL21" s="71">
        <v>16</v>
      </c>
      <c r="IM21" s="72">
        <v>38</v>
      </c>
      <c r="IN21" s="244"/>
      <c r="IO21" s="71">
        <v>38</v>
      </c>
      <c r="IP21" s="71">
        <v>26</v>
      </c>
      <c r="IQ21" s="71">
        <v>15</v>
      </c>
      <c r="IR21" s="71">
        <v>18</v>
      </c>
      <c r="IS21" s="71">
        <v>5</v>
      </c>
      <c r="IT21" s="72">
        <v>102</v>
      </c>
      <c r="IU21" s="73">
        <v>140</v>
      </c>
      <c r="IV21" s="70">
        <v>17</v>
      </c>
      <c r="IW21" s="71">
        <v>27</v>
      </c>
      <c r="IX21" s="72">
        <v>44</v>
      </c>
      <c r="IY21" s="244"/>
      <c r="IZ21" s="71">
        <v>44</v>
      </c>
      <c r="JA21" s="71">
        <v>42</v>
      </c>
      <c r="JB21" s="71">
        <v>26</v>
      </c>
      <c r="JC21" s="71">
        <v>18</v>
      </c>
      <c r="JD21" s="71">
        <v>11</v>
      </c>
      <c r="JE21" s="72">
        <v>141</v>
      </c>
      <c r="JF21" s="73">
        <v>185</v>
      </c>
      <c r="JG21" s="70">
        <v>12</v>
      </c>
      <c r="JH21" s="71">
        <v>23</v>
      </c>
      <c r="JI21" s="72">
        <v>35</v>
      </c>
      <c r="JJ21" s="244"/>
      <c r="JK21" s="71">
        <v>34</v>
      </c>
      <c r="JL21" s="71">
        <v>35</v>
      </c>
      <c r="JM21" s="71">
        <v>26</v>
      </c>
      <c r="JN21" s="71">
        <v>22</v>
      </c>
      <c r="JO21" s="71">
        <v>18</v>
      </c>
      <c r="JP21" s="72">
        <v>135</v>
      </c>
      <c r="JQ21" s="73">
        <v>170</v>
      </c>
      <c r="JR21" s="70">
        <v>0</v>
      </c>
      <c r="JS21" s="71">
        <v>0</v>
      </c>
      <c r="JT21" s="72">
        <v>0</v>
      </c>
      <c r="JU21" s="244"/>
      <c r="JV21" s="71">
        <v>0</v>
      </c>
      <c r="JW21" s="71">
        <v>0</v>
      </c>
      <c r="JX21" s="71">
        <v>0</v>
      </c>
      <c r="JY21" s="71">
        <v>0</v>
      </c>
      <c r="JZ21" s="71">
        <v>0</v>
      </c>
      <c r="KA21" s="72">
        <v>0</v>
      </c>
      <c r="KB21" s="73">
        <v>0</v>
      </c>
      <c r="KC21" s="70">
        <v>78</v>
      </c>
      <c r="KD21" s="71">
        <v>97</v>
      </c>
      <c r="KE21" s="72">
        <v>175</v>
      </c>
      <c r="KF21" s="244"/>
      <c r="KG21" s="71">
        <v>153</v>
      </c>
      <c r="KH21" s="71">
        <v>142</v>
      </c>
      <c r="KI21" s="71">
        <v>89</v>
      </c>
      <c r="KJ21" s="71">
        <v>76</v>
      </c>
      <c r="KK21" s="71">
        <v>53</v>
      </c>
      <c r="KL21" s="72">
        <v>513</v>
      </c>
      <c r="KM21" s="73">
        <v>688</v>
      </c>
    </row>
    <row r="22" spans="2:299" ht="21" customHeight="1" x14ac:dyDescent="0.2">
      <c r="B22" s="126" t="s">
        <v>19</v>
      </c>
      <c r="C22" s="313">
        <v>30</v>
      </c>
      <c r="D22" s="82">
        <v>20</v>
      </c>
      <c r="E22" s="83">
        <v>50</v>
      </c>
      <c r="F22" s="241"/>
      <c r="G22" s="82">
        <v>50</v>
      </c>
      <c r="H22" s="82">
        <v>41</v>
      </c>
      <c r="I22" s="82">
        <v>19</v>
      </c>
      <c r="J22" s="82">
        <v>18</v>
      </c>
      <c r="K22" s="82">
        <v>13</v>
      </c>
      <c r="L22" s="84">
        <v>141</v>
      </c>
      <c r="M22" s="85">
        <v>191</v>
      </c>
      <c r="N22" s="86">
        <v>1</v>
      </c>
      <c r="O22" s="71">
        <v>0</v>
      </c>
      <c r="P22" s="72">
        <v>1</v>
      </c>
      <c r="Q22" s="244"/>
      <c r="R22" s="71">
        <v>3</v>
      </c>
      <c r="S22" s="71">
        <v>1</v>
      </c>
      <c r="T22" s="71">
        <v>0</v>
      </c>
      <c r="U22" s="71">
        <v>2</v>
      </c>
      <c r="V22" s="71">
        <v>0</v>
      </c>
      <c r="W22" s="72">
        <v>6</v>
      </c>
      <c r="X22" s="73">
        <v>7</v>
      </c>
      <c r="Y22" s="70">
        <v>1</v>
      </c>
      <c r="Z22" s="71">
        <v>1</v>
      </c>
      <c r="AA22" s="72">
        <v>2</v>
      </c>
      <c r="AB22" s="244"/>
      <c r="AC22" s="71">
        <v>6</v>
      </c>
      <c r="AD22" s="71">
        <v>4</v>
      </c>
      <c r="AE22" s="71">
        <v>3</v>
      </c>
      <c r="AF22" s="71">
        <v>2</v>
      </c>
      <c r="AG22" s="71">
        <v>1</v>
      </c>
      <c r="AH22" s="72">
        <v>16</v>
      </c>
      <c r="AI22" s="73">
        <v>18</v>
      </c>
      <c r="AJ22" s="86">
        <v>8</v>
      </c>
      <c r="AK22" s="71">
        <v>1</v>
      </c>
      <c r="AL22" s="72">
        <v>9</v>
      </c>
      <c r="AM22" s="244"/>
      <c r="AN22" s="71">
        <v>5</v>
      </c>
      <c r="AO22" s="71">
        <v>5</v>
      </c>
      <c r="AP22" s="71">
        <v>1</v>
      </c>
      <c r="AQ22" s="71">
        <v>5</v>
      </c>
      <c r="AR22" s="71">
        <v>1</v>
      </c>
      <c r="AS22" s="72">
        <v>17</v>
      </c>
      <c r="AT22" s="73">
        <v>26</v>
      </c>
      <c r="AU22" s="70">
        <v>3</v>
      </c>
      <c r="AV22" s="71">
        <v>5</v>
      </c>
      <c r="AW22" s="72">
        <v>8</v>
      </c>
      <c r="AX22" s="244"/>
      <c r="AY22" s="71">
        <v>7</v>
      </c>
      <c r="AZ22" s="71">
        <v>11</v>
      </c>
      <c r="BA22" s="71">
        <v>4</v>
      </c>
      <c r="BB22" s="71">
        <v>2</v>
      </c>
      <c r="BC22" s="71">
        <v>3</v>
      </c>
      <c r="BD22" s="72">
        <v>27</v>
      </c>
      <c r="BE22" s="73">
        <v>35</v>
      </c>
      <c r="BF22" s="86">
        <v>10</v>
      </c>
      <c r="BG22" s="71">
        <v>6</v>
      </c>
      <c r="BH22" s="72">
        <v>16</v>
      </c>
      <c r="BI22" s="244"/>
      <c r="BJ22" s="71">
        <v>11</v>
      </c>
      <c r="BK22" s="71">
        <v>8</v>
      </c>
      <c r="BL22" s="71">
        <v>5</v>
      </c>
      <c r="BM22" s="71">
        <v>2</v>
      </c>
      <c r="BN22" s="71">
        <v>4</v>
      </c>
      <c r="BO22" s="72">
        <v>30</v>
      </c>
      <c r="BP22" s="73">
        <v>46</v>
      </c>
      <c r="BQ22" s="70">
        <v>7</v>
      </c>
      <c r="BR22" s="71">
        <v>7</v>
      </c>
      <c r="BS22" s="72">
        <v>14</v>
      </c>
      <c r="BT22" s="244"/>
      <c r="BU22" s="71">
        <v>18</v>
      </c>
      <c r="BV22" s="71">
        <v>12</v>
      </c>
      <c r="BW22" s="71">
        <v>6</v>
      </c>
      <c r="BX22" s="71">
        <v>5</v>
      </c>
      <c r="BY22" s="71">
        <v>4</v>
      </c>
      <c r="BZ22" s="72">
        <v>45</v>
      </c>
      <c r="CA22" s="73">
        <v>59</v>
      </c>
      <c r="CB22" s="70">
        <v>0</v>
      </c>
      <c r="CC22" s="71">
        <v>0</v>
      </c>
      <c r="CD22" s="72">
        <v>0</v>
      </c>
      <c r="CE22" s="244"/>
      <c r="CF22" s="71">
        <v>0</v>
      </c>
      <c r="CG22" s="71">
        <v>0</v>
      </c>
      <c r="CH22" s="71">
        <v>0</v>
      </c>
      <c r="CI22" s="71">
        <v>0</v>
      </c>
      <c r="CJ22" s="71">
        <v>0</v>
      </c>
      <c r="CK22" s="72">
        <v>0</v>
      </c>
      <c r="CL22" s="73">
        <v>0</v>
      </c>
      <c r="CM22" s="70">
        <v>30</v>
      </c>
      <c r="CN22" s="71">
        <v>20</v>
      </c>
      <c r="CO22" s="72">
        <v>50</v>
      </c>
      <c r="CP22" s="244"/>
      <c r="CQ22" s="71">
        <v>50</v>
      </c>
      <c r="CR22" s="71">
        <v>41</v>
      </c>
      <c r="CS22" s="71">
        <v>19</v>
      </c>
      <c r="CT22" s="71">
        <v>18</v>
      </c>
      <c r="CU22" s="71">
        <v>13</v>
      </c>
      <c r="CV22" s="72">
        <v>141</v>
      </c>
      <c r="CW22" s="73">
        <v>191</v>
      </c>
      <c r="CX22" s="123">
        <v>9</v>
      </c>
      <c r="CY22" s="82">
        <v>7</v>
      </c>
      <c r="CZ22" s="83">
        <v>16</v>
      </c>
      <c r="DA22" s="241"/>
      <c r="DB22" s="82">
        <v>13</v>
      </c>
      <c r="DC22" s="82">
        <v>15</v>
      </c>
      <c r="DD22" s="82">
        <v>8</v>
      </c>
      <c r="DE22" s="82">
        <v>7</v>
      </c>
      <c r="DF22" s="82">
        <v>8</v>
      </c>
      <c r="DG22" s="84">
        <v>51</v>
      </c>
      <c r="DH22" s="85">
        <v>67</v>
      </c>
      <c r="DI22" s="86">
        <v>0</v>
      </c>
      <c r="DJ22" s="71">
        <v>0</v>
      </c>
      <c r="DK22" s="72">
        <v>0</v>
      </c>
      <c r="DL22" s="244"/>
      <c r="DM22" s="71">
        <v>1</v>
      </c>
      <c r="DN22" s="71">
        <v>1</v>
      </c>
      <c r="DO22" s="71">
        <v>1</v>
      </c>
      <c r="DP22" s="71">
        <v>0</v>
      </c>
      <c r="DQ22" s="71">
        <v>1</v>
      </c>
      <c r="DR22" s="72">
        <v>4</v>
      </c>
      <c r="DS22" s="73">
        <v>4</v>
      </c>
      <c r="DT22" s="70">
        <v>2</v>
      </c>
      <c r="DU22" s="71">
        <v>1</v>
      </c>
      <c r="DV22" s="72">
        <v>3</v>
      </c>
      <c r="DW22" s="244"/>
      <c r="DX22" s="71">
        <v>1</v>
      </c>
      <c r="DY22" s="71">
        <v>1</v>
      </c>
      <c r="DZ22" s="71">
        <v>0</v>
      </c>
      <c r="EA22" s="71">
        <v>0</v>
      </c>
      <c r="EB22" s="71">
        <v>0</v>
      </c>
      <c r="EC22" s="72">
        <v>2</v>
      </c>
      <c r="ED22" s="73">
        <v>5</v>
      </c>
      <c r="EE22" s="86">
        <v>2</v>
      </c>
      <c r="EF22" s="71">
        <v>0</v>
      </c>
      <c r="EG22" s="72">
        <v>2</v>
      </c>
      <c r="EH22" s="244"/>
      <c r="EI22" s="71">
        <v>0</v>
      </c>
      <c r="EJ22" s="71">
        <v>0</v>
      </c>
      <c r="EK22" s="71">
        <v>1</v>
      </c>
      <c r="EL22" s="71">
        <v>2</v>
      </c>
      <c r="EM22" s="71">
        <v>1</v>
      </c>
      <c r="EN22" s="72">
        <v>4</v>
      </c>
      <c r="EO22" s="73">
        <v>6</v>
      </c>
      <c r="EP22" s="70">
        <v>3</v>
      </c>
      <c r="EQ22" s="71">
        <v>1</v>
      </c>
      <c r="ER22" s="72">
        <v>4</v>
      </c>
      <c r="ES22" s="244"/>
      <c r="ET22" s="71">
        <v>3</v>
      </c>
      <c r="EU22" s="71">
        <v>4</v>
      </c>
      <c r="EV22" s="71">
        <v>4</v>
      </c>
      <c r="EW22" s="71">
        <v>0</v>
      </c>
      <c r="EX22" s="71">
        <v>0</v>
      </c>
      <c r="EY22" s="72">
        <v>11</v>
      </c>
      <c r="EZ22" s="73">
        <v>15</v>
      </c>
      <c r="FA22" s="86">
        <v>0</v>
      </c>
      <c r="FB22" s="71">
        <v>2</v>
      </c>
      <c r="FC22" s="72">
        <v>2</v>
      </c>
      <c r="FD22" s="244"/>
      <c r="FE22" s="71">
        <v>1</v>
      </c>
      <c r="FF22" s="71">
        <v>1</v>
      </c>
      <c r="FG22" s="71">
        <v>0</v>
      </c>
      <c r="FH22" s="71">
        <v>2</v>
      </c>
      <c r="FI22" s="71">
        <v>3</v>
      </c>
      <c r="FJ22" s="72">
        <v>7</v>
      </c>
      <c r="FK22" s="73">
        <v>9</v>
      </c>
      <c r="FL22" s="70">
        <v>2</v>
      </c>
      <c r="FM22" s="71">
        <v>3</v>
      </c>
      <c r="FN22" s="72">
        <v>5</v>
      </c>
      <c r="FO22" s="244"/>
      <c r="FP22" s="71">
        <v>7</v>
      </c>
      <c r="FQ22" s="71">
        <v>8</v>
      </c>
      <c r="FR22" s="71">
        <v>2</v>
      </c>
      <c r="FS22" s="71">
        <v>3</v>
      </c>
      <c r="FT22" s="71">
        <v>3</v>
      </c>
      <c r="FU22" s="72">
        <v>23</v>
      </c>
      <c r="FV22" s="73">
        <v>28</v>
      </c>
      <c r="FW22" s="70">
        <v>0</v>
      </c>
      <c r="FX22" s="71">
        <v>0</v>
      </c>
      <c r="FY22" s="72">
        <v>0</v>
      </c>
      <c r="FZ22" s="244"/>
      <c r="GA22" s="71">
        <v>0</v>
      </c>
      <c r="GB22" s="71">
        <v>0</v>
      </c>
      <c r="GC22" s="71">
        <v>0</v>
      </c>
      <c r="GD22" s="71">
        <v>0</v>
      </c>
      <c r="GE22" s="71">
        <v>0</v>
      </c>
      <c r="GF22" s="72">
        <v>0</v>
      </c>
      <c r="GG22" s="73">
        <v>0</v>
      </c>
      <c r="GH22" s="70">
        <v>9</v>
      </c>
      <c r="GI22" s="71">
        <v>7</v>
      </c>
      <c r="GJ22" s="72">
        <v>16</v>
      </c>
      <c r="GK22" s="244"/>
      <c r="GL22" s="71">
        <v>13</v>
      </c>
      <c r="GM22" s="71">
        <v>15</v>
      </c>
      <c r="GN22" s="71">
        <v>8</v>
      </c>
      <c r="GO22" s="71">
        <v>7</v>
      </c>
      <c r="GP22" s="71">
        <v>8</v>
      </c>
      <c r="GQ22" s="72">
        <v>51</v>
      </c>
      <c r="GR22" s="73">
        <v>67</v>
      </c>
      <c r="GS22" s="123">
        <v>39</v>
      </c>
      <c r="GT22" s="82">
        <v>27</v>
      </c>
      <c r="GU22" s="83">
        <v>66</v>
      </c>
      <c r="GV22" s="241"/>
      <c r="GW22" s="82">
        <v>63</v>
      </c>
      <c r="GX22" s="82">
        <v>56</v>
      </c>
      <c r="GY22" s="82">
        <v>27</v>
      </c>
      <c r="GZ22" s="82">
        <v>25</v>
      </c>
      <c r="HA22" s="82">
        <v>21</v>
      </c>
      <c r="HB22" s="84">
        <v>192</v>
      </c>
      <c r="HC22" s="85">
        <v>258</v>
      </c>
      <c r="HD22" s="86">
        <v>1</v>
      </c>
      <c r="HE22" s="71">
        <v>0</v>
      </c>
      <c r="HF22" s="72">
        <v>1</v>
      </c>
      <c r="HG22" s="244"/>
      <c r="HH22" s="71">
        <v>4</v>
      </c>
      <c r="HI22" s="71">
        <v>2</v>
      </c>
      <c r="HJ22" s="71">
        <v>1</v>
      </c>
      <c r="HK22" s="71">
        <v>2</v>
      </c>
      <c r="HL22" s="71">
        <v>1</v>
      </c>
      <c r="HM22" s="72">
        <v>10</v>
      </c>
      <c r="HN22" s="73">
        <v>11</v>
      </c>
      <c r="HO22" s="70">
        <v>3</v>
      </c>
      <c r="HP22" s="71">
        <v>2</v>
      </c>
      <c r="HQ22" s="72">
        <v>5</v>
      </c>
      <c r="HR22" s="244"/>
      <c r="HS22" s="71">
        <v>7</v>
      </c>
      <c r="HT22" s="71">
        <v>5</v>
      </c>
      <c r="HU22" s="71">
        <v>3</v>
      </c>
      <c r="HV22" s="71">
        <v>2</v>
      </c>
      <c r="HW22" s="71">
        <v>1</v>
      </c>
      <c r="HX22" s="72">
        <v>18</v>
      </c>
      <c r="HY22" s="73">
        <v>23</v>
      </c>
      <c r="HZ22" s="86">
        <v>10</v>
      </c>
      <c r="IA22" s="71">
        <v>1</v>
      </c>
      <c r="IB22" s="72">
        <v>11</v>
      </c>
      <c r="IC22" s="244"/>
      <c r="ID22" s="71">
        <v>5</v>
      </c>
      <c r="IE22" s="71">
        <v>5</v>
      </c>
      <c r="IF22" s="71">
        <v>2</v>
      </c>
      <c r="IG22" s="71">
        <v>7</v>
      </c>
      <c r="IH22" s="71">
        <v>2</v>
      </c>
      <c r="II22" s="72">
        <v>21</v>
      </c>
      <c r="IJ22" s="73">
        <v>32</v>
      </c>
      <c r="IK22" s="70">
        <v>6</v>
      </c>
      <c r="IL22" s="71">
        <v>6</v>
      </c>
      <c r="IM22" s="72">
        <v>12</v>
      </c>
      <c r="IN22" s="244"/>
      <c r="IO22" s="71">
        <v>10</v>
      </c>
      <c r="IP22" s="71">
        <v>15</v>
      </c>
      <c r="IQ22" s="71">
        <v>8</v>
      </c>
      <c r="IR22" s="71">
        <v>2</v>
      </c>
      <c r="IS22" s="71">
        <v>3</v>
      </c>
      <c r="IT22" s="72">
        <v>38</v>
      </c>
      <c r="IU22" s="73">
        <v>50</v>
      </c>
      <c r="IV22" s="86">
        <v>10</v>
      </c>
      <c r="IW22" s="71">
        <v>8</v>
      </c>
      <c r="IX22" s="72">
        <v>18</v>
      </c>
      <c r="IY22" s="244"/>
      <c r="IZ22" s="71">
        <v>12</v>
      </c>
      <c r="JA22" s="71">
        <v>9</v>
      </c>
      <c r="JB22" s="71">
        <v>5</v>
      </c>
      <c r="JC22" s="71">
        <v>4</v>
      </c>
      <c r="JD22" s="71">
        <v>7</v>
      </c>
      <c r="JE22" s="72">
        <v>37</v>
      </c>
      <c r="JF22" s="73">
        <v>55</v>
      </c>
      <c r="JG22" s="70">
        <v>9</v>
      </c>
      <c r="JH22" s="71">
        <v>10</v>
      </c>
      <c r="JI22" s="72">
        <v>19</v>
      </c>
      <c r="JJ22" s="244"/>
      <c r="JK22" s="71">
        <v>25</v>
      </c>
      <c r="JL22" s="71">
        <v>20</v>
      </c>
      <c r="JM22" s="71">
        <v>8</v>
      </c>
      <c r="JN22" s="71">
        <v>8</v>
      </c>
      <c r="JO22" s="71">
        <v>7</v>
      </c>
      <c r="JP22" s="72">
        <v>68</v>
      </c>
      <c r="JQ22" s="73">
        <v>87</v>
      </c>
      <c r="JR22" s="70">
        <v>0</v>
      </c>
      <c r="JS22" s="71">
        <v>0</v>
      </c>
      <c r="JT22" s="72">
        <v>0</v>
      </c>
      <c r="JU22" s="244"/>
      <c r="JV22" s="71">
        <v>0</v>
      </c>
      <c r="JW22" s="71">
        <v>0</v>
      </c>
      <c r="JX22" s="71">
        <v>0</v>
      </c>
      <c r="JY22" s="71">
        <v>0</v>
      </c>
      <c r="JZ22" s="71">
        <v>0</v>
      </c>
      <c r="KA22" s="72">
        <v>0</v>
      </c>
      <c r="KB22" s="73">
        <v>0</v>
      </c>
      <c r="KC22" s="70">
        <v>39</v>
      </c>
      <c r="KD22" s="71">
        <v>27</v>
      </c>
      <c r="KE22" s="72">
        <v>66</v>
      </c>
      <c r="KF22" s="244"/>
      <c r="KG22" s="71">
        <v>63</v>
      </c>
      <c r="KH22" s="71">
        <v>56</v>
      </c>
      <c r="KI22" s="71">
        <v>27</v>
      </c>
      <c r="KJ22" s="71">
        <v>25</v>
      </c>
      <c r="KK22" s="71">
        <v>21</v>
      </c>
      <c r="KL22" s="72">
        <v>192</v>
      </c>
      <c r="KM22" s="73">
        <v>258</v>
      </c>
    </row>
    <row r="23" spans="2:299" ht="21" customHeight="1" x14ac:dyDescent="0.2">
      <c r="B23" s="126" t="s">
        <v>20</v>
      </c>
      <c r="C23" s="313">
        <v>34</v>
      </c>
      <c r="D23" s="82">
        <v>53</v>
      </c>
      <c r="E23" s="83">
        <v>87</v>
      </c>
      <c r="F23" s="241"/>
      <c r="G23" s="82">
        <v>50</v>
      </c>
      <c r="H23" s="82">
        <v>56</v>
      </c>
      <c r="I23" s="82">
        <v>25</v>
      </c>
      <c r="J23" s="82">
        <v>25</v>
      </c>
      <c r="K23" s="82">
        <v>22</v>
      </c>
      <c r="L23" s="84">
        <v>178</v>
      </c>
      <c r="M23" s="85">
        <v>265</v>
      </c>
      <c r="N23" s="70">
        <v>1</v>
      </c>
      <c r="O23" s="71">
        <v>1</v>
      </c>
      <c r="P23" s="72">
        <v>2</v>
      </c>
      <c r="Q23" s="244"/>
      <c r="R23" s="71">
        <v>2</v>
      </c>
      <c r="S23" s="71">
        <v>0</v>
      </c>
      <c r="T23" s="71">
        <v>1</v>
      </c>
      <c r="U23" s="71">
        <v>1</v>
      </c>
      <c r="V23" s="71">
        <v>1</v>
      </c>
      <c r="W23" s="72">
        <v>5</v>
      </c>
      <c r="X23" s="73">
        <v>7</v>
      </c>
      <c r="Y23" s="70">
        <v>5</v>
      </c>
      <c r="Z23" s="71">
        <v>3</v>
      </c>
      <c r="AA23" s="72">
        <v>8</v>
      </c>
      <c r="AB23" s="244"/>
      <c r="AC23" s="71">
        <v>7</v>
      </c>
      <c r="AD23" s="71">
        <v>8</v>
      </c>
      <c r="AE23" s="71">
        <v>4</v>
      </c>
      <c r="AF23" s="71">
        <v>2</v>
      </c>
      <c r="AG23" s="71">
        <v>3</v>
      </c>
      <c r="AH23" s="72">
        <v>24</v>
      </c>
      <c r="AI23" s="73">
        <v>32</v>
      </c>
      <c r="AJ23" s="70">
        <v>4</v>
      </c>
      <c r="AK23" s="71">
        <v>7</v>
      </c>
      <c r="AL23" s="72">
        <v>11</v>
      </c>
      <c r="AM23" s="244"/>
      <c r="AN23" s="71">
        <v>4</v>
      </c>
      <c r="AO23" s="71">
        <v>5</v>
      </c>
      <c r="AP23" s="71">
        <v>4</v>
      </c>
      <c r="AQ23" s="71">
        <v>3</v>
      </c>
      <c r="AR23" s="71">
        <v>4</v>
      </c>
      <c r="AS23" s="72">
        <v>20</v>
      </c>
      <c r="AT23" s="73">
        <v>31</v>
      </c>
      <c r="AU23" s="70">
        <v>10</v>
      </c>
      <c r="AV23" s="71">
        <v>17</v>
      </c>
      <c r="AW23" s="72">
        <v>27</v>
      </c>
      <c r="AX23" s="244"/>
      <c r="AY23" s="71">
        <v>17</v>
      </c>
      <c r="AZ23" s="71">
        <v>20</v>
      </c>
      <c r="BA23" s="71">
        <v>6</v>
      </c>
      <c r="BB23" s="71">
        <v>7</v>
      </c>
      <c r="BC23" s="71">
        <v>6</v>
      </c>
      <c r="BD23" s="72">
        <v>56</v>
      </c>
      <c r="BE23" s="73">
        <v>83</v>
      </c>
      <c r="BF23" s="70">
        <v>6</v>
      </c>
      <c r="BG23" s="71">
        <v>16</v>
      </c>
      <c r="BH23" s="72">
        <v>22</v>
      </c>
      <c r="BI23" s="244"/>
      <c r="BJ23" s="71">
        <v>12</v>
      </c>
      <c r="BK23" s="71">
        <v>15</v>
      </c>
      <c r="BL23" s="71">
        <v>6</v>
      </c>
      <c r="BM23" s="71">
        <v>5</v>
      </c>
      <c r="BN23" s="71">
        <v>5</v>
      </c>
      <c r="BO23" s="72">
        <v>43</v>
      </c>
      <c r="BP23" s="73">
        <v>65</v>
      </c>
      <c r="BQ23" s="70">
        <v>8</v>
      </c>
      <c r="BR23" s="71">
        <v>9</v>
      </c>
      <c r="BS23" s="72">
        <v>17</v>
      </c>
      <c r="BT23" s="244"/>
      <c r="BU23" s="71">
        <v>8</v>
      </c>
      <c r="BV23" s="71">
        <v>8</v>
      </c>
      <c r="BW23" s="71">
        <v>4</v>
      </c>
      <c r="BX23" s="71">
        <v>7</v>
      </c>
      <c r="BY23" s="71">
        <v>3</v>
      </c>
      <c r="BZ23" s="72">
        <v>30</v>
      </c>
      <c r="CA23" s="73">
        <v>47</v>
      </c>
      <c r="CB23" s="70">
        <v>0</v>
      </c>
      <c r="CC23" s="71">
        <v>0</v>
      </c>
      <c r="CD23" s="72">
        <v>0</v>
      </c>
      <c r="CE23" s="244"/>
      <c r="CF23" s="71">
        <v>0</v>
      </c>
      <c r="CG23" s="71">
        <v>0</v>
      </c>
      <c r="CH23" s="71">
        <v>0</v>
      </c>
      <c r="CI23" s="71">
        <v>0</v>
      </c>
      <c r="CJ23" s="71">
        <v>0</v>
      </c>
      <c r="CK23" s="72">
        <v>0</v>
      </c>
      <c r="CL23" s="73">
        <v>0</v>
      </c>
      <c r="CM23" s="70">
        <v>34</v>
      </c>
      <c r="CN23" s="71">
        <v>53</v>
      </c>
      <c r="CO23" s="72">
        <v>87</v>
      </c>
      <c r="CP23" s="244"/>
      <c r="CQ23" s="71">
        <v>50</v>
      </c>
      <c r="CR23" s="71">
        <v>56</v>
      </c>
      <c r="CS23" s="71">
        <v>25</v>
      </c>
      <c r="CT23" s="71">
        <v>25</v>
      </c>
      <c r="CU23" s="71">
        <v>22</v>
      </c>
      <c r="CV23" s="72">
        <v>178</v>
      </c>
      <c r="CW23" s="73">
        <v>265</v>
      </c>
      <c r="CX23" s="123">
        <v>12</v>
      </c>
      <c r="CY23" s="82">
        <v>20</v>
      </c>
      <c r="CZ23" s="83">
        <v>32</v>
      </c>
      <c r="DA23" s="241"/>
      <c r="DB23" s="82">
        <v>18</v>
      </c>
      <c r="DC23" s="82">
        <v>21</v>
      </c>
      <c r="DD23" s="82">
        <v>11</v>
      </c>
      <c r="DE23" s="82">
        <v>13</v>
      </c>
      <c r="DF23" s="82">
        <v>6</v>
      </c>
      <c r="DG23" s="84">
        <v>69</v>
      </c>
      <c r="DH23" s="85">
        <v>101</v>
      </c>
      <c r="DI23" s="70">
        <v>1</v>
      </c>
      <c r="DJ23" s="71">
        <v>0</v>
      </c>
      <c r="DK23" s="72">
        <v>1</v>
      </c>
      <c r="DL23" s="244"/>
      <c r="DM23" s="71">
        <v>0</v>
      </c>
      <c r="DN23" s="71">
        <v>0</v>
      </c>
      <c r="DO23" s="71">
        <v>0</v>
      </c>
      <c r="DP23" s="71">
        <v>0</v>
      </c>
      <c r="DQ23" s="71">
        <v>0</v>
      </c>
      <c r="DR23" s="72">
        <v>0</v>
      </c>
      <c r="DS23" s="73">
        <v>1</v>
      </c>
      <c r="DT23" s="70">
        <v>1</v>
      </c>
      <c r="DU23" s="71">
        <v>2</v>
      </c>
      <c r="DV23" s="72">
        <v>3</v>
      </c>
      <c r="DW23" s="244"/>
      <c r="DX23" s="71">
        <v>0</v>
      </c>
      <c r="DY23" s="71">
        <v>1</v>
      </c>
      <c r="DZ23" s="71">
        <v>0</v>
      </c>
      <c r="EA23" s="71">
        <v>0</v>
      </c>
      <c r="EB23" s="71">
        <v>1</v>
      </c>
      <c r="EC23" s="72">
        <v>2</v>
      </c>
      <c r="ED23" s="73">
        <v>5</v>
      </c>
      <c r="EE23" s="70">
        <v>2</v>
      </c>
      <c r="EF23" s="71">
        <v>2</v>
      </c>
      <c r="EG23" s="72">
        <v>4</v>
      </c>
      <c r="EH23" s="244"/>
      <c r="EI23" s="71">
        <v>1</v>
      </c>
      <c r="EJ23" s="71">
        <v>1</v>
      </c>
      <c r="EK23" s="71">
        <v>3</v>
      </c>
      <c r="EL23" s="71">
        <v>0</v>
      </c>
      <c r="EM23" s="71">
        <v>2</v>
      </c>
      <c r="EN23" s="72">
        <v>7</v>
      </c>
      <c r="EO23" s="73">
        <v>11</v>
      </c>
      <c r="EP23" s="70">
        <v>4</v>
      </c>
      <c r="EQ23" s="71">
        <v>5</v>
      </c>
      <c r="ER23" s="72">
        <v>9</v>
      </c>
      <c r="ES23" s="244"/>
      <c r="ET23" s="71">
        <v>3</v>
      </c>
      <c r="EU23" s="71">
        <v>5</v>
      </c>
      <c r="EV23" s="71">
        <v>1</v>
      </c>
      <c r="EW23" s="71">
        <v>2</v>
      </c>
      <c r="EX23" s="71">
        <v>0</v>
      </c>
      <c r="EY23" s="72">
        <v>11</v>
      </c>
      <c r="EZ23" s="73">
        <v>20</v>
      </c>
      <c r="FA23" s="70">
        <v>3</v>
      </c>
      <c r="FB23" s="71">
        <v>2</v>
      </c>
      <c r="FC23" s="72">
        <v>5</v>
      </c>
      <c r="FD23" s="244"/>
      <c r="FE23" s="71">
        <v>10</v>
      </c>
      <c r="FF23" s="71">
        <v>6</v>
      </c>
      <c r="FG23" s="71">
        <v>2</v>
      </c>
      <c r="FH23" s="71">
        <v>3</v>
      </c>
      <c r="FI23" s="71">
        <v>1</v>
      </c>
      <c r="FJ23" s="72">
        <v>22</v>
      </c>
      <c r="FK23" s="73">
        <v>27</v>
      </c>
      <c r="FL23" s="70">
        <v>1</v>
      </c>
      <c r="FM23" s="71">
        <v>9</v>
      </c>
      <c r="FN23" s="72">
        <v>10</v>
      </c>
      <c r="FO23" s="244"/>
      <c r="FP23" s="71">
        <v>4</v>
      </c>
      <c r="FQ23" s="71">
        <v>8</v>
      </c>
      <c r="FR23" s="71">
        <v>5</v>
      </c>
      <c r="FS23" s="71">
        <v>8</v>
      </c>
      <c r="FT23" s="71">
        <v>2</v>
      </c>
      <c r="FU23" s="72">
        <v>27</v>
      </c>
      <c r="FV23" s="73">
        <v>37</v>
      </c>
      <c r="FW23" s="70">
        <v>0</v>
      </c>
      <c r="FX23" s="71">
        <v>0</v>
      </c>
      <c r="FY23" s="72">
        <v>0</v>
      </c>
      <c r="FZ23" s="244"/>
      <c r="GA23" s="71">
        <v>0</v>
      </c>
      <c r="GB23" s="71">
        <v>0</v>
      </c>
      <c r="GC23" s="71">
        <v>0</v>
      </c>
      <c r="GD23" s="71">
        <v>0</v>
      </c>
      <c r="GE23" s="71">
        <v>0</v>
      </c>
      <c r="GF23" s="72">
        <v>0</v>
      </c>
      <c r="GG23" s="73">
        <v>0</v>
      </c>
      <c r="GH23" s="70">
        <v>12</v>
      </c>
      <c r="GI23" s="71">
        <v>20</v>
      </c>
      <c r="GJ23" s="72">
        <v>32</v>
      </c>
      <c r="GK23" s="244"/>
      <c r="GL23" s="71">
        <v>18</v>
      </c>
      <c r="GM23" s="71">
        <v>21</v>
      </c>
      <c r="GN23" s="71">
        <v>11</v>
      </c>
      <c r="GO23" s="71">
        <v>13</v>
      </c>
      <c r="GP23" s="71">
        <v>6</v>
      </c>
      <c r="GQ23" s="72">
        <v>69</v>
      </c>
      <c r="GR23" s="73">
        <v>101</v>
      </c>
      <c r="GS23" s="123">
        <v>46</v>
      </c>
      <c r="GT23" s="82">
        <v>73</v>
      </c>
      <c r="GU23" s="83">
        <v>119</v>
      </c>
      <c r="GV23" s="241"/>
      <c r="GW23" s="82">
        <v>68</v>
      </c>
      <c r="GX23" s="82">
        <v>77</v>
      </c>
      <c r="GY23" s="82">
        <v>36</v>
      </c>
      <c r="GZ23" s="82">
        <v>38</v>
      </c>
      <c r="HA23" s="82">
        <v>28</v>
      </c>
      <c r="HB23" s="84">
        <v>247</v>
      </c>
      <c r="HC23" s="85">
        <v>366</v>
      </c>
      <c r="HD23" s="70">
        <v>2</v>
      </c>
      <c r="HE23" s="71">
        <v>1</v>
      </c>
      <c r="HF23" s="72">
        <v>3</v>
      </c>
      <c r="HG23" s="244"/>
      <c r="HH23" s="71">
        <v>2</v>
      </c>
      <c r="HI23" s="71">
        <v>0</v>
      </c>
      <c r="HJ23" s="71">
        <v>1</v>
      </c>
      <c r="HK23" s="71">
        <v>1</v>
      </c>
      <c r="HL23" s="71">
        <v>1</v>
      </c>
      <c r="HM23" s="72">
        <v>5</v>
      </c>
      <c r="HN23" s="73">
        <v>8</v>
      </c>
      <c r="HO23" s="70">
        <v>6</v>
      </c>
      <c r="HP23" s="71">
        <v>5</v>
      </c>
      <c r="HQ23" s="72">
        <v>11</v>
      </c>
      <c r="HR23" s="244"/>
      <c r="HS23" s="71">
        <v>7</v>
      </c>
      <c r="HT23" s="71">
        <v>9</v>
      </c>
      <c r="HU23" s="71">
        <v>4</v>
      </c>
      <c r="HV23" s="71">
        <v>2</v>
      </c>
      <c r="HW23" s="71">
        <v>4</v>
      </c>
      <c r="HX23" s="72">
        <v>26</v>
      </c>
      <c r="HY23" s="73">
        <v>37</v>
      </c>
      <c r="HZ23" s="70">
        <v>6</v>
      </c>
      <c r="IA23" s="71">
        <v>9</v>
      </c>
      <c r="IB23" s="72">
        <v>15</v>
      </c>
      <c r="IC23" s="244"/>
      <c r="ID23" s="71">
        <v>5</v>
      </c>
      <c r="IE23" s="71">
        <v>6</v>
      </c>
      <c r="IF23" s="71">
        <v>7</v>
      </c>
      <c r="IG23" s="71">
        <v>3</v>
      </c>
      <c r="IH23" s="71">
        <v>6</v>
      </c>
      <c r="II23" s="72">
        <v>27</v>
      </c>
      <c r="IJ23" s="73">
        <v>42</v>
      </c>
      <c r="IK23" s="70">
        <v>14</v>
      </c>
      <c r="IL23" s="71">
        <v>22</v>
      </c>
      <c r="IM23" s="72">
        <v>36</v>
      </c>
      <c r="IN23" s="244"/>
      <c r="IO23" s="71">
        <v>20</v>
      </c>
      <c r="IP23" s="71">
        <v>25</v>
      </c>
      <c r="IQ23" s="71">
        <v>7</v>
      </c>
      <c r="IR23" s="71">
        <v>9</v>
      </c>
      <c r="IS23" s="71">
        <v>6</v>
      </c>
      <c r="IT23" s="72">
        <v>67</v>
      </c>
      <c r="IU23" s="73">
        <v>103</v>
      </c>
      <c r="IV23" s="70">
        <v>9</v>
      </c>
      <c r="IW23" s="71">
        <v>18</v>
      </c>
      <c r="IX23" s="72">
        <v>27</v>
      </c>
      <c r="IY23" s="244"/>
      <c r="IZ23" s="71">
        <v>22</v>
      </c>
      <c r="JA23" s="71">
        <v>21</v>
      </c>
      <c r="JB23" s="71">
        <v>8</v>
      </c>
      <c r="JC23" s="71">
        <v>8</v>
      </c>
      <c r="JD23" s="71">
        <v>6</v>
      </c>
      <c r="JE23" s="72">
        <v>65</v>
      </c>
      <c r="JF23" s="73">
        <v>92</v>
      </c>
      <c r="JG23" s="70">
        <v>9</v>
      </c>
      <c r="JH23" s="71">
        <v>18</v>
      </c>
      <c r="JI23" s="72">
        <v>27</v>
      </c>
      <c r="JJ23" s="244"/>
      <c r="JK23" s="71">
        <v>12</v>
      </c>
      <c r="JL23" s="71">
        <v>16</v>
      </c>
      <c r="JM23" s="71">
        <v>9</v>
      </c>
      <c r="JN23" s="71">
        <v>15</v>
      </c>
      <c r="JO23" s="71">
        <v>5</v>
      </c>
      <c r="JP23" s="72">
        <v>57</v>
      </c>
      <c r="JQ23" s="73">
        <v>84</v>
      </c>
      <c r="JR23" s="70">
        <v>0</v>
      </c>
      <c r="JS23" s="71">
        <v>0</v>
      </c>
      <c r="JT23" s="72">
        <v>0</v>
      </c>
      <c r="JU23" s="244"/>
      <c r="JV23" s="71">
        <v>0</v>
      </c>
      <c r="JW23" s="71">
        <v>0</v>
      </c>
      <c r="JX23" s="71">
        <v>0</v>
      </c>
      <c r="JY23" s="71">
        <v>0</v>
      </c>
      <c r="JZ23" s="71">
        <v>0</v>
      </c>
      <c r="KA23" s="72">
        <v>0</v>
      </c>
      <c r="KB23" s="73">
        <v>0</v>
      </c>
      <c r="KC23" s="70">
        <v>46</v>
      </c>
      <c r="KD23" s="71">
        <v>73</v>
      </c>
      <c r="KE23" s="72">
        <v>119</v>
      </c>
      <c r="KF23" s="244"/>
      <c r="KG23" s="71">
        <v>68</v>
      </c>
      <c r="KH23" s="71">
        <v>77</v>
      </c>
      <c r="KI23" s="71">
        <v>36</v>
      </c>
      <c r="KJ23" s="71">
        <v>38</v>
      </c>
      <c r="KK23" s="71">
        <v>28</v>
      </c>
      <c r="KL23" s="72">
        <v>247</v>
      </c>
      <c r="KM23" s="73">
        <v>366</v>
      </c>
    </row>
    <row r="24" spans="2:299" ht="21" customHeight="1" x14ac:dyDescent="0.2">
      <c r="B24" s="126" t="s">
        <v>21</v>
      </c>
      <c r="C24" s="313">
        <v>27</v>
      </c>
      <c r="D24" s="82">
        <v>28</v>
      </c>
      <c r="E24" s="83">
        <v>55</v>
      </c>
      <c r="F24" s="241"/>
      <c r="G24" s="82">
        <v>55</v>
      </c>
      <c r="H24" s="82">
        <v>42</v>
      </c>
      <c r="I24" s="82">
        <v>26</v>
      </c>
      <c r="J24" s="82">
        <v>23</v>
      </c>
      <c r="K24" s="82">
        <v>18</v>
      </c>
      <c r="L24" s="84">
        <v>164</v>
      </c>
      <c r="M24" s="85">
        <v>219</v>
      </c>
      <c r="N24" s="70">
        <v>1</v>
      </c>
      <c r="O24" s="71">
        <v>2</v>
      </c>
      <c r="P24" s="72">
        <v>3</v>
      </c>
      <c r="Q24" s="244"/>
      <c r="R24" s="71">
        <v>2</v>
      </c>
      <c r="S24" s="71">
        <v>0</v>
      </c>
      <c r="T24" s="71">
        <v>0</v>
      </c>
      <c r="U24" s="71">
        <v>2</v>
      </c>
      <c r="V24" s="71">
        <v>3</v>
      </c>
      <c r="W24" s="72">
        <v>7</v>
      </c>
      <c r="X24" s="73">
        <v>10</v>
      </c>
      <c r="Y24" s="70">
        <v>4</v>
      </c>
      <c r="Z24" s="71">
        <v>1</v>
      </c>
      <c r="AA24" s="72">
        <v>5</v>
      </c>
      <c r="AB24" s="244"/>
      <c r="AC24" s="71">
        <v>5</v>
      </c>
      <c r="AD24" s="71">
        <v>5</v>
      </c>
      <c r="AE24" s="71">
        <v>3</v>
      </c>
      <c r="AF24" s="71">
        <v>2</v>
      </c>
      <c r="AG24" s="71">
        <v>2</v>
      </c>
      <c r="AH24" s="72">
        <v>17</v>
      </c>
      <c r="AI24" s="73">
        <v>22</v>
      </c>
      <c r="AJ24" s="70">
        <v>1</v>
      </c>
      <c r="AK24" s="71">
        <v>5</v>
      </c>
      <c r="AL24" s="72">
        <v>6</v>
      </c>
      <c r="AM24" s="244"/>
      <c r="AN24" s="71">
        <v>7</v>
      </c>
      <c r="AO24" s="71">
        <v>6</v>
      </c>
      <c r="AP24" s="71">
        <v>4</v>
      </c>
      <c r="AQ24" s="71">
        <v>2</v>
      </c>
      <c r="AR24" s="71">
        <v>2</v>
      </c>
      <c r="AS24" s="72">
        <v>21</v>
      </c>
      <c r="AT24" s="73">
        <v>27</v>
      </c>
      <c r="AU24" s="70">
        <v>4</v>
      </c>
      <c r="AV24" s="71">
        <v>8</v>
      </c>
      <c r="AW24" s="72">
        <v>12</v>
      </c>
      <c r="AX24" s="244"/>
      <c r="AY24" s="71">
        <v>12</v>
      </c>
      <c r="AZ24" s="71">
        <v>9</v>
      </c>
      <c r="BA24" s="71">
        <v>3</v>
      </c>
      <c r="BB24" s="71">
        <v>7</v>
      </c>
      <c r="BC24" s="71">
        <v>2</v>
      </c>
      <c r="BD24" s="72">
        <v>33</v>
      </c>
      <c r="BE24" s="73">
        <v>45</v>
      </c>
      <c r="BF24" s="70">
        <v>11</v>
      </c>
      <c r="BG24" s="71">
        <v>6</v>
      </c>
      <c r="BH24" s="72">
        <v>17</v>
      </c>
      <c r="BI24" s="244"/>
      <c r="BJ24" s="71">
        <v>20</v>
      </c>
      <c r="BK24" s="71">
        <v>15</v>
      </c>
      <c r="BL24" s="71">
        <v>7</v>
      </c>
      <c r="BM24" s="71">
        <v>6</v>
      </c>
      <c r="BN24" s="71">
        <v>3</v>
      </c>
      <c r="BO24" s="72">
        <v>51</v>
      </c>
      <c r="BP24" s="73">
        <v>68</v>
      </c>
      <c r="BQ24" s="70">
        <v>6</v>
      </c>
      <c r="BR24" s="71">
        <v>6</v>
      </c>
      <c r="BS24" s="72">
        <v>12</v>
      </c>
      <c r="BT24" s="244"/>
      <c r="BU24" s="71">
        <v>9</v>
      </c>
      <c r="BV24" s="71">
        <v>7</v>
      </c>
      <c r="BW24" s="71">
        <v>9</v>
      </c>
      <c r="BX24" s="71">
        <v>4</v>
      </c>
      <c r="BY24" s="71">
        <v>6</v>
      </c>
      <c r="BZ24" s="72">
        <v>35</v>
      </c>
      <c r="CA24" s="73">
        <v>47</v>
      </c>
      <c r="CB24" s="70">
        <v>0</v>
      </c>
      <c r="CC24" s="71">
        <v>0</v>
      </c>
      <c r="CD24" s="72">
        <v>0</v>
      </c>
      <c r="CE24" s="244"/>
      <c r="CF24" s="71">
        <v>0</v>
      </c>
      <c r="CG24" s="71">
        <v>0</v>
      </c>
      <c r="CH24" s="71">
        <v>0</v>
      </c>
      <c r="CI24" s="71">
        <v>0</v>
      </c>
      <c r="CJ24" s="71">
        <v>0</v>
      </c>
      <c r="CK24" s="72">
        <v>0</v>
      </c>
      <c r="CL24" s="73">
        <v>0</v>
      </c>
      <c r="CM24" s="70">
        <v>27</v>
      </c>
      <c r="CN24" s="71">
        <v>28</v>
      </c>
      <c r="CO24" s="72">
        <v>55</v>
      </c>
      <c r="CP24" s="244"/>
      <c r="CQ24" s="71">
        <v>55</v>
      </c>
      <c r="CR24" s="71">
        <v>42</v>
      </c>
      <c r="CS24" s="71">
        <v>26</v>
      </c>
      <c r="CT24" s="71">
        <v>23</v>
      </c>
      <c r="CU24" s="71">
        <v>18</v>
      </c>
      <c r="CV24" s="72">
        <v>164</v>
      </c>
      <c r="CW24" s="73">
        <v>219</v>
      </c>
      <c r="CX24" s="123">
        <v>13</v>
      </c>
      <c r="CY24" s="82">
        <v>15</v>
      </c>
      <c r="CZ24" s="83">
        <v>28</v>
      </c>
      <c r="DA24" s="241"/>
      <c r="DB24" s="82">
        <v>15</v>
      </c>
      <c r="DC24" s="82">
        <v>16</v>
      </c>
      <c r="DD24" s="82">
        <v>10</v>
      </c>
      <c r="DE24" s="82">
        <v>6</v>
      </c>
      <c r="DF24" s="82">
        <v>7</v>
      </c>
      <c r="DG24" s="84">
        <v>54</v>
      </c>
      <c r="DH24" s="85">
        <v>82</v>
      </c>
      <c r="DI24" s="70">
        <v>0</v>
      </c>
      <c r="DJ24" s="71">
        <v>1</v>
      </c>
      <c r="DK24" s="72">
        <v>1</v>
      </c>
      <c r="DL24" s="244"/>
      <c r="DM24" s="71">
        <v>0</v>
      </c>
      <c r="DN24" s="71">
        <v>0</v>
      </c>
      <c r="DO24" s="71">
        <v>0</v>
      </c>
      <c r="DP24" s="71">
        <v>0</v>
      </c>
      <c r="DQ24" s="71">
        <v>0</v>
      </c>
      <c r="DR24" s="72">
        <v>0</v>
      </c>
      <c r="DS24" s="73">
        <v>1</v>
      </c>
      <c r="DT24" s="70">
        <v>2</v>
      </c>
      <c r="DU24" s="71">
        <v>0</v>
      </c>
      <c r="DV24" s="72">
        <v>2</v>
      </c>
      <c r="DW24" s="244"/>
      <c r="DX24" s="71">
        <v>1</v>
      </c>
      <c r="DY24" s="71">
        <v>2</v>
      </c>
      <c r="DZ24" s="71">
        <v>1</v>
      </c>
      <c r="EA24" s="71">
        <v>0</v>
      </c>
      <c r="EB24" s="71">
        <v>2</v>
      </c>
      <c r="EC24" s="72">
        <v>6</v>
      </c>
      <c r="ED24" s="73">
        <v>8</v>
      </c>
      <c r="EE24" s="70">
        <v>1</v>
      </c>
      <c r="EF24" s="71">
        <v>2</v>
      </c>
      <c r="EG24" s="72">
        <v>3</v>
      </c>
      <c r="EH24" s="244"/>
      <c r="EI24" s="71">
        <v>1</v>
      </c>
      <c r="EJ24" s="71">
        <v>3</v>
      </c>
      <c r="EK24" s="71">
        <v>1</v>
      </c>
      <c r="EL24" s="71">
        <v>0</v>
      </c>
      <c r="EM24" s="71">
        <v>0</v>
      </c>
      <c r="EN24" s="72">
        <v>5</v>
      </c>
      <c r="EO24" s="73">
        <v>8</v>
      </c>
      <c r="EP24" s="70">
        <v>7</v>
      </c>
      <c r="EQ24" s="71">
        <v>8</v>
      </c>
      <c r="ER24" s="72">
        <v>15</v>
      </c>
      <c r="ES24" s="244"/>
      <c r="ET24" s="71">
        <v>5</v>
      </c>
      <c r="EU24" s="71">
        <v>1</v>
      </c>
      <c r="EV24" s="71">
        <v>0</v>
      </c>
      <c r="EW24" s="71">
        <v>1</v>
      </c>
      <c r="EX24" s="71">
        <v>0</v>
      </c>
      <c r="EY24" s="72">
        <v>7</v>
      </c>
      <c r="EZ24" s="73">
        <v>22</v>
      </c>
      <c r="FA24" s="70">
        <v>1</v>
      </c>
      <c r="FB24" s="71">
        <v>4</v>
      </c>
      <c r="FC24" s="72">
        <v>5</v>
      </c>
      <c r="FD24" s="244"/>
      <c r="FE24" s="71">
        <v>1</v>
      </c>
      <c r="FF24" s="71">
        <v>3</v>
      </c>
      <c r="FG24" s="71">
        <v>3</v>
      </c>
      <c r="FH24" s="71">
        <v>2</v>
      </c>
      <c r="FI24" s="71">
        <v>1</v>
      </c>
      <c r="FJ24" s="72">
        <v>10</v>
      </c>
      <c r="FK24" s="73">
        <v>15</v>
      </c>
      <c r="FL24" s="70">
        <v>2</v>
      </c>
      <c r="FM24" s="71">
        <v>0</v>
      </c>
      <c r="FN24" s="72">
        <v>2</v>
      </c>
      <c r="FO24" s="244"/>
      <c r="FP24" s="71">
        <v>7</v>
      </c>
      <c r="FQ24" s="71">
        <v>7</v>
      </c>
      <c r="FR24" s="71">
        <v>5</v>
      </c>
      <c r="FS24" s="71">
        <v>3</v>
      </c>
      <c r="FT24" s="71">
        <v>4</v>
      </c>
      <c r="FU24" s="72">
        <v>26</v>
      </c>
      <c r="FV24" s="73">
        <v>28</v>
      </c>
      <c r="FW24" s="70">
        <v>0</v>
      </c>
      <c r="FX24" s="71">
        <v>0</v>
      </c>
      <c r="FY24" s="72">
        <v>0</v>
      </c>
      <c r="FZ24" s="244"/>
      <c r="GA24" s="71">
        <v>0</v>
      </c>
      <c r="GB24" s="71">
        <v>0</v>
      </c>
      <c r="GC24" s="71">
        <v>0</v>
      </c>
      <c r="GD24" s="71">
        <v>0</v>
      </c>
      <c r="GE24" s="71">
        <v>0</v>
      </c>
      <c r="GF24" s="72">
        <v>0</v>
      </c>
      <c r="GG24" s="73">
        <v>0</v>
      </c>
      <c r="GH24" s="70">
        <v>13</v>
      </c>
      <c r="GI24" s="71">
        <v>15</v>
      </c>
      <c r="GJ24" s="72">
        <v>28</v>
      </c>
      <c r="GK24" s="244"/>
      <c r="GL24" s="71">
        <v>15</v>
      </c>
      <c r="GM24" s="71">
        <v>16</v>
      </c>
      <c r="GN24" s="71">
        <v>10</v>
      </c>
      <c r="GO24" s="71">
        <v>6</v>
      </c>
      <c r="GP24" s="71">
        <v>7</v>
      </c>
      <c r="GQ24" s="72">
        <v>54</v>
      </c>
      <c r="GR24" s="73">
        <v>82</v>
      </c>
      <c r="GS24" s="123">
        <v>40</v>
      </c>
      <c r="GT24" s="82">
        <v>43</v>
      </c>
      <c r="GU24" s="83">
        <v>83</v>
      </c>
      <c r="GV24" s="241"/>
      <c r="GW24" s="82">
        <v>70</v>
      </c>
      <c r="GX24" s="82">
        <v>58</v>
      </c>
      <c r="GY24" s="82">
        <v>36</v>
      </c>
      <c r="GZ24" s="82">
        <v>29</v>
      </c>
      <c r="HA24" s="82">
        <v>25</v>
      </c>
      <c r="HB24" s="84">
        <v>218</v>
      </c>
      <c r="HC24" s="85">
        <v>301</v>
      </c>
      <c r="HD24" s="70">
        <v>1</v>
      </c>
      <c r="HE24" s="71">
        <v>3</v>
      </c>
      <c r="HF24" s="72">
        <v>4</v>
      </c>
      <c r="HG24" s="244"/>
      <c r="HH24" s="71">
        <v>2</v>
      </c>
      <c r="HI24" s="71">
        <v>0</v>
      </c>
      <c r="HJ24" s="71">
        <v>0</v>
      </c>
      <c r="HK24" s="71">
        <v>2</v>
      </c>
      <c r="HL24" s="71">
        <v>3</v>
      </c>
      <c r="HM24" s="72">
        <v>7</v>
      </c>
      <c r="HN24" s="73">
        <v>11</v>
      </c>
      <c r="HO24" s="70">
        <v>6</v>
      </c>
      <c r="HP24" s="71">
        <v>1</v>
      </c>
      <c r="HQ24" s="72">
        <v>7</v>
      </c>
      <c r="HR24" s="244"/>
      <c r="HS24" s="71">
        <v>6</v>
      </c>
      <c r="HT24" s="71">
        <v>7</v>
      </c>
      <c r="HU24" s="71">
        <v>4</v>
      </c>
      <c r="HV24" s="71">
        <v>2</v>
      </c>
      <c r="HW24" s="71">
        <v>4</v>
      </c>
      <c r="HX24" s="72">
        <v>23</v>
      </c>
      <c r="HY24" s="73">
        <v>30</v>
      </c>
      <c r="HZ24" s="70">
        <v>2</v>
      </c>
      <c r="IA24" s="71">
        <v>7</v>
      </c>
      <c r="IB24" s="72">
        <v>9</v>
      </c>
      <c r="IC24" s="244"/>
      <c r="ID24" s="71">
        <v>8</v>
      </c>
      <c r="IE24" s="71">
        <v>9</v>
      </c>
      <c r="IF24" s="71">
        <v>5</v>
      </c>
      <c r="IG24" s="71">
        <v>2</v>
      </c>
      <c r="IH24" s="71">
        <v>2</v>
      </c>
      <c r="II24" s="72">
        <v>26</v>
      </c>
      <c r="IJ24" s="73">
        <v>35</v>
      </c>
      <c r="IK24" s="70">
        <v>11</v>
      </c>
      <c r="IL24" s="71">
        <v>16</v>
      </c>
      <c r="IM24" s="72">
        <v>27</v>
      </c>
      <c r="IN24" s="244"/>
      <c r="IO24" s="71">
        <v>17</v>
      </c>
      <c r="IP24" s="71">
        <v>10</v>
      </c>
      <c r="IQ24" s="71">
        <v>3</v>
      </c>
      <c r="IR24" s="71">
        <v>8</v>
      </c>
      <c r="IS24" s="71">
        <v>2</v>
      </c>
      <c r="IT24" s="72">
        <v>40</v>
      </c>
      <c r="IU24" s="73">
        <v>67</v>
      </c>
      <c r="IV24" s="70">
        <v>12</v>
      </c>
      <c r="IW24" s="71">
        <v>10</v>
      </c>
      <c r="IX24" s="72">
        <v>22</v>
      </c>
      <c r="IY24" s="244"/>
      <c r="IZ24" s="71">
        <v>21</v>
      </c>
      <c r="JA24" s="71">
        <v>18</v>
      </c>
      <c r="JB24" s="71">
        <v>10</v>
      </c>
      <c r="JC24" s="71">
        <v>8</v>
      </c>
      <c r="JD24" s="71">
        <v>4</v>
      </c>
      <c r="JE24" s="72">
        <v>61</v>
      </c>
      <c r="JF24" s="73">
        <v>83</v>
      </c>
      <c r="JG24" s="70">
        <v>8</v>
      </c>
      <c r="JH24" s="71">
        <v>6</v>
      </c>
      <c r="JI24" s="72">
        <v>14</v>
      </c>
      <c r="JJ24" s="244"/>
      <c r="JK24" s="71">
        <v>16</v>
      </c>
      <c r="JL24" s="71">
        <v>14</v>
      </c>
      <c r="JM24" s="71">
        <v>14</v>
      </c>
      <c r="JN24" s="71">
        <v>7</v>
      </c>
      <c r="JO24" s="71">
        <v>10</v>
      </c>
      <c r="JP24" s="72">
        <v>61</v>
      </c>
      <c r="JQ24" s="73">
        <v>75</v>
      </c>
      <c r="JR24" s="70">
        <v>0</v>
      </c>
      <c r="JS24" s="71">
        <v>0</v>
      </c>
      <c r="JT24" s="72">
        <v>0</v>
      </c>
      <c r="JU24" s="244"/>
      <c r="JV24" s="71">
        <v>0</v>
      </c>
      <c r="JW24" s="71">
        <v>0</v>
      </c>
      <c r="JX24" s="71">
        <v>0</v>
      </c>
      <c r="JY24" s="71">
        <v>0</v>
      </c>
      <c r="JZ24" s="71">
        <v>0</v>
      </c>
      <c r="KA24" s="72">
        <v>0</v>
      </c>
      <c r="KB24" s="73">
        <v>0</v>
      </c>
      <c r="KC24" s="70">
        <v>40</v>
      </c>
      <c r="KD24" s="71">
        <v>43</v>
      </c>
      <c r="KE24" s="72">
        <v>83</v>
      </c>
      <c r="KF24" s="244"/>
      <c r="KG24" s="71">
        <v>70</v>
      </c>
      <c r="KH24" s="71">
        <v>58</v>
      </c>
      <c r="KI24" s="71">
        <v>36</v>
      </c>
      <c r="KJ24" s="71">
        <v>29</v>
      </c>
      <c r="KK24" s="71">
        <v>25</v>
      </c>
      <c r="KL24" s="72">
        <v>218</v>
      </c>
      <c r="KM24" s="73">
        <v>301</v>
      </c>
    </row>
    <row r="25" spans="2:299" ht="21" customHeight="1" x14ac:dyDescent="0.2">
      <c r="B25" s="126" t="s">
        <v>22</v>
      </c>
      <c r="C25" s="313">
        <v>10</v>
      </c>
      <c r="D25" s="82">
        <v>11</v>
      </c>
      <c r="E25" s="83">
        <v>21</v>
      </c>
      <c r="F25" s="241"/>
      <c r="G25" s="82">
        <v>27</v>
      </c>
      <c r="H25" s="82">
        <v>17</v>
      </c>
      <c r="I25" s="82">
        <v>12</v>
      </c>
      <c r="J25" s="82">
        <v>10</v>
      </c>
      <c r="K25" s="82">
        <v>7</v>
      </c>
      <c r="L25" s="84">
        <v>73</v>
      </c>
      <c r="M25" s="85">
        <v>94</v>
      </c>
      <c r="N25" s="70">
        <v>0</v>
      </c>
      <c r="O25" s="71">
        <v>0</v>
      </c>
      <c r="P25" s="72">
        <v>0</v>
      </c>
      <c r="Q25" s="244"/>
      <c r="R25" s="71">
        <v>0</v>
      </c>
      <c r="S25" s="71">
        <v>0</v>
      </c>
      <c r="T25" s="71">
        <v>0</v>
      </c>
      <c r="U25" s="71">
        <v>1</v>
      </c>
      <c r="V25" s="71">
        <v>0</v>
      </c>
      <c r="W25" s="72">
        <v>1</v>
      </c>
      <c r="X25" s="73">
        <v>1</v>
      </c>
      <c r="Y25" s="70">
        <v>0</v>
      </c>
      <c r="Z25" s="71">
        <v>2</v>
      </c>
      <c r="AA25" s="72">
        <v>2</v>
      </c>
      <c r="AB25" s="244"/>
      <c r="AC25" s="71">
        <v>4</v>
      </c>
      <c r="AD25" s="71">
        <v>1</v>
      </c>
      <c r="AE25" s="71">
        <v>1</v>
      </c>
      <c r="AF25" s="71">
        <v>0</v>
      </c>
      <c r="AG25" s="71">
        <v>2</v>
      </c>
      <c r="AH25" s="72">
        <v>8</v>
      </c>
      <c r="AI25" s="73">
        <v>10</v>
      </c>
      <c r="AJ25" s="70">
        <v>2</v>
      </c>
      <c r="AK25" s="71">
        <v>0</v>
      </c>
      <c r="AL25" s="72">
        <v>2</v>
      </c>
      <c r="AM25" s="244"/>
      <c r="AN25" s="71">
        <v>3</v>
      </c>
      <c r="AO25" s="71">
        <v>0</v>
      </c>
      <c r="AP25" s="71">
        <v>1</v>
      </c>
      <c r="AQ25" s="71">
        <v>0</v>
      </c>
      <c r="AR25" s="71">
        <v>1</v>
      </c>
      <c r="AS25" s="72">
        <v>5</v>
      </c>
      <c r="AT25" s="73">
        <v>7</v>
      </c>
      <c r="AU25" s="70">
        <v>4</v>
      </c>
      <c r="AV25" s="71">
        <v>5</v>
      </c>
      <c r="AW25" s="72">
        <v>9</v>
      </c>
      <c r="AX25" s="244"/>
      <c r="AY25" s="71">
        <v>5</v>
      </c>
      <c r="AZ25" s="71">
        <v>6</v>
      </c>
      <c r="BA25" s="71">
        <v>4</v>
      </c>
      <c r="BB25" s="71">
        <v>3</v>
      </c>
      <c r="BC25" s="71">
        <v>2</v>
      </c>
      <c r="BD25" s="72">
        <v>20</v>
      </c>
      <c r="BE25" s="73">
        <v>29</v>
      </c>
      <c r="BF25" s="70">
        <v>2</v>
      </c>
      <c r="BG25" s="71">
        <v>3</v>
      </c>
      <c r="BH25" s="72">
        <v>5</v>
      </c>
      <c r="BI25" s="244"/>
      <c r="BJ25" s="71">
        <v>4</v>
      </c>
      <c r="BK25" s="71">
        <v>5</v>
      </c>
      <c r="BL25" s="71">
        <v>2</v>
      </c>
      <c r="BM25" s="71">
        <v>2</v>
      </c>
      <c r="BN25" s="71">
        <v>0</v>
      </c>
      <c r="BO25" s="72">
        <v>13</v>
      </c>
      <c r="BP25" s="73">
        <v>18</v>
      </c>
      <c r="BQ25" s="70">
        <v>2</v>
      </c>
      <c r="BR25" s="71">
        <v>1</v>
      </c>
      <c r="BS25" s="72">
        <v>3</v>
      </c>
      <c r="BT25" s="244"/>
      <c r="BU25" s="71">
        <v>11</v>
      </c>
      <c r="BV25" s="71">
        <v>5</v>
      </c>
      <c r="BW25" s="71">
        <v>4</v>
      </c>
      <c r="BX25" s="71">
        <v>4</v>
      </c>
      <c r="BY25" s="71">
        <v>2</v>
      </c>
      <c r="BZ25" s="72">
        <v>26</v>
      </c>
      <c r="CA25" s="73">
        <v>29</v>
      </c>
      <c r="CB25" s="70">
        <v>0</v>
      </c>
      <c r="CC25" s="71">
        <v>0</v>
      </c>
      <c r="CD25" s="72">
        <v>0</v>
      </c>
      <c r="CE25" s="244"/>
      <c r="CF25" s="71">
        <v>0</v>
      </c>
      <c r="CG25" s="71">
        <v>0</v>
      </c>
      <c r="CH25" s="71">
        <v>0</v>
      </c>
      <c r="CI25" s="71">
        <v>0</v>
      </c>
      <c r="CJ25" s="71">
        <v>0</v>
      </c>
      <c r="CK25" s="72">
        <v>0</v>
      </c>
      <c r="CL25" s="73">
        <v>0</v>
      </c>
      <c r="CM25" s="70">
        <v>10</v>
      </c>
      <c r="CN25" s="71">
        <v>11</v>
      </c>
      <c r="CO25" s="72">
        <v>21</v>
      </c>
      <c r="CP25" s="244"/>
      <c r="CQ25" s="71">
        <v>27</v>
      </c>
      <c r="CR25" s="71">
        <v>17</v>
      </c>
      <c r="CS25" s="71">
        <v>12</v>
      </c>
      <c r="CT25" s="71">
        <v>10</v>
      </c>
      <c r="CU25" s="71">
        <v>7</v>
      </c>
      <c r="CV25" s="72">
        <v>73</v>
      </c>
      <c r="CW25" s="73">
        <v>94</v>
      </c>
      <c r="CX25" s="123">
        <v>4</v>
      </c>
      <c r="CY25" s="82">
        <v>5</v>
      </c>
      <c r="CZ25" s="83">
        <v>9</v>
      </c>
      <c r="DA25" s="241"/>
      <c r="DB25" s="82">
        <v>8</v>
      </c>
      <c r="DC25" s="82">
        <v>4</v>
      </c>
      <c r="DD25" s="82">
        <v>3</v>
      </c>
      <c r="DE25" s="82">
        <v>3</v>
      </c>
      <c r="DF25" s="82">
        <v>2</v>
      </c>
      <c r="DG25" s="84">
        <v>20</v>
      </c>
      <c r="DH25" s="85">
        <v>29</v>
      </c>
      <c r="DI25" s="70">
        <v>0</v>
      </c>
      <c r="DJ25" s="71">
        <v>0</v>
      </c>
      <c r="DK25" s="72">
        <v>0</v>
      </c>
      <c r="DL25" s="244"/>
      <c r="DM25" s="71">
        <v>0</v>
      </c>
      <c r="DN25" s="71">
        <v>0</v>
      </c>
      <c r="DO25" s="71">
        <v>0</v>
      </c>
      <c r="DP25" s="71">
        <v>0</v>
      </c>
      <c r="DQ25" s="71">
        <v>0</v>
      </c>
      <c r="DR25" s="72">
        <v>0</v>
      </c>
      <c r="DS25" s="73">
        <v>0</v>
      </c>
      <c r="DT25" s="70">
        <v>1</v>
      </c>
      <c r="DU25" s="71">
        <v>0</v>
      </c>
      <c r="DV25" s="72">
        <v>1</v>
      </c>
      <c r="DW25" s="244"/>
      <c r="DX25" s="71">
        <v>0</v>
      </c>
      <c r="DY25" s="71">
        <v>0</v>
      </c>
      <c r="DZ25" s="71">
        <v>0</v>
      </c>
      <c r="EA25" s="71">
        <v>0</v>
      </c>
      <c r="EB25" s="71">
        <v>0</v>
      </c>
      <c r="EC25" s="72">
        <v>0</v>
      </c>
      <c r="ED25" s="73">
        <v>1</v>
      </c>
      <c r="EE25" s="70">
        <v>2</v>
      </c>
      <c r="EF25" s="71">
        <v>2</v>
      </c>
      <c r="EG25" s="72">
        <v>4</v>
      </c>
      <c r="EH25" s="244"/>
      <c r="EI25" s="71">
        <v>1</v>
      </c>
      <c r="EJ25" s="71">
        <v>1</v>
      </c>
      <c r="EK25" s="71">
        <v>0</v>
      </c>
      <c r="EL25" s="71">
        <v>0</v>
      </c>
      <c r="EM25" s="71">
        <v>0</v>
      </c>
      <c r="EN25" s="72">
        <v>2</v>
      </c>
      <c r="EO25" s="73">
        <v>6</v>
      </c>
      <c r="EP25" s="70">
        <v>1</v>
      </c>
      <c r="EQ25" s="71">
        <v>2</v>
      </c>
      <c r="ER25" s="72">
        <v>3</v>
      </c>
      <c r="ES25" s="244"/>
      <c r="ET25" s="71">
        <v>4</v>
      </c>
      <c r="EU25" s="71">
        <v>0</v>
      </c>
      <c r="EV25" s="71">
        <v>1</v>
      </c>
      <c r="EW25" s="71">
        <v>1</v>
      </c>
      <c r="EX25" s="71">
        <v>0</v>
      </c>
      <c r="EY25" s="72">
        <v>6</v>
      </c>
      <c r="EZ25" s="73">
        <v>9</v>
      </c>
      <c r="FA25" s="70">
        <v>0</v>
      </c>
      <c r="FB25" s="71">
        <v>0</v>
      </c>
      <c r="FC25" s="72">
        <v>0</v>
      </c>
      <c r="FD25" s="244"/>
      <c r="FE25" s="71">
        <v>1</v>
      </c>
      <c r="FF25" s="71">
        <v>1</v>
      </c>
      <c r="FG25" s="71">
        <v>2</v>
      </c>
      <c r="FH25" s="71">
        <v>0</v>
      </c>
      <c r="FI25" s="71">
        <v>0</v>
      </c>
      <c r="FJ25" s="72">
        <v>4</v>
      </c>
      <c r="FK25" s="73">
        <v>4</v>
      </c>
      <c r="FL25" s="70">
        <v>0</v>
      </c>
      <c r="FM25" s="71">
        <v>1</v>
      </c>
      <c r="FN25" s="72">
        <v>1</v>
      </c>
      <c r="FO25" s="244"/>
      <c r="FP25" s="71">
        <v>2</v>
      </c>
      <c r="FQ25" s="71">
        <v>2</v>
      </c>
      <c r="FR25" s="71">
        <v>0</v>
      </c>
      <c r="FS25" s="71">
        <v>2</v>
      </c>
      <c r="FT25" s="71">
        <v>2</v>
      </c>
      <c r="FU25" s="72">
        <v>8</v>
      </c>
      <c r="FV25" s="73">
        <v>9</v>
      </c>
      <c r="FW25" s="70">
        <v>0</v>
      </c>
      <c r="FX25" s="71">
        <v>0</v>
      </c>
      <c r="FY25" s="72">
        <v>0</v>
      </c>
      <c r="FZ25" s="244"/>
      <c r="GA25" s="71">
        <v>0</v>
      </c>
      <c r="GB25" s="71">
        <v>0</v>
      </c>
      <c r="GC25" s="71">
        <v>0</v>
      </c>
      <c r="GD25" s="71">
        <v>0</v>
      </c>
      <c r="GE25" s="71">
        <v>0</v>
      </c>
      <c r="GF25" s="72">
        <v>0</v>
      </c>
      <c r="GG25" s="73">
        <v>0</v>
      </c>
      <c r="GH25" s="70">
        <v>4</v>
      </c>
      <c r="GI25" s="71">
        <v>5</v>
      </c>
      <c r="GJ25" s="72">
        <v>9</v>
      </c>
      <c r="GK25" s="244"/>
      <c r="GL25" s="71">
        <v>8</v>
      </c>
      <c r="GM25" s="71">
        <v>4</v>
      </c>
      <c r="GN25" s="71">
        <v>3</v>
      </c>
      <c r="GO25" s="71">
        <v>3</v>
      </c>
      <c r="GP25" s="71">
        <v>2</v>
      </c>
      <c r="GQ25" s="72">
        <v>20</v>
      </c>
      <c r="GR25" s="73">
        <v>29</v>
      </c>
      <c r="GS25" s="123">
        <v>14</v>
      </c>
      <c r="GT25" s="82">
        <v>16</v>
      </c>
      <c r="GU25" s="83">
        <v>30</v>
      </c>
      <c r="GV25" s="241"/>
      <c r="GW25" s="82">
        <v>35</v>
      </c>
      <c r="GX25" s="82">
        <v>21</v>
      </c>
      <c r="GY25" s="82">
        <v>15</v>
      </c>
      <c r="GZ25" s="82">
        <v>13</v>
      </c>
      <c r="HA25" s="82">
        <v>9</v>
      </c>
      <c r="HB25" s="84">
        <v>93</v>
      </c>
      <c r="HC25" s="85">
        <v>123</v>
      </c>
      <c r="HD25" s="70">
        <v>0</v>
      </c>
      <c r="HE25" s="71">
        <v>0</v>
      </c>
      <c r="HF25" s="72">
        <v>0</v>
      </c>
      <c r="HG25" s="244"/>
      <c r="HH25" s="71">
        <v>0</v>
      </c>
      <c r="HI25" s="71">
        <v>0</v>
      </c>
      <c r="HJ25" s="71">
        <v>0</v>
      </c>
      <c r="HK25" s="71">
        <v>1</v>
      </c>
      <c r="HL25" s="71">
        <v>0</v>
      </c>
      <c r="HM25" s="72">
        <v>1</v>
      </c>
      <c r="HN25" s="73">
        <v>1</v>
      </c>
      <c r="HO25" s="70">
        <v>1</v>
      </c>
      <c r="HP25" s="71">
        <v>2</v>
      </c>
      <c r="HQ25" s="72">
        <v>3</v>
      </c>
      <c r="HR25" s="244"/>
      <c r="HS25" s="71">
        <v>4</v>
      </c>
      <c r="HT25" s="71">
        <v>1</v>
      </c>
      <c r="HU25" s="71">
        <v>1</v>
      </c>
      <c r="HV25" s="71">
        <v>0</v>
      </c>
      <c r="HW25" s="71">
        <v>2</v>
      </c>
      <c r="HX25" s="72">
        <v>8</v>
      </c>
      <c r="HY25" s="73">
        <v>11</v>
      </c>
      <c r="HZ25" s="70">
        <v>4</v>
      </c>
      <c r="IA25" s="71">
        <v>2</v>
      </c>
      <c r="IB25" s="72">
        <v>6</v>
      </c>
      <c r="IC25" s="244"/>
      <c r="ID25" s="71">
        <v>4</v>
      </c>
      <c r="IE25" s="71">
        <v>1</v>
      </c>
      <c r="IF25" s="71">
        <v>1</v>
      </c>
      <c r="IG25" s="71">
        <v>0</v>
      </c>
      <c r="IH25" s="71">
        <v>1</v>
      </c>
      <c r="II25" s="72">
        <v>7</v>
      </c>
      <c r="IJ25" s="73">
        <v>13</v>
      </c>
      <c r="IK25" s="70">
        <v>5</v>
      </c>
      <c r="IL25" s="71">
        <v>7</v>
      </c>
      <c r="IM25" s="72">
        <v>12</v>
      </c>
      <c r="IN25" s="244"/>
      <c r="IO25" s="71">
        <v>9</v>
      </c>
      <c r="IP25" s="71">
        <v>6</v>
      </c>
      <c r="IQ25" s="71">
        <v>5</v>
      </c>
      <c r="IR25" s="71">
        <v>4</v>
      </c>
      <c r="IS25" s="71">
        <v>2</v>
      </c>
      <c r="IT25" s="72">
        <v>26</v>
      </c>
      <c r="IU25" s="73">
        <v>38</v>
      </c>
      <c r="IV25" s="70">
        <v>2</v>
      </c>
      <c r="IW25" s="71">
        <v>3</v>
      </c>
      <c r="IX25" s="72">
        <v>5</v>
      </c>
      <c r="IY25" s="244"/>
      <c r="IZ25" s="71">
        <v>5</v>
      </c>
      <c r="JA25" s="71">
        <v>6</v>
      </c>
      <c r="JB25" s="71">
        <v>4</v>
      </c>
      <c r="JC25" s="71">
        <v>2</v>
      </c>
      <c r="JD25" s="71">
        <v>0</v>
      </c>
      <c r="JE25" s="72">
        <v>17</v>
      </c>
      <c r="JF25" s="73">
        <v>22</v>
      </c>
      <c r="JG25" s="70">
        <v>2</v>
      </c>
      <c r="JH25" s="71">
        <v>2</v>
      </c>
      <c r="JI25" s="72">
        <v>4</v>
      </c>
      <c r="JJ25" s="244"/>
      <c r="JK25" s="71">
        <v>13</v>
      </c>
      <c r="JL25" s="71">
        <v>7</v>
      </c>
      <c r="JM25" s="71">
        <v>4</v>
      </c>
      <c r="JN25" s="71">
        <v>6</v>
      </c>
      <c r="JO25" s="71">
        <v>4</v>
      </c>
      <c r="JP25" s="72">
        <v>34</v>
      </c>
      <c r="JQ25" s="73">
        <v>38</v>
      </c>
      <c r="JR25" s="70">
        <v>0</v>
      </c>
      <c r="JS25" s="71">
        <v>0</v>
      </c>
      <c r="JT25" s="72">
        <v>0</v>
      </c>
      <c r="JU25" s="244"/>
      <c r="JV25" s="71">
        <v>0</v>
      </c>
      <c r="JW25" s="71">
        <v>0</v>
      </c>
      <c r="JX25" s="71">
        <v>0</v>
      </c>
      <c r="JY25" s="71">
        <v>0</v>
      </c>
      <c r="JZ25" s="71">
        <v>0</v>
      </c>
      <c r="KA25" s="72">
        <v>0</v>
      </c>
      <c r="KB25" s="73">
        <v>0</v>
      </c>
      <c r="KC25" s="70">
        <v>14</v>
      </c>
      <c r="KD25" s="71">
        <v>16</v>
      </c>
      <c r="KE25" s="72">
        <v>30</v>
      </c>
      <c r="KF25" s="244"/>
      <c r="KG25" s="71">
        <v>35</v>
      </c>
      <c r="KH25" s="71">
        <v>21</v>
      </c>
      <c r="KI25" s="71">
        <v>15</v>
      </c>
      <c r="KJ25" s="71">
        <v>13</v>
      </c>
      <c r="KK25" s="71">
        <v>9</v>
      </c>
      <c r="KL25" s="72">
        <v>93</v>
      </c>
      <c r="KM25" s="73">
        <v>123</v>
      </c>
    </row>
    <row r="26" spans="2:299" ht="21" customHeight="1" x14ac:dyDescent="0.2">
      <c r="B26" s="126" t="s">
        <v>23</v>
      </c>
      <c r="C26" s="313">
        <v>13</v>
      </c>
      <c r="D26" s="82">
        <v>17</v>
      </c>
      <c r="E26" s="83">
        <v>30</v>
      </c>
      <c r="F26" s="241"/>
      <c r="G26" s="82">
        <v>25</v>
      </c>
      <c r="H26" s="82">
        <v>23</v>
      </c>
      <c r="I26" s="82">
        <v>20</v>
      </c>
      <c r="J26" s="82">
        <v>15</v>
      </c>
      <c r="K26" s="82">
        <v>9</v>
      </c>
      <c r="L26" s="84">
        <v>92</v>
      </c>
      <c r="M26" s="85">
        <v>122</v>
      </c>
      <c r="N26" s="70">
        <v>0</v>
      </c>
      <c r="O26" s="71">
        <v>1</v>
      </c>
      <c r="P26" s="72">
        <v>1</v>
      </c>
      <c r="Q26" s="244"/>
      <c r="R26" s="71">
        <v>1</v>
      </c>
      <c r="S26" s="71">
        <v>1</v>
      </c>
      <c r="T26" s="71">
        <v>0</v>
      </c>
      <c r="U26" s="71">
        <v>0</v>
      </c>
      <c r="V26" s="71">
        <v>1</v>
      </c>
      <c r="W26" s="72">
        <v>3</v>
      </c>
      <c r="X26" s="73">
        <v>4</v>
      </c>
      <c r="Y26" s="70">
        <v>6</v>
      </c>
      <c r="Z26" s="71">
        <v>0</v>
      </c>
      <c r="AA26" s="72">
        <v>6</v>
      </c>
      <c r="AB26" s="244"/>
      <c r="AC26" s="71">
        <v>2</v>
      </c>
      <c r="AD26" s="71">
        <v>4</v>
      </c>
      <c r="AE26" s="71">
        <v>1</v>
      </c>
      <c r="AF26" s="71">
        <v>1</v>
      </c>
      <c r="AG26" s="71">
        <v>1</v>
      </c>
      <c r="AH26" s="72">
        <v>9</v>
      </c>
      <c r="AI26" s="73">
        <v>15</v>
      </c>
      <c r="AJ26" s="70">
        <v>4</v>
      </c>
      <c r="AK26" s="71">
        <v>3</v>
      </c>
      <c r="AL26" s="72">
        <v>7</v>
      </c>
      <c r="AM26" s="244"/>
      <c r="AN26" s="71">
        <v>5</v>
      </c>
      <c r="AO26" s="71">
        <v>5</v>
      </c>
      <c r="AP26" s="71">
        <v>2</v>
      </c>
      <c r="AQ26" s="71">
        <v>1</v>
      </c>
      <c r="AR26" s="71">
        <v>3</v>
      </c>
      <c r="AS26" s="72">
        <v>16</v>
      </c>
      <c r="AT26" s="73">
        <v>23</v>
      </c>
      <c r="AU26" s="70">
        <v>0</v>
      </c>
      <c r="AV26" s="71">
        <v>8</v>
      </c>
      <c r="AW26" s="72">
        <v>8</v>
      </c>
      <c r="AX26" s="244"/>
      <c r="AY26" s="71">
        <v>5</v>
      </c>
      <c r="AZ26" s="71">
        <v>3</v>
      </c>
      <c r="BA26" s="71">
        <v>9</v>
      </c>
      <c r="BB26" s="71">
        <v>5</v>
      </c>
      <c r="BC26" s="71">
        <v>2</v>
      </c>
      <c r="BD26" s="72">
        <v>24</v>
      </c>
      <c r="BE26" s="73">
        <v>32</v>
      </c>
      <c r="BF26" s="70">
        <v>2</v>
      </c>
      <c r="BG26" s="71">
        <v>3</v>
      </c>
      <c r="BH26" s="72">
        <v>5</v>
      </c>
      <c r="BI26" s="244"/>
      <c r="BJ26" s="71">
        <v>6</v>
      </c>
      <c r="BK26" s="71">
        <v>6</v>
      </c>
      <c r="BL26" s="71">
        <v>6</v>
      </c>
      <c r="BM26" s="71">
        <v>3</v>
      </c>
      <c r="BN26" s="71">
        <v>2</v>
      </c>
      <c r="BO26" s="72">
        <v>23</v>
      </c>
      <c r="BP26" s="73">
        <v>28</v>
      </c>
      <c r="BQ26" s="70">
        <v>1</v>
      </c>
      <c r="BR26" s="71">
        <v>2</v>
      </c>
      <c r="BS26" s="72">
        <v>3</v>
      </c>
      <c r="BT26" s="244"/>
      <c r="BU26" s="71">
        <v>6</v>
      </c>
      <c r="BV26" s="71">
        <v>4</v>
      </c>
      <c r="BW26" s="71">
        <v>2</v>
      </c>
      <c r="BX26" s="71">
        <v>5</v>
      </c>
      <c r="BY26" s="71">
        <v>0</v>
      </c>
      <c r="BZ26" s="72">
        <v>17</v>
      </c>
      <c r="CA26" s="73">
        <v>20</v>
      </c>
      <c r="CB26" s="70">
        <v>0</v>
      </c>
      <c r="CC26" s="71">
        <v>0</v>
      </c>
      <c r="CD26" s="72">
        <v>0</v>
      </c>
      <c r="CE26" s="244"/>
      <c r="CF26" s="71">
        <v>0</v>
      </c>
      <c r="CG26" s="71">
        <v>0</v>
      </c>
      <c r="CH26" s="71">
        <v>0</v>
      </c>
      <c r="CI26" s="71">
        <v>0</v>
      </c>
      <c r="CJ26" s="71">
        <v>0</v>
      </c>
      <c r="CK26" s="72">
        <v>0</v>
      </c>
      <c r="CL26" s="73">
        <v>0</v>
      </c>
      <c r="CM26" s="70">
        <v>13</v>
      </c>
      <c r="CN26" s="71">
        <v>17</v>
      </c>
      <c r="CO26" s="72">
        <v>30</v>
      </c>
      <c r="CP26" s="244"/>
      <c r="CQ26" s="71">
        <v>25</v>
      </c>
      <c r="CR26" s="71">
        <v>23</v>
      </c>
      <c r="CS26" s="71">
        <v>20</v>
      </c>
      <c r="CT26" s="71">
        <v>15</v>
      </c>
      <c r="CU26" s="71">
        <v>9</v>
      </c>
      <c r="CV26" s="72">
        <v>92</v>
      </c>
      <c r="CW26" s="73">
        <v>122</v>
      </c>
      <c r="CX26" s="123">
        <v>9</v>
      </c>
      <c r="CY26" s="82">
        <v>8</v>
      </c>
      <c r="CZ26" s="83">
        <v>17</v>
      </c>
      <c r="DA26" s="241"/>
      <c r="DB26" s="82">
        <v>9</v>
      </c>
      <c r="DC26" s="82">
        <v>12</v>
      </c>
      <c r="DD26" s="82">
        <v>2</v>
      </c>
      <c r="DE26" s="82">
        <v>11</v>
      </c>
      <c r="DF26" s="82">
        <v>7</v>
      </c>
      <c r="DG26" s="84">
        <v>41</v>
      </c>
      <c r="DH26" s="85">
        <v>58</v>
      </c>
      <c r="DI26" s="70">
        <v>0</v>
      </c>
      <c r="DJ26" s="71">
        <v>1</v>
      </c>
      <c r="DK26" s="72">
        <v>1</v>
      </c>
      <c r="DL26" s="244"/>
      <c r="DM26" s="71">
        <v>0</v>
      </c>
      <c r="DN26" s="71">
        <v>0</v>
      </c>
      <c r="DO26" s="71">
        <v>0</v>
      </c>
      <c r="DP26" s="71">
        <v>0</v>
      </c>
      <c r="DQ26" s="71">
        <v>0</v>
      </c>
      <c r="DR26" s="72">
        <v>0</v>
      </c>
      <c r="DS26" s="73">
        <v>1</v>
      </c>
      <c r="DT26" s="70">
        <v>0</v>
      </c>
      <c r="DU26" s="71">
        <v>0</v>
      </c>
      <c r="DV26" s="72">
        <v>0</v>
      </c>
      <c r="DW26" s="244"/>
      <c r="DX26" s="71">
        <v>1</v>
      </c>
      <c r="DY26" s="71">
        <v>2</v>
      </c>
      <c r="DZ26" s="71">
        <v>0</v>
      </c>
      <c r="EA26" s="71">
        <v>0</v>
      </c>
      <c r="EB26" s="71">
        <v>0</v>
      </c>
      <c r="EC26" s="72">
        <v>3</v>
      </c>
      <c r="ED26" s="73">
        <v>3</v>
      </c>
      <c r="EE26" s="70">
        <v>3</v>
      </c>
      <c r="EF26" s="71">
        <v>2</v>
      </c>
      <c r="EG26" s="72">
        <v>5</v>
      </c>
      <c r="EH26" s="244"/>
      <c r="EI26" s="71">
        <v>1</v>
      </c>
      <c r="EJ26" s="71">
        <v>0</v>
      </c>
      <c r="EK26" s="71">
        <v>0</v>
      </c>
      <c r="EL26" s="71">
        <v>0</v>
      </c>
      <c r="EM26" s="71">
        <v>1</v>
      </c>
      <c r="EN26" s="72">
        <v>2</v>
      </c>
      <c r="EO26" s="73">
        <v>7</v>
      </c>
      <c r="EP26" s="70">
        <v>3</v>
      </c>
      <c r="EQ26" s="71">
        <v>3</v>
      </c>
      <c r="ER26" s="72">
        <v>6</v>
      </c>
      <c r="ES26" s="244"/>
      <c r="ET26" s="71">
        <v>2</v>
      </c>
      <c r="EU26" s="71">
        <v>3</v>
      </c>
      <c r="EV26" s="71">
        <v>2</v>
      </c>
      <c r="EW26" s="71">
        <v>1</v>
      </c>
      <c r="EX26" s="71">
        <v>1</v>
      </c>
      <c r="EY26" s="72">
        <v>9</v>
      </c>
      <c r="EZ26" s="73">
        <v>15</v>
      </c>
      <c r="FA26" s="70">
        <v>2</v>
      </c>
      <c r="FB26" s="71">
        <v>2</v>
      </c>
      <c r="FC26" s="72">
        <v>4</v>
      </c>
      <c r="FD26" s="244"/>
      <c r="FE26" s="71">
        <v>1</v>
      </c>
      <c r="FF26" s="71">
        <v>4</v>
      </c>
      <c r="FG26" s="71">
        <v>0</v>
      </c>
      <c r="FH26" s="71">
        <v>2</v>
      </c>
      <c r="FI26" s="71">
        <v>0</v>
      </c>
      <c r="FJ26" s="72">
        <v>7</v>
      </c>
      <c r="FK26" s="73">
        <v>11</v>
      </c>
      <c r="FL26" s="70">
        <v>1</v>
      </c>
      <c r="FM26" s="71">
        <v>0</v>
      </c>
      <c r="FN26" s="72">
        <v>1</v>
      </c>
      <c r="FO26" s="244"/>
      <c r="FP26" s="71">
        <v>4</v>
      </c>
      <c r="FQ26" s="71">
        <v>3</v>
      </c>
      <c r="FR26" s="71">
        <v>0</v>
      </c>
      <c r="FS26" s="71">
        <v>8</v>
      </c>
      <c r="FT26" s="71">
        <v>5</v>
      </c>
      <c r="FU26" s="72">
        <v>20</v>
      </c>
      <c r="FV26" s="73">
        <v>21</v>
      </c>
      <c r="FW26" s="70">
        <v>0</v>
      </c>
      <c r="FX26" s="71">
        <v>0</v>
      </c>
      <c r="FY26" s="72">
        <v>0</v>
      </c>
      <c r="FZ26" s="244"/>
      <c r="GA26" s="71">
        <v>0</v>
      </c>
      <c r="GB26" s="71">
        <v>0</v>
      </c>
      <c r="GC26" s="71">
        <v>0</v>
      </c>
      <c r="GD26" s="71">
        <v>0</v>
      </c>
      <c r="GE26" s="71">
        <v>0</v>
      </c>
      <c r="GF26" s="72">
        <v>0</v>
      </c>
      <c r="GG26" s="73">
        <v>0</v>
      </c>
      <c r="GH26" s="70">
        <v>9</v>
      </c>
      <c r="GI26" s="71">
        <v>8</v>
      </c>
      <c r="GJ26" s="72">
        <v>17</v>
      </c>
      <c r="GK26" s="244"/>
      <c r="GL26" s="71">
        <v>9</v>
      </c>
      <c r="GM26" s="71">
        <v>12</v>
      </c>
      <c r="GN26" s="71">
        <v>2</v>
      </c>
      <c r="GO26" s="71">
        <v>11</v>
      </c>
      <c r="GP26" s="71">
        <v>7</v>
      </c>
      <c r="GQ26" s="72">
        <v>41</v>
      </c>
      <c r="GR26" s="73">
        <v>58</v>
      </c>
      <c r="GS26" s="123">
        <v>22</v>
      </c>
      <c r="GT26" s="82">
        <v>25</v>
      </c>
      <c r="GU26" s="83">
        <v>47</v>
      </c>
      <c r="GV26" s="241"/>
      <c r="GW26" s="82">
        <v>34</v>
      </c>
      <c r="GX26" s="82">
        <v>35</v>
      </c>
      <c r="GY26" s="82">
        <v>22</v>
      </c>
      <c r="GZ26" s="82">
        <v>26</v>
      </c>
      <c r="HA26" s="82">
        <v>16</v>
      </c>
      <c r="HB26" s="84">
        <v>133</v>
      </c>
      <c r="HC26" s="85">
        <v>180</v>
      </c>
      <c r="HD26" s="70">
        <v>0</v>
      </c>
      <c r="HE26" s="71">
        <v>2</v>
      </c>
      <c r="HF26" s="72">
        <v>2</v>
      </c>
      <c r="HG26" s="244"/>
      <c r="HH26" s="71">
        <v>1</v>
      </c>
      <c r="HI26" s="71">
        <v>1</v>
      </c>
      <c r="HJ26" s="71">
        <v>0</v>
      </c>
      <c r="HK26" s="71">
        <v>0</v>
      </c>
      <c r="HL26" s="71">
        <v>1</v>
      </c>
      <c r="HM26" s="72">
        <v>3</v>
      </c>
      <c r="HN26" s="73">
        <v>5</v>
      </c>
      <c r="HO26" s="70">
        <v>6</v>
      </c>
      <c r="HP26" s="71">
        <v>0</v>
      </c>
      <c r="HQ26" s="72">
        <v>6</v>
      </c>
      <c r="HR26" s="244"/>
      <c r="HS26" s="71">
        <v>3</v>
      </c>
      <c r="HT26" s="71">
        <v>6</v>
      </c>
      <c r="HU26" s="71">
        <v>1</v>
      </c>
      <c r="HV26" s="71">
        <v>1</v>
      </c>
      <c r="HW26" s="71">
        <v>1</v>
      </c>
      <c r="HX26" s="72">
        <v>12</v>
      </c>
      <c r="HY26" s="73">
        <v>18</v>
      </c>
      <c r="HZ26" s="70">
        <v>7</v>
      </c>
      <c r="IA26" s="71">
        <v>5</v>
      </c>
      <c r="IB26" s="72">
        <v>12</v>
      </c>
      <c r="IC26" s="244"/>
      <c r="ID26" s="71">
        <v>6</v>
      </c>
      <c r="IE26" s="71">
        <v>5</v>
      </c>
      <c r="IF26" s="71">
        <v>2</v>
      </c>
      <c r="IG26" s="71">
        <v>1</v>
      </c>
      <c r="IH26" s="71">
        <v>4</v>
      </c>
      <c r="II26" s="72">
        <v>18</v>
      </c>
      <c r="IJ26" s="73">
        <v>30</v>
      </c>
      <c r="IK26" s="70">
        <v>3</v>
      </c>
      <c r="IL26" s="71">
        <v>11</v>
      </c>
      <c r="IM26" s="72">
        <v>14</v>
      </c>
      <c r="IN26" s="244"/>
      <c r="IO26" s="71">
        <v>7</v>
      </c>
      <c r="IP26" s="71">
        <v>6</v>
      </c>
      <c r="IQ26" s="71">
        <v>11</v>
      </c>
      <c r="IR26" s="71">
        <v>6</v>
      </c>
      <c r="IS26" s="71">
        <v>3</v>
      </c>
      <c r="IT26" s="72">
        <v>33</v>
      </c>
      <c r="IU26" s="73">
        <v>47</v>
      </c>
      <c r="IV26" s="70">
        <v>4</v>
      </c>
      <c r="IW26" s="71">
        <v>5</v>
      </c>
      <c r="IX26" s="72">
        <v>9</v>
      </c>
      <c r="IY26" s="244"/>
      <c r="IZ26" s="71">
        <v>7</v>
      </c>
      <c r="JA26" s="71">
        <v>10</v>
      </c>
      <c r="JB26" s="71">
        <v>6</v>
      </c>
      <c r="JC26" s="71">
        <v>5</v>
      </c>
      <c r="JD26" s="71">
        <v>2</v>
      </c>
      <c r="JE26" s="72">
        <v>30</v>
      </c>
      <c r="JF26" s="73">
        <v>39</v>
      </c>
      <c r="JG26" s="70">
        <v>2</v>
      </c>
      <c r="JH26" s="71">
        <v>2</v>
      </c>
      <c r="JI26" s="72">
        <v>4</v>
      </c>
      <c r="JJ26" s="244"/>
      <c r="JK26" s="71">
        <v>10</v>
      </c>
      <c r="JL26" s="71">
        <v>7</v>
      </c>
      <c r="JM26" s="71">
        <v>2</v>
      </c>
      <c r="JN26" s="71">
        <v>13</v>
      </c>
      <c r="JO26" s="71">
        <v>5</v>
      </c>
      <c r="JP26" s="72">
        <v>37</v>
      </c>
      <c r="JQ26" s="73">
        <v>41</v>
      </c>
      <c r="JR26" s="70">
        <v>0</v>
      </c>
      <c r="JS26" s="71">
        <v>0</v>
      </c>
      <c r="JT26" s="72">
        <v>0</v>
      </c>
      <c r="JU26" s="244"/>
      <c r="JV26" s="71">
        <v>0</v>
      </c>
      <c r="JW26" s="71">
        <v>0</v>
      </c>
      <c r="JX26" s="71">
        <v>0</v>
      </c>
      <c r="JY26" s="71">
        <v>0</v>
      </c>
      <c r="JZ26" s="71">
        <v>0</v>
      </c>
      <c r="KA26" s="72">
        <v>0</v>
      </c>
      <c r="KB26" s="73">
        <v>0</v>
      </c>
      <c r="KC26" s="70">
        <v>22</v>
      </c>
      <c r="KD26" s="71">
        <v>25</v>
      </c>
      <c r="KE26" s="72">
        <v>47</v>
      </c>
      <c r="KF26" s="244"/>
      <c r="KG26" s="71">
        <v>34</v>
      </c>
      <c r="KH26" s="71">
        <v>35</v>
      </c>
      <c r="KI26" s="71">
        <v>22</v>
      </c>
      <c r="KJ26" s="71">
        <v>26</v>
      </c>
      <c r="KK26" s="71">
        <v>16</v>
      </c>
      <c r="KL26" s="72">
        <v>133</v>
      </c>
      <c r="KM26" s="73">
        <v>180</v>
      </c>
    </row>
    <row r="27" spans="2:299" ht="21" customHeight="1" x14ac:dyDescent="0.2">
      <c r="B27" s="126" t="s">
        <v>24</v>
      </c>
      <c r="C27" s="313">
        <v>17</v>
      </c>
      <c r="D27" s="82">
        <v>18</v>
      </c>
      <c r="E27" s="83">
        <v>35</v>
      </c>
      <c r="F27" s="241"/>
      <c r="G27" s="82">
        <v>28</v>
      </c>
      <c r="H27" s="82">
        <v>21</v>
      </c>
      <c r="I27" s="82">
        <v>18</v>
      </c>
      <c r="J27" s="82">
        <v>13</v>
      </c>
      <c r="K27" s="82">
        <v>12</v>
      </c>
      <c r="L27" s="84">
        <v>92</v>
      </c>
      <c r="M27" s="85">
        <v>127</v>
      </c>
      <c r="N27" s="70">
        <v>0</v>
      </c>
      <c r="O27" s="71">
        <v>0</v>
      </c>
      <c r="P27" s="72">
        <v>0</v>
      </c>
      <c r="Q27" s="244"/>
      <c r="R27" s="71">
        <v>0</v>
      </c>
      <c r="S27" s="71">
        <v>0</v>
      </c>
      <c r="T27" s="71">
        <v>0</v>
      </c>
      <c r="U27" s="71">
        <v>0</v>
      </c>
      <c r="V27" s="71">
        <v>0</v>
      </c>
      <c r="W27" s="72">
        <v>0</v>
      </c>
      <c r="X27" s="73">
        <v>0</v>
      </c>
      <c r="Y27" s="70">
        <v>0</v>
      </c>
      <c r="Z27" s="71">
        <v>1</v>
      </c>
      <c r="AA27" s="72">
        <v>1</v>
      </c>
      <c r="AB27" s="244"/>
      <c r="AC27" s="71">
        <v>1</v>
      </c>
      <c r="AD27" s="71">
        <v>3</v>
      </c>
      <c r="AE27" s="71">
        <v>0</v>
      </c>
      <c r="AF27" s="71">
        <v>2</v>
      </c>
      <c r="AG27" s="71">
        <v>1</v>
      </c>
      <c r="AH27" s="72">
        <v>7</v>
      </c>
      <c r="AI27" s="73">
        <v>8</v>
      </c>
      <c r="AJ27" s="70">
        <v>2</v>
      </c>
      <c r="AK27" s="71">
        <v>2</v>
      </c>
      <c r="AL27" s="72">
        <v>4</v>
      </c>
      <c r="AM27" s="244"/>
      <c r="AN27" s="71">
        <v>4</v>
      </c>
      <c r="AO27" s="71">
        <v>2</v>
      </c>
      <c r="AP27" s="71">
        <v>2</v>
      </c>
      <c r="AQ27" s="71">
        <v>1</v>
      </c>
      <c r="AR27" s="71">
        <v>1</v>
      </c>
      <c r="AS27" s="72">
        <v>10</v>
      </c>
      <c r="AT27" s="73">
        <v>14</v>
      </c>
      <c r="AU27" s="70">
        <v>6</v>
      </c>
      <c r="AV27" s="71">
        <v>5</v>
      </c>
      <c r="AW27" s="72">
        <v>11</v>
      </c>
      <c r="AX27" s="244"/>
      <c r="AY27" s="71">
        <v>7</v>
      </c>
      <c r="AZ27" s="71">
        <v>4</v>
      </c>
      <c r="BA27" s="71">
        <v>6</v>
      </c>
      <c r="BB27" s="71">
        <v>1</v>
      </c>
      <c r="BC27" s="71">
        <v>4</v>
      </c>
      <c r="BD27" s="72">
        <v>22</v>
      </c>
      <c r="BE27" s="73">
        <v>33</v>
      </c>
      <c r="BF27" s="70">
        <v>4</v>
      </c>
      <c r="BG27" s="71">
        <v>7</v>
      </c>
      <c r="BH27" s="72">
        <v>11</v>
      </c>
      <c r="BI27" s="244"/>
      <c r="BJ27" s="71">
        <v>10</v>
      </c>
      <c r="BK27" s="71">
        <v>6</v>
      </c>
      <c r="BL27" s="71">
        <v>5</v>
      </c>
      <c r="BM27" s="71">
        <v>4</v>
      </c>
      <c r="BN27" s="71">
        <v>1</v>
      </c>
      <c r="BO27" s="72">
        <v>26</v>
      </c>
      <c r="BP27" s="73">
        <v>37</v>
      </c>
      <c r="BQ27" s="70">
        <v>5</v>
      </c>
      <c r="BR27" s="71">
        <v>3</v>
      </c>
      <c r="BS27" s="72">
        <v>8</v>
      </c>
      <c r="BT27" s="244"/>
      <c r="BU27" s="71">
        <v>6</v>
      </c>
      <c r="BV27" s="71">
        <v>6</v>
      </c>
      <c r="BW27" s="71">
        <v>5</v>
      </c>
      <c r="BX27" s="71">
        <v>5</v>
      </c>
      <c r="BY27" s="71">
        <v>5</v>
      </c>
      <c r="BZ27" s="72">
        <v>27</v>
      </c>
      <c r="CA27" s="73">
        <v>35</v>
      </c>
      <c r="CB27" s="70">
        <v>0</v>
      </c>
      <c r="CC27" s="71">
        <v>0</v>
      </c>
      <c r="CD27" s="72">
        <v>0</v>
      </c>
      <c r="CE27" s="244"/>
      <c r="CF27" s="71">
        <v>0</v>
      </c>
      <c r="CG27" s="71">
        <v>0</v>
      </c>
      <c r="CH27" s="71">
        <v>0</v>
      </c>
      <c r="CI27" s="71">
        <v>0</v>
      </c>
      <c r="CJ27" s="71">
        <v>0</v>
      </c>
      <c r="CK27" s="72">
        <v>0</v>
      </c>
      <c r="CL27" s="73">
        <v>0</v>
      </c>
      <c r="CM27" s="70">
        <v>17</v>
      </c>
      <c r="CN27" s="71">
        <v>18</v>
      </c>
      <c r="CO27" s="72">
        <v>35</v>
      </c>
      <c r="CP27" s="244"/>
      <c r="CQ27" s="71">
        <v>28</v>
      </c>
      <c r="CR27" s="71">
        <v>21</v>
      </c>
      <c r="CS27" s="71">
        <v>18</v>
      </c>
      <c r="CT27" s="71">
        <v>13</v>
      </c>
      <c r="CU27" s="71">
        <v>12</v>
      </c>
      <c r="CV27" s="72">
        <v>92</v>
      </c>
      <c r="CW27" s="73">
        <v>127</v>
      </c>
      <c r="CX27" s="123">
        <v>8</v>
      </c>
      <c r="CY27" s="82">
        <v>7</v>
      </c>
      <c r="CZ27" s="83">
        <v>15</v>
      </c>
      <c r="DA27" s="241"/>
      <c r="DB27" s="82">
        <v>9</v>
      </c>
      <c r="DC27" s="82">
        <v>7</v>
      </c>
      <c r="DD27" s="82">
        <v>6</v>
      </c>
      <c r="DE27" s="82">
        <v>6</v>
      </c>
      <c r="DF27" s="82">
        <v>4</v>
      </c>
      <c r="DG27" s="84">
        <v>32</v>
      </c>
      <c r="DH27" s="85">
        <v>47</v>
      </c>
      <c r="DI27" s="70">
        <v>1</v>
      </c>
      <c r="DJ27" s="71">
        <v>0</v>
      </c>
      <c r="DK27" s="72">
        <v>1</v>
      </c>
      <c r="DL27" s="244"/>
      <c r="DM27" s="71">
        <v>0</v>
      </c>
      <c r="DN27" s="71">
        <v>0</v>
      </c>
      <c r="DO27" s="71">
        <v>0</v>
      </c>
      <c r="DP27" s="71">
        <v>0</v>
      </c>
      <c r="DQ27" s="71">
        <v>0</v>
      </c>
      <c r="DR27" s="72">
        <v>0</v>
      </c>
      <c r="DS27" s="73">
        <v>1</v>
      </c>
      <c r="DT27" s="70">
        <v>1</v>
      </c>
      <c r="DU27" s="71">
        <v>0</v>
      </c>
      <c r="DV27" s="72">
        <v>1</v>
      </c>
      <c r="DW27" s="244"/>
      <c r="DX27" s="71">
        <v>3</v>
      </c>
      <c r="DY27" s="71">
        <v>0</v>
      </c>
      <c r="DZ27" s="71">
        <v>1</v>
      </c>
      <c r="EA27" s="71">
        <v>0</v>
      </c>
      <c r="EB27" s="71">
        <v>0</v>
      </c>
      <c r="EC27" s="72">
        <v>4</v>
      </c>
      <c r="ED27" s="73">
        <v>5</v>
      </c>
      <c r="EE27" s="70">
        <v>1</v>
      </c>
      <c r="EF27" s="71">
        <v>2</v>
      </c>
      <c r="EG27" s="72">
        <v>3</v>
      </c>
      <c r="EH27" s="244"/>
      <c r="EI27" s="71">
        <v>0</v>
      </c>
      <c r="EJ27" s="71">
        <v>1</v>
      </c>
      <c r="EK27" s="71">
        <v>0</v>
      </c>
      <c r="EL27" s="71">
        <v>0</v>
      </c>
      <c r="EM27" s="71">
        <v>0</v>
      </c>
      <c r="EN27" s="72">
        <v>1</v>
      </c>
      <c r="EO27" s="73">
        <v>4</v>
      </c>
      <c r="EP27" s="70">
        <v>0</v>
      </c>
      <c r="EQ27" s="71">
        <v>2</v>
      </c>
      <c r="ER27" s="72">
        <v>2</v>
      </c>
      <c r="ES27" s="244"/>
      <c r="ET27" s="71">
        <v>4</v>
      </c>
      <c r="EU27" s="71">
        <v>2</v>
      </c>
      <c r="EV27" s="71">
        <v>3</v>
      </c>
      <c r="EW27" s="71">
        <v>0</v>
      </c>
      <c r="EX27" s="71">
        <v>1</v>
      </c>
      <c r="EY27" s="72">
        <v>10</v>
      </c>
      <c r="EZ27" s="73">
        <v>12</v>
      </c>
      <c r="FA27" s="70">
        <v>3</v>
      </c>
      <c r="FB27" s="71">
        <v>1</v>
      </c>
      <c r="FC27" s="72">
        <v>4</v>
      </c>
      <c r="FD27" s="244"/>
      <c r="FE27" s="71">
        <v>1</v>
      </c>
      <c r="FF27" s="71">
        <v>2</v>
      </c>
      <c r="FG27" s="71">
        <v>1</v>
      </c>
      <c r="FH27" s="71">
        <v>2</v>
      </c>
      <c r="FI27" s="71">
        <v>2</v>
      </c>
      <c r="FJ27" s="72">
        <v>8</v>
      </c>
      <c r="FK27" s="73">
        <v>12</v>
      </c>
      <c r="FL27" s="70">
        <v>2</v>
      </c>
      <c r="FM27" s="71">
        <v>2</v>
      </c>
      <c r="FN27" s="72">
        <v>4</v>
      </c>
      <c r="FO27" s="244"/>
      <c r="FP27" s="71">
        <v>1</v>
      </c>
      <c r="FQ27" s="71">
        <v>2</v>
      </c>
      <c r="FR27" s="71">
        <v>1</v>
      </c>
      <c r="FS27" s="71">
        <v>4</v>
      </c>
      <c r="FT27" s="71">
        <v>1</v>
      </c>
      <c r="FU27" s="72">
        <v>9</v>
      </c>
      <c r="FV27" s="73">
        <v>13</v>
      </c>
      <c r="FW27" s="70">
        <v>0</v>
      </c>
      <c r="FX27" s="71">
        <v>0</v>
      </c>
      <c r="FY27" s="72">
        <v>0</v>
      </c>
      <c r="FZ27" s="244"/>
      <c r="GA27" s="71">
        <v>0</v>
      </c>
      <c r="GB27" s="71">
        <v>0</v>
      </c>
      <c r="GC27" s="71">
        <v>0</v>
      </c>
      <c r="GD27" s="71">
        <v>0</v>
      </c>
      <c r="GE27" s="71">
        <v>0</v>
      </c>
      <c r="GF27" s="72">
        <v>0</v>
      </c>
      <c r="GG27" s="73">
        <v>0</v>
      </c>
      <c r="GH27" s="70">
        <v>8</v>
      </c>
      <c r="GI27" s="71">
        <v>7</v>
      </c>
      <c r="GJ27" s="72">
        <v>15</v>
      </c>
      <c r="GK27" s="244"/>
      <c r="GL27" s="71">
        <v>9</v>
      </c>
      <c r="GM27" s="71">
        <v>7</v>
      </c>
      <c r="GN27" s="71">
        <v>6</v>
      </c>
      <c r="GO27" s="71">
        <v>6</v>
      </c>
      <c r="GP27" s="71">
        <v>4</v>
      </c>
      <c r="GQ27" s="72">
        <v>32</v>
      </c>
      <c r="GR27" s="73">
        <v>47</v>
      </c>
      <c r="GS27" s="123">
        <v>25</v>
      </c>
      <c r="GT27" s="82">
        <v>25</v>
      </c>
      <c r="GU27" s="83">
        <v>50</v>
      </c>
      <c r="GV27" s="241"/>
      <c r="GW27" s="82">
        <v>37</v>
      </c>
      <c r="GX27" s="82">
        <v>28</v>
      </c>
      <c r="GY27" s="82">
        <v>24</v>
      </c>
      <c r="GZ27" s="82">
        <v>19</v>
      </c>
      <c r="HA27" s="82">
        <v>16</v>
      </c>
      <c r="HB27" s="84">
        <v>124</v>
      </c>
      <c r="HC27" s="85">
        <v>174</v>
      </c>
      <c r="HD27" s="70">
        <v>1</v>
      </c>
      <c r="HE27" s="71">
        <v>0</v>
      </c>
      <c r="HF27" s="72">
        <v>1</v>
      </c>
      <c r="HG27" s="244"/>
      <c r="HH27" s="71">
        <v>0</v>
      </c>
      <c r="HI27" s="71">
        <v>0</v>
      </c>
      <c r="HJ27" s="71">
        <v>0</v>
      </c>
      <c r="HK27" s="71">
        <v>0</v>
      </c>
      <c r="HL27" s="71">
        <v>0</v>
      </c>
      <c r="HM27" s="72">
        <v>0</v>
      </c>
      <c r="HN27" s="73">
        <v>1</v>
      </c>
      <c r="HO27" s="70">
        <v>1</v>
      </c>
      <c r="HP27" s="71">
        <v>1</v>
      </c>
      <c r="HQ27" s="72">
        <v>2</v>
      </c>
      <c r="HR27" s="244"/>
      <c r="HS27" s="71">
        <v>4</v>
      </c>
      <c r="HT27" s="71">
        <v>3</v>
      </c>
      <c r="HU27" s="71">
        <v>1</v>
      </c>
      <c r="HV27" s="71">
        <v>2</v>
      </c>
      <c r="HW27" s="71">
        <v>1</v>
      </c>
      <c r="HX27" s="72">
        <v>11</v>
      </c>
      <c r="HY27" s="73">
        <v>13</v>
      </c>
      <c r="HZ27" s="70">
        <v>3</v>
      </c>
      <c r="IA27" s="71">
        <v>4</v>
      </c>
      <c r="IB27" s="72">
        <v>7</v>
      </c>
      <c r="IC27" s="244"/>
      <c r="ID27" s="71">
        <v>4</v>
      </c>
      <c r="IE27" s="71">
        <v>3</v>
      </c>
      <c r="IF27" s="71">
        <v>2</v>
      </c>
      <c r="IG27" s="71">
        <v>1</v>
      </c>
      <c r="IH27" s="71">
        <v>1</v>
      </c>
      <c r="II27" s="72">
        <v>11</v>
      </c>
      <c r="IJ27" s="73">
        <v>18</v>
      </c>
      <c r="IK27" s="70">
        <v>6</v>
      </c>
      <c r="IL27" s="71">
        <v>7</v>
      </c>
      <c r="IM27" s="72">
        <v>13</v>
      </c>
      <c r="IN27" s="244"/>
      <c r="IO27" s="71">
        <v>11</v>
      </c>
      <c r="IP27" s="71">
        <v>6</v>
      </c>
      <c r="IQ27" s="71">
        <v>9</v>
      </c>
      <c r="IR27" s="71">
        <v>1</v>
      </c>
      <c r="IS27" s="71">
        <v>5</v>
      </c>
      <c r="IT27" s="72">
        <v>32</v>
      </c>
      <c r="IU27" s="73">
        <v>45</v>
      </c>
      <c r="IV27" s="70">
        <v>7</v>
      </c>
      <c r="IW27" s="71">
        <v>8</v>
      </c>
      <c r="IX27" s="72">
        <v>15</v>
      </c>
      <c r="IY27" s="244"/>
      <c r="IZ27" s="71">
        <v>11</v>
      </c>
      <c r="JA27" s="71">
        <v>8</v>
      </c>
      <c r="JB27" s="71">
        <v>6</v>
      </c>
      <c r="JC27" s="71">
        <v>6</v>
      </c>
      <c r="JD27" s="71">
        <v>3</v>
      </c>
      <c r="JE27" s="72">
        <v>34</v>
      </c>
      <c r="JF27" s="73">
        <v>49</v>
      </c>
      <c r="JG27" s="70">
        <v>7</v>
      </c>
      <c r="JH27" s="71">
        <v>5</v>
      </c>
      <c r="JI27" s="72">
        <v>12</v>
      </c>
      <c r="JJ27" s="244"/>
      <c r="JK27" s="71">
        <v>7</v>
      </c>
      <c r="JL27" s="71">
        <v>8</v>
      </c>
      <c r="JM27" s="71">
        <v>6</v>
      </c>
      <c r="JN27" s="71">
        <v>9</v>
      </c>
      <c r="JO27" s="71">
        <v>6</v>
      </c>
      <c r="JP27" s="72">
        <v>36</v>
      </c>
      <c r="JQ27" s="73">
        <v>48</v>
      </c>
      <c r="JR27" s="70">
        <v>0</v>
      </c>
      <c r="JS27" s="71">
        <v>0</v>
      </c>
      <c r="JT27" s="72">
        <v>0</v>
      </c>
      <c r="JU27" s="244"/>
      <c r="JV27" s="71">
        <v>0</v>
      </c>
      <c r="JW27" s="71">
        <v>0</v>
      </c>
      <c r="JX27" s="71">
        <v>0</v>
      </c>
      <c r="JY27" s="71">
        <v>0</v>
      </c>
      <c r="JZ27" s="71">
        <v>0</v>
      </c>
      <c r="KA27" s="72">
        <v>0</v>
      </c>
      <c r="KB27" s="73">
        <v>0</v>
      </c>
      <c r="KC27" s="70">
        <v>25</v>
      </c>
      <c r="KD27" s="71">
        <v>25</v>
      </c>
      <c r="KE27" s="72">
        <v>50</v>
      </c>
      <c r="KF27" s="244"/>
      <c r="KG27" s="71">
        <v>37</v>
      </c>
      <c r="KH27" s="71">
        <v>28</v>
      </c>
      <c r="KI27" s="71">
        <v>24</v>
      </c>
      <c r="KJ27" s="71">
        <v>19</v>
      </c>
      <c r="KK27" s="71">
        <v>16</v>
      </c>
      <c r="KL27" s="72">
        <v>124</v>
      </c>
      <c r="KM27" s="73">
        <v>174</v>
      </c>
    </row>
    <row r="28" spans="2:299" ht="21" customHeight="1" x14ac:dyDescent="0.2">
      <c r="B28" s="126" t="s">
        <v>25</v>
      </c>
      <c r="C28" s="313">
        <v>7</v>
      </c>
      <c r="D28" s="82">
        <v>15</v>
      </c>
      <c r="E28" s="83">
        <v>22</v>
      </c>
      <c r="F28" s="241"/>
      <c r="G28" s="82">
        <v>13</v>
      </c>
      <c r="H28" s="82">
        <v>11</v>
      </c>
      <c r="I28" s="82">
        <v>5</v>
      </c>
      <c r="J28" s="82">
        <v>7</v>
      </c>
      <c r="K28" s="82">
        <v>7</v>
      </c>
      <c r="L28" s="84">
        <v>43</v>
      </c>
      <c r="M28" s="85">
        <v>65</v>
      </c>
      <c r="N28" s="70">
        <v>0</v>
      </c>
      <c r="O28" s="71">
        <v>1</v>
      </c>
      <c r="P28" s="72">
        <v>1</v>
      </c>
      <c r="Q28" s="244"/>
      <c r="R28" s="71">
        <v>0</v>
      </c>
      <c r="S28" s="71">
        <v>1</v>
      </c>
      <c r="T28" s="71">
        <v>0</v>
      </c>
      <c r="U28" s="71">
        <v>1</v>
      </c>
      <c r="V28" s="71">
        <v>0</v>
      </c>
      <c r="W28" s="72">
        <v>2</v>
      </c>
      <c r="X28" s="73">
        <v>3</v>
      </c>
      <c r="Y28" s="70">
        <v>1</v>
      </c>
      <c r="Z28" s="71">
        <v>1</v>
      </c>
      <c r="AA28" s="72">
        <v>2</v>
      </c>
      <c r="AB28" s="244"/>
      <c r="AC28" s="71">
        <v>1</v>
      </c>
      <c r="AD28" s="71">
        <v>2</v>
      </c>
      <c r="AE28" s="71">
        <v>0</v>
      </c>
      <c r="AF28" s="71">
        <v>1</v>
      </c>
      <c r="AG28" s="71">
        <v>1</v>
      </c>
      <c r="AH28" s="72">
        <v>5</v>
      </c>
      <c r="AI28" s="73">
        <v>7</v>
      </c>
      <c r="AJ28" s="70">
        <v>1</v>
      </c>
      <c r="AK28" s="71">
        <v>0</v>
      </c>
      <c r="AL28" s="72">
        <v>1</v>
      </c>
      <c r="AM28" s="244"/>
      <c r="AN28" s="71">
        <v>2</v>
      </c>
      <c r="AO28" s="71">
        <v>1</v>
      </c>
      <c r="AP28" s="71">
        <v>0</v>
      </c>
      <c r="AQ28" s="71">
        <v>0</v>
      </c>
      <c r="AR28" s="71">
        <v>0</v>
      </c>
      <c r="AS28" s="72">
        <v>3</v>
      </c>
      <c r="AT28" s="73">
        <v>4</v>
      </c>
      <c r="AU28" s="70">
        <v>4</v>
      </c>
      <c r="AV28" s="71">
        <v>6</v>
      </c>
      <c r="AW28" s="72">
        <v>10</v>
      </c>
      <c r="AX28" s="244"/>
      <c r="AY28" s="71">
        <v>5</v>
      </c>
      <c r="AZ28" s="71">
        <v>2</v>
      </c>
      <c r="BA28" s="71">
        <v>2</v>
      </c>
      <c r="BB28" s="71">
        <v>1</v>
      </c>
      <c r="BC28" s="71">
        <v>1</v>
      </c>
      <c r="BD28" s="72">
        <v>11</v>
      </c>
      <c r="BE28" s="73">
        <v>21</v>
      </c>
      <c r="BF28" s="70">
        <v>1</v>
      </c>
      <c r="BG28" s="71">
        <v>5</v>
      </c>
      <c r="BH28" s="72">
        <v>6</v>
      </c>
      <c r="BI28" s="244"/>
      <c r="BJ28" s="71">
        <v>1</v>
      </c>
      <c r="BK28" s="71">
        <v>2</v>
      </c>
      <c r="BL28" s="71">
        <v>3</v>
      </c>
      <c r="BM28" s="71">
        <v>1</v>
      </c>
      <c r="BN28" s="71">
        <v>3</v>
      </c>
      <c r="BO28" s="72">
        <v>10</v>
      </c>
      <c r="BP28" s="73">
        <v>16</v>
      </c>
      <c r="BQ28" s="70">
        <v>0</v>
      </c>
      <c r="BR28" s="71">
        <v>2</v>
      </c>
      <c r="BS28" s="72">
        <v>2</v>
      </c>
      <c r="BT28" s="244"/>
      <c r="BU28" s="71">
        <v>4</v>
      </c>
      <c r="BV28" s="71">
        <v>3</v>
      </c>
      <c r="BW28" s="71">
        <v>0</v>
      </c>
      <c r="BX28" s="71">
        <v>3</v>
      </c>
      <c r="BY28" s="71">
        <v>2</v>
      </c>
      <c r="BZ28" s="72">
        <v>12</v>
      </c>
      <c r="CA28" s="73">
        <v>14</v>
      </c>
      <c r="CB28" s="70">
        <v>0</v>
      </c>
      <c r="CC28" s="71">
        <v>0</v>
      </c>
      <c r="CD28" s="72">
        <v>0</v>
      </c>
      <c r="CE28" s="244"/>
      <c r="CF28" s="71">
        <v>0</v>
      </c>
      <c r="CG28" s="71">
        <v>0</v>
      </c>
      <c r="CH28" s="71">
        <v>0</v>
      </c>
      <c r="CI28" s="71">
        <v>0</v>
      </c>
      <c r="CJ28" s="71">
        <v>0</v>
      </c>
      <c r="CK28" s="72">
        <v>0</v>
      </c>
      <c r="CL28" s="73">
        <v>0</v>
      </c>
      <c r="CM28" s="70">
        <v>7</v>
      </c>
      <c r="CN28" s="71">
        <v>15</v>
      </c>
      <c r="CO28" s="72">
        <v>22</v>
      </c>
      <c r="CP28" s="244"/>
      <c r="CQ28" s="71">
        <v>13</v>
      </c>
      <c r="CR28" s="71">
        <v>11</v>
      </c>
      <c r="CS28" s="71">
        <v>5</v>
      </c>
      <c r="CT28" s="71">
        <v>7</v>
      </c>
      <c r="CU28" s="71">
        <v>7</v>
      </c>
      <c r="CV28" s="72">
        <v>43</v>
      </c>
      <c r="CW28" s="73">
        <v>65</v>
      </c>
      <c r="CX28" s="123">
        <v>8</v>
      </c>
      <c r="CY28" s="82">
        <v>18</v>
      </c>
      <c r="CZ28" s="83">
        <v>26</v>
      </c>
      <c r="DA28" s="241"/>
      <c r="DB28" s="82">
        <v>9</v>
      </c>
      <c r="DC28" s="82">
        <v>6</v>
      </c>
      <c r="DD28" s="82">
        <v>5</v>
      </c>
      <c r="DE28" s="82">
        <v>5</v>
      </c>
      <c r="DF28" s="82">
        <v>3</v>
      </c>
      <c r="DG28" s="84">
        <v>28</v>
      </c>
      <c r="DH28" s="85">
        <v>54</v>
      </c>
      <c r="DI28" s="70">
        <v>0</v>
      </c>
      <c r="DJ28" s="71">
        <v>1</v>
      </c>
      <c r="DK28" s="72">
        <v>1</v>
      </c>
      <c r="DL28" s="244"/>
      <c r="DM28" s="71">
        <v>0</v>
      </c>
      <c r="DN28" s="71">
        <v>0</v>
      </c>
      <c r="DO28" s="71">
        <v>0</v>
      </c>
      <c r="DP28" s="71">
        <v>0</v>
      </c>
      <c r="DQ28" s="71">
        <v>0</v>
      </c>
      <c r="DR28" s="72">
        <v>0</v>
      </c>
      <c r="DS28" s="73">
        <v>1</v>
      </c>
      <c r="DT28" s="70">
        <v>2</v>
      </c>
      <c r="DU28" s="71">
        <v>1</v>
      </c>
      <c r="DV28" s="72">
        <v>3</v>
      </c>
      <c r="DW28" s="244"/>
      <c r="DX28" s="71">
        <v>0</v>
      </c>
      <c r="DY28" s="71">
        <v>1</v>
      </c>
      <c r="DZ28" s="71">
        <v>0</v>
      </c>
      <c r="EA28" s="71">
        <v>0</v>
      </c>
      <c r="EB28" s="71">
        <v>1</v>
      </c>
      <c r="EC28" s="72">
        <v>2</v>
      </c>
      <c r="ED28" s="73">
        <v>5</v>
      </c>
      <c r="EE28" s="70">
        <v>1</v>
      </c>
      <c r="EF28" s="71">
        <v>3</v>
      </c>
      <c r="EG28" s="72">
        <v>4</v>
      </c>
      <c r="EH28" s="244"/>
      <c r="EI28" s="71">
        <v>0</v>
      </c>
      <c r="EJ28" s="71">
        <v>0</v>
      </c>
      <c r="EK28" s="71">
        <v>0</v>
      </c>
      <c r="EL28" s="71">
        <v>0</v>
      </c>
      <c r="EM28" s="71">
        <v>0</v>
      </c>
      <c r="EN28" s="72">
        <v>0</v>
      </c>
      <c r="EO28" s="73">
        <v>4</v>
      </c>
      <c r="EP28" s="70">
        <v>2</v>
      </c>
      <c r="EQ28" s="71">
        <v>3</v>
      </c>
      <c r="ER28" s="72">
        <v>5</v>
      </c>
      <c r="ES28" s="244"/>
      <c r="ET28" s="71">
        <v>2</v>
      </c>
      <c r="EU28" s="71">
        <v>0</v>
      </c>
      <c r="EV28" s="71">
        <v>1</v>
      </c>
      <c r="EW28" s="71">
        <v>0</v>
      </c>
      <c r="EX28" s="71">
        <v>0</v>
      </c>
      <c r="EY28" s="72">
        <v>3</v>
      </c>
      <c r="EZ28" s="73">
        <v>8</v>
      </c>
      <c r="FA28" s="70">
        <v>1</v>
      </c>
      <c r="FB28" s="71">
        <v>4</v>
      </c>
      <c r="FC28" s="72">
        <v>5</v>
      </c>
      <c r="FD28" s="244"/>
      <c r="FE28" s="71">
        <v>2</v>
      </c>
      <c r="FF28" s="71">
        <v>2</v>
      </c>
      <c r="FG28" s="71">
        <v>1</v>
      </c>
      <c r="FH28" s="71">
        <v>2</v>
      </c>
      <c r="FI28" s="71">
        <v>0</v>
      </c>
      <c r="FJ28" s="72">
        <v>7</v>
      </c>
      <c r="FK28" s="73">
        <v>12</v>
      </c>
      <c r="FL28" s="70">
        <v>2</v>
      </c>
      <c r="FM28" s="71">
        <v>6</v>
      </c>
      <c r="FN28" s="72">
        <v>8</v>
      </c>
      <c r="FO28" s="244"/>
      <c r="FP28" s="71">
        <v>5</v>
      </c>
      <c r="FQ28" s="71">
        <v>3</v>
      </c>
      <c r="FR28" s="71">
        <v>3</v>
      </c>
      <c r="FS28" s="71">
        <v>3</v>
      </c>
      <c r="FT28" s="71">
        <v>2</v>
      </c>
      <c r="FU28" s="72">
        <v>16</v>
      </c>
      <c r="FV28" s="73">
        <v>24</v>
      </c>
      <c r="FW28" s="70">
        <v>0</v>
      </c>
      <c r="FX28" s="71">
        <v>0</v>
      </c>
      <c r="FY28" s="72">
        <v>0</v>
      </c>
      <c r="FZ28" s="244"/>
      <c r="GA28" s="71">
        <v>0</v>
      </c>
      <c r="GB28" s="71">
        <v>0</v>
      </c>
      <c r="GC28" s="71">
        <v>0</v>
      </c>
      <c r="GD28" s="71">
        <v>0</v>
      </c>
      <c r="GE28" s="71">
        <v>0</v>
      </c>
      <c r="GF28" s="72">
        <v>0</v>
      </c>
      <c r="GG28" s="73">
        <v>0</v>
      </c>
      <c r="GH28" s="70">
        <v>8</v>
      </c>
      <c r="GI28" s="71">
        <v>18</v>
      </c>
      <c r="GJ28" s="72">
        <v>26</v>
      </c>
      <c r="GK28" s="244"/>
      <c r="GL28" s="71">
        <v>9</v>
      </c>
      <c r="GM28" s="71">
        <v>6</v>
      </c>
      <c r="GN28" s="71">
        <v>5</v>
      </c>
      <c r="GO28" s="71">
        <v>5</v>
      </c>
      <c r="GP28" s="71">
        <v>3</v>
      </c>
      <c r="GQ28" s="72">
        <v>28</v>
      </c>
      <c r="GR28" s="73">
        <v>54</v>
      </c>
      <c r="GS28" s="123">
        <v>15</v>
      </c>
      <c r="GT28" s="82">
        <v>33</v>
      </c>
      <c r="GU28" s="83">
        <v>48</v>
      </c>
      <c r="GV28" s="241"/>
      <c r="GW28" s="82">
        <v>22</v>
      </c>
      <c r="GX28" s="82">
        <v>17</v>
      </c>
      <c r="GY28" s="82">
        <v>10</v>
      </c>
      <c r="GZ28" s="82">
        <v>12</v>
      </c>
      <c r="HA28" s="82">
        <v>10</v>
      </c>
      <c r="HB28" s="84">
        <v>71</v>
      </c>
      <c r="HC28" s="85">
        <v>119</v>
      </c>
      <c r="HD28" s="70">
        <v>0</v>
      </c>
      <c r="HE28" s="71">
        <v>2</v>
      </c>
      <c r="HF28" s="72">
        <v>2</v>
      </c>
      <c r="HG28" s="244"/>
      <c r="HH28" s="71">
        <v>0</v>
      </c>
      <c r="HI28" s="71">
        <v>1</v>
      </c>
      <c r="HJ28" s="71">
        <v>0</v>
      </c>
      <c r="HK28" s="71">
        <v>1</v>
      </c>
      <c r="HL28" s="71">
        <v>0</v>
      </c>
      <c r="HM28" s="72">
        <v>2</v>
      </c>
      <c r="HN28" s="73">
        <v>4</v>
      </c>
      <c r="HO28" s="70">
        <v>3</v>
      </c>
      <c r="HP28" s="71">
        <v>2</v>
      </c>
      <c r="HQ28" s="72">
        <v>5</v>
      </c>
      <c r="HR28" s="244"/>
      <c r="HS28" s="71">
        <v>1</v>
      </c>
      <c r="HT28" s="71">
        <v>3</v>
      </c>
      <c r="HU28" s="71">
        <v>0</v>
      </c>
      <c r="HV28" s="71">
        <v>1</v>
      </c>
      <c r="HW28" s="71">
        <v>2</v>
      </c>
      <c r="HX28" s="72">
        <v>7</v>
      </c>
      <c r="HY28" s="73">
        <v>12</v>
      </c>
      <c r="HZ28" s="70">
        <v>2</v>
      </c>
      <c r="IA28" s="71">
        <v>3</v>
      </c>
      <c r="IB28" s="72">
        <v>5</v>
      </c>
      <c r="IC28" s="244"/>
      <c r="ID28" s="71">
        <v>2</v>
      </c>
      <c r="IE28" s="71">
        <v>1</v>
      </c>
      <c r="IF28" s="71">
        <v>0</v>
      </c>
      <c r="IG28" s="71">
        <v>0</v>
      </c>
      <c r="IH28" s="71">
        <v>0</v>
      </c>
      <c r="II28" s="72">
        <v>3</v>
      </c>
      <c r="IJ28" s="73">
        <v>8</v>
      </c>
      <c r="IK28" s="70">
        <v>6</v>
      </c>
      <c r="IL28" s="71">
        <v>9</v>
      </c>
      <c r="IM28" s="72">
        <v>15</v>
      </c>
      <c r="IN28" s="244"/>
      <c r="IO28" s="71">
        <v>7</v>
      </c>
      <c r="IP28" s="71">
        <v>2</v>
      </c>
      <c r="IQ28" s="71">
        <v>3</v>
      </c>
      <c r="IR28" s="71">
        <v>1</v>
      </c>
      <c r="IS28" s="71">
        <v>1</v>
      </c>
      <c r="IT28" s="72">
        <v>14</v>
      </c>
      <c r="IU28" s="73">
        <v>29</v>
      </c>
      <c r="IV28" s="70">
        <v>2</v>
      </c>
      <c r="IW28" s="71">
        <v>9</v>
      </c>
      <c r="IX28" s="72">
        <v>11</v>
      </c>
      <c r="IY28" s="244"/>
      <c r="IZ28" s="71">
        <v>3</v>
      </c>
      <c r="JA28" s="71">
        <v>4</v>
      </c>
      <c r="JB28" s="71">
        <v>4</v>
      </c>
      <c r="JC28" s="71">
        <v>3</v>
      </c>
      <c r="JD28" s="71">
        <v>3</v>
      </c>
      <c r="JE28" s="72">
        <v>17</v>
      </c>
      <c r="JF28" s="73">
        <v>28</v>
      </c>
      <c r="JG28" s="70">
        <v>2</v>
      </c>
      <c r="JH28" s="71">
        <v>8</v>
      </c>
      <c r="JI28" s="72">
        <v>10</v>
      </c>
      <c r="JJ28" s="244"/>
      <c r="JK28" s="71">
        <v>9</v>
      </c>
      <c r="JL28" s="71">
        <v>6</v>
      </c>
      <c r="JM28" s="71">
        <v>3</v>
      </c>
      <c r="JN28" s="71">
        <v>6</v>
      </c>
      <c r="JO28" s="71">
        <v>4</v>
      </c>
      <c r="JP28" s="72">
        <v>28</v>
      </c>
      <c r="JQ28" s="73">
        <v>38</v>
      </c>
      <c r="JR28" s="70">
        <v>0</v>
      </c>
      <c r="JS28" s="71">
        <v>0</v>
      </c>
      <c r="JT28" s="72">
        <v>0</v>
      </c>
      <c r="JU28" s="244"/>
      <c r="JV28" s="71">
        <v>0</v>
      </c>
      <c r="JW28" s="71">
        <v>0</v>
      </c>
      <c r="JX28" s="71">
        <v>0</v>
      </c>
      <c r="JY28" s="71">
        <v>0</v>
      </c>
      <c r="JZ28" s="71">
        <v>0</v>
      </c>
      <c r="KA28" s="72">
        <v>0</v>
      </c>
      <c r="KB28" s="73">
        <v>0</v>
      </c>
      <c r="KC28" s="70">
        <v>15</v>
      </c>
      <c r="KD28" s="71">
        <v>33</v>
      </c>
      <c r="KE28" s="72">
        <v>48</v>
      </c>
      <c r="KF28" s="244"/>
      <c r="KG28" s="71">
        <v>22</v>
      </c>
      <c r="KH28" s="71">
        <v>17</v>
      </c>
      <c r="KI28" s="71">
        <v>10</v>
      </c>
      <c r="KJ28" s="71">
        <v>12</v>
      </c>
      <c r="KK28" s="71">
        <v>10</v>
      </c>
      <c r="KL28" s="72">
        <v>71</v>
      </c>
      <c r="KM28" s="73">
        <v>119</v>
      </c>
    </row>
    <row r="29" spans="2:299" ht="21" customHeight="1" x14ac:dyDescent="0.2">
      <c r="B29" s="126" t="s">
        <v>26</v>
      </c>
      <c r="C29" s="313">
        <v>13</v>
      </c>
      <c r="D29" s="82">
        <v>11</v>
      </c>
      <c r="E29" s="83">
        <v>24</v>
      </c>
      <c r="F29" s="241"/>
      <c r="G29" s="82">
        <v>19</v>
      </c>
      <c r="H29" s="82">
        <v>18</v>
      </c>
      <c r="I29" s="82">
        <v>8</v>
      </c>
      <c r="J29" s="82">
        <v>8</v>
      </c>
      <c r="K29" s="82">
        <v>6</v>
      </c>
      <c r="L29" s="84">
        <v>59</v>
      </c>
      <c r="M29" s="85">
        <v>83</v>
      </c>
      <c r="N29" s="70">
        <v>2</v>
      </c>
      <c r="O29" s="71">
        <v>0</v>
      </c>
      <c r="P29" s="72">
        <v>2</v>
      </c>
      <c r="Q29" s="244"/>
      <c r="R29" s="71">
        <v>0</v>
      </c>
      <c r="S29" s="71">
        <v>1</v>
      </c>
      <c r="T29" s="71">
        <v>0</v>
      </c>
      <c r="U29" s="71">
        <v>0</v>
      </c>
      <c r="V29" s="71">
        <v>0</v>
      </c>
      <c r="W29" s="72">
        <v>1</v>
      </c>
      <c r="X29" s="73">
        <v>3</v>
      </c>
      <c r="Y29" s="70">
        <v>2</v>
      </c>
      <c r="Z29" s="71">
        <v>0</v>
      </c>
      <c r="AA29" s="72">
        <v>2</v>
      </c>
      <c r="AB29" s="244"/>
      <c r="AC29" s="71">
        <v>0</v>
      </c>
      <c r="AD29" s="71">
        <v>2</v>
      </c>
      <c r="AE29" s="71">
        <v>1</v>
      </c>
      <c r="AF29" s="71">
        <v>0</v>
      </c>
      <c r="AG29" s="71">
        <v>1</v>
      </c>
      <c r="AH29" s="72">
        <v>4</v>
      </c>
      <c r="AI29" s="73">
        <v>6</v>
      </c>
      <c r="AJ29" s="70">
        <v>1</v>
      </c>
      <c r="AK29" s="71">
        <v>0</v>
      </c>
      <c r="AL29" s="72">
        <v>1</v>
      </c>
      <c r="AM29" s="244"/>
      <c r="AN29" s="71">
        <v>1</v>
      </c>
      <c r="AO29" s="71">
        <v>2</v>
      </c>
      <c r="AP29" s="71">
        <v>1</v>
      </c>
      <c r="AQ29" s="71">
        <v>2</v>
      </c>
      <c r="AR29" s="71">
        <v>1</v>
      </c>
      <c r="AS29" s="72">
        <v>7</v>
      </c>
      <c r="AT29" s="73">
        <v>8</v>
      </c>
      <c r="AU29" s="70">
        <v>2</v>
      </c>
      <c r="AV29" s="71">
        <v>4</v>
      </c>
      <c r="AW29" s="72">
        <v>6</v>
      </c>
      <c r="AX29" s="244"/>
      <c r="AY29" s="71">
        <v>6</v>
      </c>
      <c r="AZ29" s="71">
        <v>2</v>
      </c>
      <c r="BA29" s="71">
        <v>0</v>
      </c>
      <c r="BB29" s="71">
        <v>2</v>
      </c>
      <c r="BC29" s="71">
        <v>0</v>
      </c>
      <c r="BD29" s="72">
        <v>10</v>
      </c>
      <c r="BE29" s="73">
        <v>16</v>
      </c>
      <c r="BF29" s="70">
        <v>3</v>
      </c>
      <c r="BG29" s="71">
        <v>3</v>
      </c>
      <c r="BH29" s="72">
        <v>6</v>
      </c>
      <c r="BI29" s="244"/>
      <c r="BJ29" s="71">
        <v>5</v>
      </c>
      <c r="BK29" s="71">
        <v>6</v>
      </c>
      <c r="BL29" s="71">
        <v>2</v>
      </c>
      <c r="BM29" s="71">
        <v>3</v>
      </c>
      <c r="BN29" s="71">
        <v>2</v>
      </c>
      <c r="BO29" s="72">
        <v>18</v>
      </c>
      <c r="BP29" s="73">
        <v>24</v>
      </c>
      <c r="BQ29" s="70">
        <v>3</v>
      </c>
      <c r="BR29" s="71">
        <v>4</v>
      </c>
      <c r="BS29" s="72">
        <v>7</v>
      </c>
      <c r="BT29" s="244"/>
      <c r="BU29" s="71">
        <v>7</v>
      </c>
      <c r="BV29" s="71">
        <v>5</v>
      </c>
      <c r="BW29" s="71">
        <v>4</v>
      </c>
      <c r="BX29" s="71">
        <v>1</v>
      </c>
      <c r="BY29" s="71">
        <v>2</v>
      </c>
      <c r="BZ29" s="72">
        <v>19</v>
      </c>
      <c r="CA29" s="73">
        <v>26</v>
      </c>
      <c r="CB29" s="70">
        <v>0</v>
      </c>
      <c r="CC29" s="71">
        <v>0</v>
      </c>
      <c r="CD29" s="72">
        <v>0</v>
      </c>
      <c r="CE29" s="244"/>
      <c r="CF29" s="71">
        <v>0</v>
      </c>
      <c r="CG29" s="71">
        <v>0</v>
      </c>
      <c r="CH29" s="71">
        <v>0</v>
      </c>
      <c r="CI29" s="71">
        <v>0</v>
      </c>
      <c r="CJ29" s="71">
        <v>0</v>
      </c>
      <c r="CK29" s="72">
        <v>0</v>
      </c>
      <c r="CL29" s="73">
        <v>0</v>
      </c>
      <c r="CM29" s="70">
        <v>13</v>
      </c>
      <c r="CN29" s="71">
        <v>11</v>
      </c>
      <c r="CO29" s="72">
        <v>24</v>
      </c>
      <c r="CP29" s="244"/>
      <c r="CQ29" s="71">
        <v>19</v>
      </c>
      <c r="CR29" s="71">
        <v>18</v>
      </c>
      <c r="CS29" s="71">
        <v>8</v>
      </c>
      <c r="CT29" s="71">
        <v>8</v>
      </c>
      <c r="CU29" s="71">
        <v>6</v>
      </c>
      <c r="CV29" s="72">
        <v>59</v>
      </c>
      <c r="CW29" s="73">
        <v>83</v>
      </c>
      <c r="CX29" s="123">
        <v>5</v>
      </c>
      <c r="CY29" s="82">
        <v>6</v>
      </c>
      <c r="CZ29" s="83">
        <v>11</v>
      </c>
      <c r="DA29" s="241"/>
      <c r="DB29" s="82">
        <v>10</v>
      </c>
      <c r="DC29" s="82">
        <v>4</v>
      </c>
      <c r="DD29" s="82">
        <v>3</v>
      </c>
      <c r="DE29" s="82">
        <v>3</v>
      </c>
      <c r="DF29" s="82">
        <v>2</v>
      </c>
      <c r="DG29" s="84">
        <v>22</v>
      </c>
      <c r="DH29" s="85">
        <v>33</v>
      </c>
      <c r="DI29" s="70">
        <v>0</v>
      </c>
      <c r="DJ29" s="71">
        <v>0</v>
      </c>
      <c r="DK29" s="72">
        <v>0</v>
      </c>
      <c r="DL29" s="244"/>
      <c r="DM29" s="71">
        <v>0</v>
      </c>
      <c r="DN29" s="71">
        <v>0</v>
      </c>
      <c r="DO29" s="71">
        <v>0</v>
      </c>
      <c r="DP29" s="71">
        <v>0</v>
      </c>
      <c r="DQ29" s="71">
        <v>0</v>
      </c>
      <c r="DR29" s="72">
        <v>0</v>
      </c>
      <c r="DS29" s="73">
        <v>0</v>
      </c>
      <c r="DT29" s="70">
        <v>1</v>
      </c>
      <c r="DU29" s="71">
        <v>0</v>
      </c>
      <c r="DV29" s="72">
        <v>1</v>
      </c>
      <c r="DW29" s="244"/>
      <c r="DX29" s="71">
        <v>1</v>
      </c>
      <c r="DY29" s="71">
        <v>0</v>
      </c>
      <c r="DZ29" s="71">
        <v>0</v>
      </c>
      <c r="EA29" s="71">
        <v>1</v>
      </c>
      <c r="EB29" s="71">
        <v>0</v>
      </c>
      <c r="EC29" s="72">
        <v>2</v>
      </c>
      <c r="ED29" s="73">
        <v>3</v>
      </c>
      <c r="EE29" s="70">
        <v>1</v>
      </c>
      <c r="EF29" s="71">
        <v>2</v>
      </c>
      <c r="EG29" s="72">
        <v>3</v>
      </c>
      <c r="EH29" s="244"/>
      <c r="EI29" s="71">
        <v>1</v>
      </c>
      <c r="EJ29" s="71">
        <v>0</v>
      </c>
      <c r="EK29" s="71">
        <v>0</v>
      </c>
      <c r="EL29" s="71">
        <v>0</v>
      </c>
      <c r="EM29" s="71">
        <v>0</v>
      </c>
      <c r="EN29" s="72">
        <v>1</v>
      </c>
      <c r="EO29" s="73">
        <v>4</v>
      </c>
      <c r="EP29" s="70">
        <v>0</v>
      </c>
      <c r="EQ29" s="71">
        <v>0</v>
      </c>
      <c r="ER29" s="72">
        <v>0</v>
      </c>
      <c r="ES29" s="244"/>
      <c r="ET29" s="71">
        <v>0</v>
      </c>
      <c r="EU29" s="71">
        <v>0</v>
      </c>
      <c r="EV29" s="71">
        <v>0</v>
      </c>
      <c r="EW29" s="71">
        <v>0</v>
      </c>
      <c r="EX29" s="71">
        <v>0</v>
      </c>
      <c r="EY29" s="72">
        <v>0</v>
      </c>
      <c r="EZ29" s="73">
        <v>0</v>
      </c>
      <c r="FA29" s="70">
        <v>2</v>
      </c>
      <c r="FB29" s="71">
        <v>2</v>
      </c>
      <c r="FC29" s="72">
        <v>4</v>
      </c>
      <c r="FD29" s="244"/>
      <c r="FE29" s="71">
        <v>2</v>
      </c>
      <c r="FF29" s="71">
        <v>1</v>
      </c>
      <c r="FG29" s="71">
        <v>1</v>
      </c>
      <c r="FH29" s="71">
        <v>0</v>
      </c>
      <c r="FI29" s="71">
        <v>1</v>
      </c>
      <c r="FJ29" s="72">
        <v>5</v>
      </c>
      <c r="FK29" s="73">
        <v>9</v>
      </c>
      <c r="FL29" s="70">
        <v>1</v>
      </c>
      <c r="FM29" s="71">
        <v>2</v>
      </c>
      <c r="FN29" s="72">
        <v>3</v>
      </c>
      <c r="FO29" s="244"/>
      <c r="FP29" s="71">
        <v>6</v>
      </c>
      <c r="FQ29" s="71">
        <v>3</v>
      </c>
      <c r="FR29" s="71">
        <v>2</v>
      </c>
      <c r="FS29" s="71">
        <v>2</v>
      </c>
      <c r="FT29" s="71">
        <v>1</v>
      </c>
      <c r="FU29" s="72">
        <v>14</v>
      </c>
      <c r="FV29" s="73">
        <v>17</v>
      </c>
      <c r="FW29" s="70">
        <v>0</v>
      </c>
      <c r="FX29" s="71">
        <v>0</v>
      </c>
      <c r="FY29" s="72">
        <v>0</v>
      </c>
      <c r="FZ29" s="244"/>
      <c r="GA29" s="71">
        <v>0</v>
      </c>
      <c r="GB29" s="71">
        <v>0</v>
      </c>
      <c r="GC29" s="71">
        <v>0</v>
      </c>
      <c r="GD29" s="71">
        <v>0</v>
      </c>
      <c r="GE29" s="71">
        <v>0</v>
      </c>
      <c r="GF29" s="72">
        <v>0</v>
      </c>
      <c r="GG29" s="73">
        <v>0</v>
      </c>
      <c r="GH29" s="70">
        <v>5</v>
      </c>
      <c r="GI29" s="71">
        <v>6</v>
      </c>
      <c r="GJ29" s="72">
        <v>11</v>
      </c>
      <c r="GK29" s="244"/>
      <c r="GL29" s="71">
        <v>10</v>
      </c>
      <c r="GM29" s="71">
        <v>4</v>
      </c>
      <c r="GN29" s="71">
        <v>3</v>
      </c>
      <c r="GO29" s="71">
        <v>3</v>
      </c>
      <c r="GP29" s="71">
        <v>2</v>
      </c>
      <c r="GQ29" s="72">
        <v>22</v>
      </c>
      <c r="GR29" s="73">
        <v>33</v>
      </c>
      <c r="GS29" s="123">
        <v>18</v>
      </c>
      <c r="GT29" s="82">
        <v>17</v>
      </c>
      <c r="GU29" s="83">
        <v>35</v>
      </c>
      <c r="GV29" s="241"/>
      <c r="GW29" s="82">
        <v>29</v>
      </c>
      <c r="GX29" s="82">
        <v>22</v>
      </c>
      <c r="GY29" s="82">
        <v>11</v>
      </c>
      <c r="GZ29" s="82">
        <v>11</v>
      </c>
      <c r="HA29" s="82">
        <v>8</v>
      </c>
      <c r="HB29" s="84">
        <v>81</v>
      </c>
      <c r="HC29" s="85">
        <v>116</v>
      </c>
      <c r="HD29" s="70">
        <v>2</v>
      </c>
      <c r="HE29" s="71">
        <v>0</v>
      </c>
      <c r="HF29" s="72">
        <v>2</v>
      </c>
      <c r="HG29" s="244"/>
      <c r="HH29" s="71">
        <v>0</v>
      </c>
      <c r="HI29" s="71">
        <v>1</v>
      </c>
      <c r="HJ29" s="71">
        <v>0</v>
      </c>
      <c r="HK29" s="71">
        <v>0</v>
      </c>
      <c r="HL29" s="71">
        <v>0</v>
      </c>
      <c r="HM29" s="72">
        <v>1</v>
      </c>
      <c r="HN29" s="73">
        <v>3</v>
      </c>
      <c r="HO29" s="70">
        <v>3</v>
      </c>
      <c r="HP29" s="71">
        <v>0</v>
      </c>
      <c r="HQ29" s="72">
        <v>3</v>
      </c>
      <c r="HR29" s="244"/>
      <c r="HS29" s="71">
        <v>1</v>
      </c>
      <c r="HT29" s="71">
        <v>2</v>
      </c>
      <c r="HU29" s="71">
        <v>1</v>
      </c>
      <c r="HV29" s="71">
        <v>1</v>
      </c>
      <c r="HW29" s="71">
        <v>1</v>
      </c>
      <c r="HX29" s="72">
        <v>6</v>
      </c>
      <c r="HY29" s="73">
        <v>9</v>
      </c>
      <c r="HZ29" s="70">
        <v>2</v>
      </c>
      <c r="IA29" s="71">
        <v>2</v>
      </c>
      <c r="IB29" s="72">
        <v>4</v>
      </c>
      <c r="IC29" s="244"/>
      <c r="ID29" s="71">
        <v>2</v>
      </c>
      <c r="IE29" s="71">
        <v>2</v>
      </c>
      <c r="IF29" s="71">
        <v>1</v>
      </c>
      <c r="IG29" s="71">
        <v>2</v>
      </c>
      <c r="IH29" s="71">
        <v>1</v>
      </c>
      <c r="II29" s="72">
        <v>8</v>
      </c>
      <c r="IJ29" s="73">
        <v>12</v>
      </c>
      <c r="IK29" s="70">
        <v>2</v>
      </c>
      <c r="IL29" s="71">
        <v>4</v>
      </c>
      <c r="IM29" s="72">
        <v>6</v>
      </c>
      <c r="IN29" s="244"/>
      <c r="IO29" s="71">
        <v>6</v>
      </c>
      <c r="IP29" s="71">
        <v>2</v>
      </c>
      <c r="IQ29" s="71">
        <v>0</v>
      </c>
      <c r="IR29" s="71">
        <v>2</v>
      </c>
      <c r="IS29" s="71">
        <v>0</v>
      </c>
      <c r="IT29" s="72">
        <v>10</v>
      </c>
      <c r="IU29" s="73">
        <v>16</v>
      </c>
      <c r="IV29" s="70">
        <v>5</v>
      </c>
      <c r="IW29" s="71">
        <v>5</v>
      </c>
      <c r="IX29" s="72">
        <v>10</v>
      </c>
      <c r="IY29" s="244"/>
      <c r="IZ29" s="71">
        <v>7</v>
      </c>
      <c r="JA29" s="71">
        <v>7</v>
      </c>
      <c r="JB29" s="71">
        <v>3</v>
      </c>
      <c r="JC29" s="71">
        <v>3</v>
      </c>
      <c r="JD29" s="71">
        <v>3</v>
      </c>
      <c r="JE29" s="72">
        <v>23</v>
      </c>
      <c r="JF29" s="73">
        <v>33</v>
      </c>
      <c r="JG29" s="70">
        <v>4</v>
      </c>
      <c r="JH29" s="71">
        <v>6</v>
      </c>
      <c r="JI29" s="72">
        <v>10</v>
      </c>
      <c r="JJ29" s="244"/>
      <c r="JK29" s="71">
        <v>13</v>
      </c>
      <c r="JL29" s="71">
        <v>8</v>
      </c>
      <c r="JM29" s="71">
        <v>6</v>
      </c>
      <c r="JN29" s="71">
        <v>3</v>
      </c>
      <c r="JO29" s="71">
        <v>3</v>
      </c>
      <c r="JP29" s="72">
        <v>33</v>
      </c>
      <c r="JQ29" s="73">
        <v>43</v>
      </c>
      <c r="JR29" s="70">
        <v>0</v>
      </c>
      <c r="JS29" s="71">
        <v>0</v>
      </c>
      <c r="JT29" s="72">
        <v>0</v>
      </c>
      <c r="JU29" s="244"/>
      <c r="JV29" s="71">
        <v>0</v>
      </c>
      <c r="JW29" s="71">
        <v>0</v>
      </c>
      <c r="JX29" s="71">
        <v>0</v>
      </c>
      <c r="JY29" s="71">
        <v>0</v>
      </c>
      <c r="JZ29" s="71">
        <v>0</v>
      </c>
      <c r="KA29" s="72">
        <v>0</v>
      </c>
      <c r="KB29" s="73">
        <v>0</v>
      </c>
      <c r="KC29" s="70">
        <v>18</v>
      </c>
      <c r="KD29" s="71">
        <v>17</v>
      </c>
      <c r="KE29" s="72">
        <v>35</v>
      </c>
      <c r="KF29" s="244"/>
      <c r="KG29" s="71">
        <v>29</v>
      </c>
      <c r="KH29" s="71">
        <v>22</v>
      </c>
      <c r="KI29" s="71">
        <v>11</v>
      </c>
      <c r="KJ29" s="71">
        <v>11</v>
      </c>
      <c r="KK29" s="71">
        <v>8</v>
      </c>
      <c r="KL29" s="72">
        <v>81</v>
      </c>
      <c r="KM29" s="73">
        <v>116</v>
      </c>
    </row>
    <row r="30" spans="2:299" ht="21" customHeight="1" x14ac:dyDescent="0.2">
      <c r="B30" s="126" t="s">
        <v>27</v>
      </c>
      <c r="C30" s="313">
        <v>12</v>
      </c>
      <c r="D30" s="82">
        <v>15</v>
      </c>
      <c r="E30" s="83">
        <v>27</v>
      </c>
      <c r="F30" s="241"/>
      <c r="G30" s="82">
        <v>10</v>
      </c>
      <c r="H30" s="82">
        <v>12</v>
      </c>
      <c r="I30" s="82">
        <v>8</v>
      </c>
      <c r="J30" s="82">
        <v>9</v>
      </c>
      <c r="K30" s="82">
        <v>1</v>
      </c>
      <c r="L30" s="84">
        <v>40</v>
      </c>
      <c r="M30" s="85">
        <v>67</v>
      </c>
      <c r="N30" s="70">
        <v>0</v>
      </c>
      <c r="O30" s="71">
        <v>1</v>
      </c>
      <c r="P30" s="72">
        <v>1</v>
      </c>
      <c r="Q30" s="244"/>
      <c r="R30" s="71">
        <v>0</v>
      </c>
      <c r="S30" s="71">
        <v>0</v>
      </c>
      <c r="T30" s="71">
        <v>0</v>
      </c>
      <c r="U30" s="71">
        <v>1</v>
      </c>
      <c r="V30" s="71">
        <v>0</v>
      </c>
      <c r="W30" s="72">
        <v>1</v>
      </c>
      <c r="X30" s="73">
        <v>2</v>
      </c>
      <c r="Y30" s="70">
        <v>1</v>
      </c>
      <c r="Z30" s="71">
        <v>0</v>
      </c>
      <c r="AA30" s="72">
        <v>1</v>
      </c>
      <c r="AB30" s="244"/>
      <c r="AC30" s="71">
        <v>1</v>
      </c>
      <c r="AD30" s="71">
        <v>2</v>
      </c>
      <c r="AE30" s="71">
        <v>0</v>
      </c>
      <c r="AF30" s="71">
        <v>0</v>
      </c>
      <c r="AG30" s="71">
        <v>0</v>
      </c>
      <c r="AH30" s="72">
        <v>3</v>
      </c>
      <c r="AI30" s="73">
        <v>4</v>
      </c>
      <c r="AJ30" s="70">
        <v>1</v>
      </c>
      <c r="AK30" s="71">
        <v>3</v>
      </c>
      <c r="AL30" s="72">
        <v>4</v>
      </c>
      <c r="AM30" s="244"/>
      <c r="AN30" s="71">
        <v>0</v>
      </c>
      <c r="AO30" s="71">
        <v>1</v>
      </c>
      <c r="AP30" s="71">
        <v>0</v>
      </c>
      <c r="AQ30" s="71">
        <v>0</v>
      </c>
      <c r="AR30" s="71">
        <v>0</v>
      </c>
      <c r="AS30" s="72">
        <v>1</v>
      </c>
      <c r="AT30" s="73">
        <v>5</v>
      </c>
      <c r="AU30" s="70">
        <v>4</v>
      </c>
      <c r="AV30" s="71">
        <v>5</v>
      </c>
      <c r="AW30" s="72">
        <v>9</v>
      </c>
      <c r="AX30" s="244"/>
      <c r="AY30" s="71">
        <v>3</v>
      </c>
      <c r="AZ30" s="71">
        <v>3</v>
      </c>
      <c r="BA30" s="71">
        <v>2</v>
      </c>
      <c r="BB30" s="71">
        <v>2</v>
      </c>
      <c r="BC30" s="71">
        <v>0</v>
      </c>
      <c r="BD30" s="72">
        <v>10</v>
      </c>
      <c r="BE30" s="73">
        <v>19</v>
      </c>
      <c r="BF30" s="70">
        <v>2</v>
      </c>
      <c r="BG30" s="71">
        <v>4</v>
      </c>
      <c r="BH30" s="72">
        <v>6</v>
      </c>
      <c r="BI30" s="244"/>
      <c r="BJ30" s="71">
        <v>2</v>
      </c>
      <c r="BK30" s="71">
        <v>3</v>
      </c>
      <c r="BL30" s="71">
        <v>3</v>
      </c>
      <c r="BM30" s="71">
        <v>4</v>
      </c>
      <c r="BN30" s="71">
        <v>1</v>
      </c>
      <c r="BO30" s="72">
        <v>13</v>
      </c>
      <c r="BP30" s="73">
        <v>19</v>
      </c>
      <c r="BQ30" s="70">
        <v>4</v>
      </c>
      <c r="BR30" s="71">
        <v>2</v>
      </c>
      <c r="BS30" s="72">
        <v>6</v>
      </c>
      <c r="BT30" s="244"/>
      <c r="BU30" s="71">
        <v>4</v>
      </c>
      <c r="BV30" s="71">
        <v>3</v>
      </c>
      <c r="BW30" s="71">
        <v>3</v>
      </c>
      <c r="BX30" s="71">
        <v>2</v>
      </c>
      <c r="BY30" s="71">
        <v>0</v>
      </c>
      <c r="BZ30" s="72">
        <v>12</v>
      </c>
      <c r="CA30" s="73">
        <v>18</v>
      </c>
      <c r="CB30" s="70">
        <v>0</v>
      </c>
      <c r="CC30" s="71">
        <v>0</v>
      </c>
      <c r="CD30" s="72">
        <v>0</v>
      </c>
      <c r="CE30" s="244"/>
      <c r="CF30" s="71">
        <v>0</v>
      </c>
      <c r="CG30" s="71">
        <v>0</v>
      </c>
      <c r="CH30" s="71">
        <v>0</v>
      </c>
      <c r="CI30" s="71">
        <v>0</v>
      </c>
      <c r="CJ30" s="71">
        <v>0</v>
      </c>
      <c r="CK30" s="72">
        <v>0</v>
      </c>
      <c r="CL30" s="73">
        <v>0</v>
      </c>
      <c r="CM30" s="70">
        <v>12</v>
      </c>
      <c r="CN30" s="71">
        <v>15</v>
      </c>
      <c r="CO30" s="72">
        <v>27</v>
      </c>
      <c r="CP30" s="244"/>
      <c r="CQ30" s="71">
        <v>10</v>
      </c>
      <c r="CR30" s="71">
        <v>12</v>
      </c>
      <c r="CS30" s="71">
        <v>8</v>
      </c>
      <c r="CT30" s="71">
        <v>9</v>
      </c>
      <c r="CU30" s="71">
        <v>1</v>
      </c>
      <c r="CV30" s="72">
        <v>40</v>
      </c>
      <c r="CW30" s="73">
        <v>67</v>
      </c>
      <c r="CX30" s="123">
        <v>5</v>
      </c>
      <c r="CY30" s="82">
        <v>4</v>
      </c>
      <c r="CZ30" s="83">
        <v>9</v>
      </c>
      <c r="DA30" s="241"/>
      <c r="DB30" s="82">
        <v>4</v>
      </c>
      <c r="DC30" s="82">
        <v>1</v>
      </c>
      <c r="DD30" s="82">
        <v>8</v>
      </c>
      <c r="DE30" s="82">
        <v>1</v>
      </c>
      <c r="DF30" s="82">
        <v>1</v>
      </c>
      <c r="DG30" s="84">
        <v>15</v>
      </c>
      <c r="DH30" s="85">
        <v>24</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0</v>
      </c>
      <c r="DZ30" s="71">
        <v>1</v>
      </c>
      <c r="EA30" s="71">
        <v>0</v>
      </c>
      <c r="EB30" s="71">
        <v>0</v>
      </c>
      <c r="EC30" s="72">
        <v>1</v>
      </c>
      <c r="ED30" s="73">
        <v>1</v>
      </c>
      <c r="EE30" s="70">
        <v>1</v>
      </c>
      <c r="EF30" s="71">
        <v>0</v>
      </c>
      <c r="EG30" s="72">
        <v>1</v>
      </c>
      <c r="EH30" s="244"/>
      <c r="EI30" s="71">
        <v>0</v>
      </c>
      <c r="EJ30" s="71">
        <v>1</v>
      </c>
      <c r="EK30" s="71">
        <v>0</v>
      </c>
      <c r="EL30" s="71">
        <v>0</v>
      </c>
      <c r="EM30" s="71">
        <v>0</v>
      </c>
      <c r="EN30" s="72">
        <v>1</v>
      </c>
      <c r="EO30" s="73">
        <v>2</v>
      </c>
      <c r="EP30" s="70">
        <v>2</v>
      </c>
      <c r="EQ30" s="71">
        <v>0</v>
      </c>
      <c r="ER30" s="72">
        <v>2</v>
      </c>
      <c r="ES30" s="244"/>
      <c r="ET30" s="71">
        <v>1</v>
      </c>
      <c r="EU30" s="71">
        <v>0</v>
      </c>
      <c r="EV30" s="71">
        <v>0</v>
      </c>
      <c r="EW30" s="71">
        <v>0</v>
      </c>
      <c r="EX30" s="71">
        <v>0</v>
      </c>
      <c r="EY30" s="72">
        <v>1</v>
      </c>
      <c r="EZ30" s="73">
        <v>3</v>
      </c>
      <c r="FA30" s="70">
        <v>1</v>
      </c>
      <c r="FB30" s="71">
        <v>2</v>
      </c>
      <c r="FC30" s="72">
        <v>3</v>
      </c>
      <c r="FD30" s="244"/>
      <c r="FE30" s="71">
        <v>1</v>
      </c>
      <c r="FF30" s="71">
        <v>0</v>
      </c>
      <c r="FG30" s="71">
        <v>3</v>
      </c>
      <c r="FH30" s="71">
        <v>0</v>
      </c>
      <c r="FI30" s="71">
        <v>0</v>
      </c>
      <c r="FJ30" s="72">
        <v>4</v>
      </c>
      <c r="FK30" s="73">
        <v>7</v>
      </c>
      <c r="FL30" s="70">
        <v>1</v>
      </c>
      <c r="FM30" s="71">
        <v>2</v>
      </c>
      <c r="FN30" s="72">
        <v>3</v>
      </c>
      <c r="FO30" s="244"/>
      <c r="FP30" s="71">
        <v>2</v>
      </c>
      <c r="FQ30" s="71">
        <v>0</v>
      </c>
      <c r="FR30" s="71">
        <v>4</v>
      </c>
      <c r="FS30" s="71">
        <v>1</v>
      </c>
      <c r="FT30" s="71">
        <v>1</v>
      </c>
      <c r="FU30" s="72">
        <v>8</v>
      </c>
      <c r="FV30" s="73">
        <v>11</v>
      </c>
      <c r="FW30" s="70">
        <v>0</v>
      </c>
      <c r="FX30" s="71">
        <v>0</v>
      </c>
      <c r="FY30" s="72">
        <v>0</v>
      </c>
      <c r="FZ30" s="244"/>
      <c r="GA30" s="71">
        <v>0</v>
      </c>
      <c r="GB30" s="71">
        <v>0</v>
      </c>
      <c r="GC30" s="71">
        <v>0</v>
      </c>
      <c r="GD30" s="71">
        <v>0</v>
      </c>
      <c r="GE30" s="71">
        <v>0</v>
      </c>
      <c r="GF30" s="72">
        <v>0</v>
      </c>
      <c r="GG30" s="73">
        <v>0</v>
      </c>
      <c r="GH30" s="70">
        <v>5</v>
      </c>
      <c r="GI30" s="71">
        <v>4</v>
      </c>
      <c r="GJ30" s="72">
        <v>9</v>
      </c>
      <c r="GK30" s="244"/>
      <c r="GL30" s="71">
        <v>4</v>
      </c>
      <c r="GM30" s="71">
        <v>1</v>
      </c>
      <c r="GN30" s="71">
        <v>8</v>
      </c>
      <c r="GO30" s="71">
        <v>1</v>
      </c>
      <c r="GP30" s="71">
        <v>1</v>
      </c>
      <c r="GQ30" s="72">
        <v>15</v>
      </c>
      <c r="GR30" s="73">
        <v>24</v>
      </c>
      <c r="GS30" s="123">
        <v>17</v>
      </c>
      <c r="GT30" s="82">
        <v>19</v>
      </c>
      <c r="GU30" s="83">
        <v>36</v>
      </c>
      <c r="GV30" s="241"/>
      <c r="GW30" s="82">
        <v>14</v>
      </c>
      <c r="GX30" s="82">
        <v>13</v>
      </c>
      <c r="GY30" s="82">
        <v>16</v>
      </c>
      <c r="GZ30" s="82">
        <v>10</v>
      </c>
      <c r="HA30" s="82">
        <v>2</v>
      </c>
      <c r="HB30" s="84">
        <v>55</v>
      </c>
      <c r="HC30" s="85">
        <v>91</v>
      </c>
      <c r="HD30" s="70">
        <v>0</v>
      </c>
      <c r="HE30" s="71">
        <v>1</v>
      </c>
      <c r="HF30" s="72">
        <v>1</v>
      </c>
      <c r="HG30" s="244"/>
      <c r="HH30" s="71">
        <v>0</v>
      </c>
      <c r="HI30" s="71">
        <v>0</v>
      </c>
      <c r="HJ30" s="71">
        <v>0</v>
      </c>
      <c r="HK30" s="71">
        <v>1</v>
      </c>
      <c r="HL30" s="71">
        <v>0</v>
      </c>
      <c r="HM30" s="72">
        <v>1</v>
      </c>
      <c r="HN30" s="73">
        <v>2</v>
      </c>
      <c r="HO30" s="70">
        <v>1</v>
      </c>
      <c r="HP30" s="71">
        <v>0</v>
      </c>
      <c r="HQ30" s="72">
        <v>1</v>
      </c>
      <c r="HR30" s="244"/>
      <c r="HS30" s="71">
        <v>1</v>
      </c>
      <c r="HT30" s="71">
        <v>2</v>
      </c>
      <c r="HU30" s="71">
        <v>1</v>
      </c>
      <c r="HV30" s="71">
        <v>0</v>
      </c>
      <c r="HW30" s="71">
        <v>0</v>
      </c>
      <c r="HX30" s="72">
        <v>4</v>
      </c>
      <c r="HY30" s="73">
        <v>5</v>
      </c>
      <c r="HZ30" s="70">
        <v>2</v>
      </c>
      <c r="IA30" s="71">
        <v>3</v>
      </c>
      <c r="IB30" s="72">
        <v>5</v>
      </c>
      <c r="IC30" s="244"/>
      <c r="ID30" s="71">
        <v>0</v>
      </c>
      <c r="IE30" s="71">
        <v>2</v>
      </c>
      <c r="IF30" s="71">
        <v>0</v>
      </c>
      <c r="IG30" s="71">
        <v>0</v>
      </c>
      <c r="IH30" s="71">
        <v>0</v>
      </c>
      <c r="II30" s="72">
        <v>2</v>
      </c>
      <c r="IJ30" s="73">
        <v>7</v>
      </c>
      <c r="IK30" s="70">
        <v>6</v>
      </c>
      <c r="IL30" s="71">
        <v>5</v>
      </c>
      <c r="IM30" s="72">
        <v>11</v>
      </c>
      <c r="IN30" s="244"/>
      <c r="IO30" s="71">
        <v>4</v>
      </c>
      <c r="IP30" s="71">
        <v>3</v>
      </c>
      <c r="IQ30" s="71">
        <v>2</v>
      </c>
      <c r="IR30" s="71">
        <v>2</v>
      </c>
      <c r="IS30" s="71">
        <v>0</v>
      </c>
      <c r="IT30" s="72">
        <v>11</v>
      </c>
      <c r="IU30" s="73">
        <v>22</v>
      </c>
      <c r="IV30" s="70">
        <v>3</v>
      </c>
      <c r="IW30" s="71">
        <v>6</v>
      </c>
      <c r="IX30" s="72">
        <v>9</v>
      </c>
      <c r="IY30" s="244"/>
      <c r="IZ30" s="71">
        <v>3</v>
      </c>
      <c r="JA30" s="71">
        <v>3</v>
      </c>
      <c r="JB30" s="71">
        <v>6</v>
      </c>
      <c r="JC30" s="71">
        <v>4</v>
      </c>
      <c r="JD30" s="71">
        <v>1</v>
      </c>
      <c r="JE30" s="72">
        <v>17</v>
      </c>
      <c r="JF30" s="73">
        <v>26</v>
      </c>
      <c r="JG30" s="70">
        <v>5</v>
      </c>
      <c r="JH30" s="71">
        <v>4</v>
      </c>
      <c r="JI30" s="72">
        <v>9</v>
      </c>
      <c r="JJ30" s="244"/>
      <c r="JK30" s="71">
        <v>6</v>
      </c>
      <c r="JL30" s="71">
        <v>3</v>
      </c>
      <c r="JM30" s="71">
        <v>7</v>
      </c>
      <c r="JN30" s="71">
        <v>3</v>
      </c>
      <c r="JO30" s="71">
        <v>1</v>
      </c>
      <c r="JP30" s="72">
        <v>20</v>
      </c>
      <c r="JQ30" s="73">
        <v>29</v>
      </c>
      <c r="JR30" s="70">
        <v>0</v>
      </c>
      <c r="JS30" s="71">
        <v>0</v>
      </c>
      <c r="JT30" s="72">
        <v>0</v>
      </c>
      <c r="JU30" s="244"/>
      <c r="JV30" s="71">
        <v>0</v>
      </c>
      <c r="JW30" s="71">
        <v>0</v>
      </c>
      <c r="JX30" s="71">
        <v>0</v>
      </c>
      <c r="JY30" s="71">
        <v>0</v>
      </c>
      <c r="JZ30" s="71">
        <v>0</v>
      </c>
      <c r="KA30" s="72">
        <v>0</v>
      </c>
      <c r="KB30" s="73">
        <v>0</v>
      </c>
      <c r="KC30" s="70">
        <v>17</v>
      </c>
      <c r="KD30" s="71">
        <v>19</v>
      </c>
      <c r="KE30" s="72">
        <v>36</v>
      </c>
      <c r="KF30" s="244"/>
      <c r="KG30" s="71">
        <v>14</v>
      </c>
      <c r="KH30" s="71">
        <v>13</v>
      </c>
      <c r="KI30" s="71">
        <v>16</v>
      </c>
      <c r="KJ30" s="71">
        <v>10</v>
      </c>
      <c r="KK30" s="71">
        <v>2</v>
      </c>
      <c r="KL30" s="72">
        <v>55</v>
      </c>
      <c r="KM30" s="73">
        <v>91</v>
      </c>
    </row>
    <row r="31" spans="2:299" ht="21" customHeight="1" x14ac:dyDescent="0.2">
      <c r="B31" s="126" t="s">
        <v>28</v>
      </c>
      <c r="C31" s="313">
        <v>1</v>
      </c>
      <c r="D31" s="82">
        <v>2</v>
      </c>
      <c r="E31" s="83">
        <v>3</v>
      </c>
      <c r="F31" s="241"/>
      <c r="G31" s="82">
        <v>6</v>
      </c>
      <c r="H31" s="82">
        <v>2</v>
      </c>
      <c r="I31" s="82">
        <v>4</v>
      </c>
      <c r="J31" s="82">
        <v>2</v>
      </c>
      <c r="K31" s="82">
        <v>2</v>
      </c>
      <c r="L31" s="84">
        <v>16</v>
      </c>
      <c r="M31" s="85">
        <v>19</v>
      </c>
      <c r="N31" s="70">
        <v>0</v>
      </c>
      <c r="O31" s="71">
        <v>1</v>
      </c>
      <c r="P31" s="72">
        <v>1</v>
      </c>
      <c r="Q31" s="244"/>
      <c r="R31" s="71">
        <v>0</v>
      </c>
      <c r="S31" s="71">
        <v>0</v>
      </c>
      <c r="T31" s="71">
        <v>1</v>
      </c>
      <c r="U31" s="71">
        <v>0</v>
      </c>
      <c r="V31" s="71">
        <v>0</v>
      </c>
      <c r="W31" s="72">
        <v>1</v>
      </c>
      <c r="X31" s="73">
        <v>2</v>
      </c>
      <c r="Y31" s="70">
        <v>0</v>
      </c>
      <c r="Z31" s="71">
        <v>1</v>
      </c>
      <c r="AA31" s="72">
        <v>1</v>
      </c>
      <c r="AB31" s="244"/>
      <c r="AC31" s="71">
        <v>1</v>
      </c>
      <c r="AD31" s="71">
        <v>0</v>
      </c>
      <c r="AE31" s="71">
        <v>0</v>
      </c>
      <c r="AF31" s="71">
        <v>0</v>
      </c>
      <c r="AG31" s="71">
        <v>0</v>
      </c>
      <c r="AH31" s="72">
        <v>1</v>
      </c>
      <c r="AI31" s="73">
        <v>2</v>
      </c>
      <c r="AJ31" s="70">
        <v>0</v>
      </c>
      <c r="AK31" s="71">
        <v>0</v>
      </c>
      <c r="AL31" s="72">
        <v>0</v>
      </c>
      <c r="AM31" s="244"/>
      <c r="AN31" s="71">
        <v>1</v>
      </c>
      <c r="AO31" s="71">
        <v>1</v>
      </c>
      <c r="AP31" s="71">
        <v>0</v>
      </c>
      <c r="AQ31" s="71">
        <v>0</v>
      </c>
      <c r="AR31" s="71">
        <v>1</v>
      </c>
      <c r="AS31" s="72">
        <v>3</v>
      </c>
      <c r="AT31" s="73">
        <v>3</v>
      </c>
      <c r="AU31" s="70">
        <v>0</v>
      </c>
      <c r="AV31" s="71">
        <v>0</v>
      </c>
      <c r="AW31" s="72">
        <v>0</v>
      </c>
      <c r="AX31" s="244"/>
      <c r="AY31" s="71">
        <v>3</v>
      </c>
      <c r="AZ31" s="71">
        <v>1</v>
      </c>
      <c r="BA31" s="71">
        <v>0</v>
      </c>
      <c r="BB31" s="71">
        <v>1</v>
      </c>
      <c r="BC31" s="71">
        <v>0</v>
      </c>
      <c r="BD31" s="72">
        <v>5</v>
      </c>
      <c r="BE31" s="73">
        <v>5</v>
      </c>
      <c r="BF31" s="70">
        <v>1</v>
      </c>
      <c r="BG31" s="71">
        <v>0</v>
      </c>
      <c r="BH31" s="72">
        <v>1</v>
      </c>
      <c r="BI31" s="244"/>
      <c r="BJ31" s="71">
        <v>1</v>
      </c>
      <c r="BK31" s="71">
        <v>0</v>
      </c>
      <c r="BL31" s="71">
        <v>0</v>
      </c>
      <c r="BM31" s="71">
        <v>0</v>
      </c>
      <c r="BN31" s="71">
        <v>0</v>
      </c>
      <c r="BO31" s="72">
        <v>1</v>
      </c>
      <c r="BP31" s="73">
        <v>2</v>
      </c>
      <c r="BQ31" s="70">
        <v>0</v>
      </c>
      <c r="BR31" s="71">
        <v>0</v>
      </c>
      <c r="BS31" s="72">
        <v>0</v>
      </c>
      <c r="BT31" s="244"/>
      <c r="BU31" s="71">
        <v>0</v>
      </c>
      <c r="BV31" s="71">
        <v>0</v>
      </c>
      <c r="BW31" s="71">
        <v>3</v>
      </c>
      <c r="BX31" s="71">
        <v>1</v>
      </c>
      <c r="BY31" s="71">
        <v>1</v>
      </c>
      <c r="BZ31" s="72">
        <v>5</v>
      </c>
      <c r="CA31" s="73">
        <v>5</v>
      </c>
      <c r="CB31" s="70">
        <v>0</v>
      </c>
      <c r="CC31" s="71">
        <v>0</v>
      </c>
      <c r="CD31" s="72">
        <v>0</v>
      </c>
      <c r="CE31" s="244"/>
      <c r="CF31" s="71">
        <v>0</v>
      </c>
      <c r="CG31" s="71">
        <v>0</v>
      </c>
      <c r="CH31" s="71">
        <v>0</v>
      </c>
      <c r="CI31" s="71">
        <v>0</v>
      </c>
      <c r="CJ31" s="71">
        <v>0</v>
      </c>
      <c r="CK31" s="72">
        <v>0</v>
      </c>
      <c r="CL31" s="73">
        <v>0</v>
      </c>
      <c r="CM31" s="70">
        <v>1</v>
      </c>
      <c r="CN31" s="71">
        <v>2</v>
      </c>
      <c r="CO31" s="72">
        <v>3</v>
      </c>
      <c r="CP31" s="244"/>
      <c r="CQ31" s="71">
        <v>6</v>
      </c>
      <c r="CR31" s="71">
        <v>2</v>
      </c>
      <c r="CS31" s="71">
        <v>4</v>
      </c>
      <c r="CT31" s="71">
        <v>2</v>
      </c>
      <c r="CU31" s="71">
        <v>2</v>
      </c>
      <c r="CV31" s="72">
        <v>16</v>
      </c>
      <c r="CW31" s="73">
        <v>19</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1</v>
      </c>
      <c r="GT31" s="82">
        <v>2</v>
      </c>
      <c r="GU31" s="83">
        <v>3</v>
      </c>
      <c r="GV31" s="241"/>
      <c r="GW31" s="82">
        <v>6</v>
      </c>
      <c r="GX31" s="82">
        <v>3</v>
      </c>
      <c r="GY31" s="82">
        <v>5</v>
      </c>
      <c r="GZ31" s="82">
        <v>4</v>
      </c>
      <c r="HA31" s="82">
        <v>2</v>
      </c>
      <c r="HB31" s="84">
        <v>20</v>
      </c>
      <c r="HC31" s="85">
        <v>23</v>
      </c>
      <c r="HD31" s="70">
        <v>0</v>
      </c>
      <c r="HE31" s="71">
        <v>1</v>
      </c>
      <c r="HF31" s="72">
        <v>1</v>
      </c>
      <c r="HG31" s="244"/>
      <c r="HH31" s="71">
        <v>0</v>
      </c>
      <c r="HI31" s="71">
        <v>0</v>
      </c>
      <c r="HJ31" s="71">
        <v>1</v>
      </c>
      <c r="HK31" s="71">
        <v>0</v>
      </c>
      <c r="HL31" s="71">
        <v>0</v>
      </c>
      <c r="HM31" s="72">
        <v>1</v>
      </c>
      <c r="HN31" s="73">
        <v>2</v>
      </c>
      <c r="HO31" s="70">
        <v>0</v>
      </c>
      <c r="HP31" s="71">
        <v>1</v>
      </c>
      <c r="HQ31" s="72">
        <v>1</v>
      </c>
      <c r="HR31" s="244"/>
      <c r="HS31" s="71">
        <v>1</v>
      </c>
      <c r="HT31" s="71">
        <v>0</v>
      </c>
      <c r="HU31" s="71">
        <v>1</v>
      </c>
      <c r="HV31" s="71">
        <v>0</v>
      </c>
      <c r="HW31" s="71">
        <v>0</v>
      </c>
      <c r="HX31" s="72">
        <v>2</v>
      </c>
      <c r="HY31" s="73">
        <v>3</v>
      </c>
      <c r="HZ31" s="70">
        <v>0</v>
      </c>
      <c r="IA31" s="71">
        <v>0</v>
      </c>
      <c r="IB31" s="72">
        <v>0</v>
      </c>
      <c r="IC31" s="244"/>
      <c r="ID31" s="71">
        <v>1</v>
      </c>
      <c r="IE31" s="71">
        <v>1</v>
      </c>
      <c r="IF31" s="71">
        <v>0</v>
      </c>
      <c r="IG31" s="71">
        <v>0</v>
      </c>
      <c r="IH31" s="71">
        <v>1</v>
      </c>
      <c r="II31" s="72">
        <v>3</v>
      </c>
      <c r="IJ31" s="73">
        <v>3</v>
      </c>
      <c r="IK31" s="70">
        <v>0</v>
      </c>
      <c r="IL31" s="71">
        <v>0</v>
      </c>
      <c r="IM31" s="72">
        <v>0</v>
      </c>
      <c r="IN31" s="244"/>
      <c r="IO31" s="71">
        <v>3</v>
      </c>
      <c r="IP31" s="71">
        <v>2</v>
      </c>
      <c r="IQ31" s="71">
        <v>0</v>
      </c>
      <c r="IR31" s="71">
        <v>1</v>
      </c>
      <c r="IS31" s="71">
        <v>0</v>
      </c>
      <c r="IT31" s="72">
        <v>6</v>
      </c>
      <c r="IU31" s="73">
        <v>6</v>
      </c>
      <c r="IV31" s="70">
        <v>1</v>
      </c>
      <c r="IW31" s="71">
        <v>0</v>
      </c>
      <c r="IX31" s="72">
        <v>1</v>
      </c>
      <c r="IY31" s="244"/>
      <c r="IZ31" s="71">
        <v>1</v>
      </c>
      <c r="JA31" s="71">
        <v>0</v>
      </c>
      <c r="JB31" s="71">
        <v>0</v>
      </c>
      <c r="JC31" s="71">
        <v>2</v>
      </c>
      <c r="JD31" s="71">
        <v>0</v>
      </c>
      <c r="JE31" s="72">
        <v>3</v>
      </c>
      <c r="JF31" s="73">
        <v>4</v>
      </c>
      <c r="JG31" s="70">
        <v>0</v>
      </c>
      <c r="JH31" s="71">
        <v>0</v>
      </c>
      <c r="JI31" s="72">
        <v>0</v>
      </c>
      <c r="JJ31" s="244"/>
      <c r="JK31" s="71">
        <v>0</v>
      </c>
      <c r="JL31" s="71">
        <v>0</v>
      </c>
      <c r="JM31" s="71">
        <v>3</v>
      </c>
      <c r="JN31" s="71">
        <v>1</v>
      </c>
      <c r="JO31" s="71">
        <v>1</v>
      </c>
      <c r="JP31" s="72">
        <v>5</v>
      </c>
      <c r="JQ31" s="73">
        <v>5</v>
      </c>
      <c r="JR31" s="70">
        <v>0</v>
      </c>
      <c r="JS31" s="71">
        <v>0</v>
      </c>
      <c r="JT31" s="72">
        <v>0</v>
      </c>
      <c r="JU31" s="244"/>
      <c r="JV31" s="71">
        <v>0</v>
      </c>
      <c r="JW31" s="71">
        <v>0</v>
      </c>
      <c r="JX31" s="71">
        <v>0</v>
      </c>
      <c r="JY31" s="71">
        <v>0</v>
      </c>
      <c r="JZ31" s="71">
        <v>0</v>
      </c>
      <c r="KA31" s="72">
        <v>0</v>
      </c>
      <c r="KB31" s="73">
        <v>0</v>
      </c>
      <c r="KC31" s="70">
        <v>1</v>
      </c>
      <c r="KD31" s="71">
        <v>2</v>
      </c>
      <c r="KE31" s="72">
        <v>3</v>
      </c>
      <c r="KF31" s="244"/>
      <c r="KG31" s="71">
        <v>6</v>
      </c>
      <c r="KH31" s="71">
        <v>3</v>
      </c>
      <c r="KI31" s="71">
        <v>5</v>
      </c>
      <c r="KJ31" s="71">
        <v>4</v>
      </c>
      <c r="KK31" s="71">
        <v>2</v>
      </c>
      <c r="KL31" s="72">
        <v>20</v>
      </c>
      <c r="KM31" s="73">
        <v>23</v>
      </c>
    </row>
    <row r="32" spans="2:299" ht="21" customHeight="1" x14ac:dyDescent="0.2">
      <c r="B32" s="126" t="s">
        <v>29</v>
      </c>
      <c r="C32" s="313">
        <v>1</v>
      </c>
      <c r="D32" s="82">
        <v>4</v>
      </c>
      <c r="E32" s="83">
        <v>5</v>
      </c>
      <c r="F32" s="241"/>
      <c r="G32" s="82">
        <v>8</v>
      </c>
      <c r="H32" s="82">
        <v>3</v>
      </c>
      <c r="I32" s="82">
        <v>5</v>
      </c>
      <c r="J32" s="82">
        <v>5</v>
      </c>
      <c r="K32" s="82">
        <v>0</v>
      </c>
      <c r="L32" s="84">
        <v>21</v>
      </c>
      <c r="M32" s="85">
        <v>26</v>
      </c>
      <c r="N32" s="70">
        <v>0</v>
      </c>
      <c r="O32" s="71">
        <v>0</v>
      </c>
      <c r="P32" s="72">
        <v>0</v>
      </c>
      <c r="Q32" s="244"/>
      <c r="R32" s="71">
        <v>0</v>
      </c>
      <c r="S32" s="71">
        <v>0</v>
      </c>
      <c r="T32" s="71">
        <v>1</v>
      </c>
      <c r="U32" s="71">
        <v>0</v>
      </c>
      <c r="V32" s="71">
        <v>0</v>
      </c>
      <c r="W32" s="72">
        <v>1</v>
      </c>
      <c r="X32" s="73">
        <v>1</v>
      </c>
      <c r="Y32" s="70">
        <v>0</v>
      </c>
      <c r="Z32" s="71">
        <v>0</v>
      </c>
      <c r="AA32" s="72">
        <v>0</v>
      </c>
      <c r="AB32" s="244"/>
      <c r="AC32" s="71">
        <v>0</v>
      </c>
      <c r="AD32" s="71">
        <v>1</v>
      </c>
      <c r="AE32" s="71">
        <v>0</v>
      </c>
      <c r="AF32" s="71">
        <v>1</v>
      </c>
      <c r="AG32" s="71">
        <v>0</v>
      </c>
      <c r="AH32" s="72">
        <v>2</v>
      </c>
      <c r="AI32" s="73">
        <v>2</v>
      </c>
      <c r="AJ32" s="70">
        <v>0</v>
      </c>
      <c r="AK32" s="71">
        <v>1</v>
      </c>
      <c r="AL32" s="72">
        <v>1</v>
      </c>
      <c r="AM32" s="244"/>
      <c r="AN32" s="71">
        <v>1</v>
      </c>
      <c r="AO32" s="71">
        <v>0</v>
      </c>
      <c r="AP32" s="71">
        <v>1</v>
      </c>
      <c r="AQ32" s="71">
        <v>0</v>
      </c>
      <c r="AR32" s="71">
        <v>0</v>
      </c>
      <c r="AS32" s="72">
        <v>2</v>
      </c>
      <c r="AT32" s="73">
        <v>3</v>
      </c>
      <c r="AU32" s="70">
        <v>0</v>
      </c>
      <c r="AV32" s="71">
        <v>1</v>
      </c>
      <c r="AW32" s="72">
        <v>1</v>
      </c>
      <c r="AX32" s="244"/>
      <c r="AY32" s="71">
        <v>3</v>
      </c>
      <c r="AZ32" s="71">
        <v>0</v>
      </c>
      <c r="BA32" s="71">
        <v>1</v>
      </c>
      <c r="BB32" s="71">
        <v>1</v>
      </c>
      <c r="BC32" s="71">
        <v>0</v>
      </c>
      <c r="BD32" s="72">
        <v>5</v>
      </c>
      <c r="BE32" s="73">
        <v>6</v>
      </c>
      <c r="BF32" s="70">
        <v>0</v>
      </c>
      <c r="BG32" s="71">
        <v>2</v>
      </c>
      <c r="BH32" s="72">
        <v>2</v>
      </c>
      <c r="BI32" s="244"/>
      <c r="BJ32" s="71">
        <v>2</v>
      </c>
      <c r="BK32" s="71">
        <v>0</v>
      </c>
      <c r="BL32" s="71">
        <v>1</v>
      </c>
      <c r="BM32" s="71">
        <v>1</v>
      </c>
      <c r="BN32" s="71">
        <v>0</v>
      </c>
      <c r="BO32" s="72">
        <v>4</v>
      </c>
      <c r="BP32" s="73">
        <v>6</v>
      </c>
      <c r="BQ32" s="70">
        <v>1</v>
      </c>
      <c r="BR32" s="71">
        <v>0</v>
      </c>
      <c r="BS32" s="72">
        <v>1</v>
      </c>
      <c r="BT32" s="244"/>
      <c r="BU32" s="71">
        <v>2</v>
      </c>
      <c r="BV32" s="71">
        <v>2</v>
      </c>
      <c r="BW32" s="71">
        <v>1</v>
      </c>
      <c r="BX32" s="71">
        <v>2</v>
      </c>
      <c r="BY32" s="71">
        <v>0</v>
      </c>
      <c r="BZ32" s="72">
        <v>7</v>
      </c>
      <c r="CA32" s="73">
        <v>8</v>
      </c>
      <c r="CB32" s="70">
        <v>0</v>
      </c>
      <c r="CC32" s="71">
        <v>0</v>
      </c>
      <c r="CD32" s="72">
        <v>0</v>
      </c>
      <c r="CE32" s="244"/>
      <c r="CF32" s="71">
        <v>0</v>
      </c>
      <c r="CG32" s="71">
        <v>0</v>
      </c>
      <c r="CH32" s="71">
        <v>0</v>
      </c>
      <c r="CI32" s="71">
        <v>0</v>
      </c>
      <c r="CJ32" s="71">
        <v>0</v>
      </c>
      <c r="CK32" s="72">
        <v>0</v>
      </c>
      <c r="CL32" s="73">
        <v>0</v>
      </c>
      <c r="CM32" s="70">
        <v>1</v>
      </c>
      <c r="CN32" s="71">
        <v>4</v>
      </c>
      <c r="CO32" s="72">
        <v>5</v>
      </c>
      <c r="CP32" s="244"/>
      <c r="CQ32" s="71">
        <v>8</v>
      </c>
      <c r="CR32" s="71">
        <v>3</v>
      </c>
      <c r="CS32" s="71">
        <v>5</v>
      </c>
      <c r="CT32" s="71">
        <v>5</v>
      </c>
      <c r="CU32" s="71">
        <v>0</v>
      </c>
      <c r="CV32" s="72">
        <v>21</v>
      </c>
      <c r="CW32" s="73">
        <v>26</v>
      </c>
      <c r="CX32" s="123">
        <v>2</v>
      </c>
      <c r="CY32" s="82">
        <v>2</v>
      </c>
      <c r="CZ32" s="83">
        <v>4</v>
      </c>
      <c r="DA32" s="241"/>
      <c r="DB32" s="82">
        <v>4</v>
      </c>
      <c r="DC32" s="82">
        <v>1</v>
      </c>
      <c r="DD32" s="82">
        <v>1</v>
      </c>
      <c r="DE32" s="82">
        <v>2</v>
      </c>
      <c r="DF32" s="82">
        <v>1</v>
      </c>
      <c r="DG32" s="84">
        <v>9</v>
      </c>
      <c r="DH32" s="85">
        <v>13</v>
      </c>
      <c r="DI32" s="70">
        <v>0</v>
      </c>
      <c r="DJ32" s="71">
        <v>1</v>
      </c>
      <c r="DK32" s="72">
        <v>1</v>
      </c>
      <c r="DL32" s="244"/>
      <c r="DM32" s="71">
        <v>0</v>
      </c>
      <c r="DN32" s="71">
        <v>0</v>
      </c>
      <c r="DO32" s="71">
        <v>0</v>
      </c>
      <c r="DP32" s="71">
        <v>0</v>
      </c>
      <c r="DQ32" s="71">
        <v>0</v>
      </c>
      <c r="DR32" s="72">
        <v>0</v>
      </c>
      <c r="DS32" s="73">
        <v>1</v>
      </c>
      <c r="DT32" s="70">
        <v>0</v>
      </c>
      <c r="DU32" s="71">
        <v>0</v>
      </c>
      <c r="DV32" s="72">
        <v>0</v>
      </c>
      <c r="DW32" s="244"/>
      <c r="DX32" s="71">
        <v>0</v>
      </c>
      <c r="DY32" s="71">
        <v>0</v>
      </c>
      <c r="DZ32" s="71">
        <v>0</v>
      </c>
      <c r="EA32" s="71">
        <v>0</v>
      </c>
      <c r="EB32" s="71">
        <v>0</v>
      </c>
      <c r="EC32" s="72">
        <v>0</v>
      </c>
      <c r="ED32" s="73">
        <v>0</v>
      </c>
      <c r="EE32" s="70">
        <v>0</v>
      </c>
      <c r="EF32" s="71">
        <v>0</v>
      </c>
      <c r="EG32" s="72">
        <v>0</v>
      </c>
      <c r="EH32" s="244"/>
      <c r="EI32" s="71">
        <v>0</v>
      </c>
      <c r="EJ32" s="71">
        <v>0</v>
      </c>
      <c r="EK32" s="71">
        <v>0</v>
      </c>
      <c r="EL32" s="71">
        <v>0</v>
      </c>
      <c r="EM32" s="71">
        <v>0</v>
      </c>
      <c r="EN32" s="72">
        <v>0</v>
      </c>
      <c r="EO32" s="73">
        <v>0</v>
      </c>
      <c r="EP32" s="70">
        <v>2</v>
      </c>
      <c r="EQ32" s="71">
        <v>1</v>
      </c>
      <c r="ER32" s="72">
        <v>3</v>
      </c>
      <c r="ES32" s="244"/>
      <c r="ET32" s="71">
        <v>3</v>
      </c>
      <c r="EU32" s="71">
        <v>0</v>
      </c>
      <c r="EV32" s="71">
        <v>0</v>
      </c>
      <c r="EW32" s="71">
        <v>0</v>
      </c>
      <c r="EX32" s="71">
        <v>0</v>
      </c>
      <c r="EY32" s="72">
        <v>3</v>
      </c>
      <c r="EZ32" s="73">
        <v>6</v>
      </c>
      <c r="FA32" s="70">
        <v>0</v>
      </c>
      <c r="FB32" s="71">
        <v>0</v>
      </c>
      <c r="FC32" s="72">
        <v>0</v>
      </c>
      <c r="FD32" s="244"/>
      <c r="FE32" s="71">
        <v>1</v>
      </c>
      <c r="FF32" s="71">
        <v>0</v>
      </c>
      <c r="FG32" s="71">
        <v>0</v>
      </c>
      <c r="FH32" s="71">
        <v>0</v>
      </c>
      <c r="FI32" s="71">
        <v>1</v>
      </c>
      <c r="FJ32" s="72">
        <v>2</v>
      </c>
      <c r="FK32" s="73">
        <v>2</v>
      </c>
      <c r="FL32" s="70">
        <v>0</v>
      </c>
      <c r="FM32" s="71">
        <v>0</v>
      </c>
      <c r="FN32" s="72">
        <v>0</v>
      </c>
      <c r="FO32" s="244"/>
      <c r="FP32" s="71">
        <v>0</v>
      </c>
      <c r="FQ32" s="71">
        <v>1</v>
      </c>
      <c r="FR32" s="71">
        <v>1</v>
      </c>
      <c r="FS32" s="71">
        <v>2</v>
      </c>
      <c r="FT32" s="71">
        <v>0</v>
      </c>
      <c r="FU32" s="72">
        <v>4</v>
      </c>
      <c r="FV32" s="73">
        <v>4</v>
      </c>
      <c r="FW32" s="70">
        <v>0</v>
      </c>
      <c r="FX32" s="71">
        <v>0</v>
      </c>
      <c r="FY32" s="72">
        <v>0</v>
      </c>
      <c r="FZ32" s="244"/>
      <c r="GA32" s="71">
        <v>0</v>
      </c>
      <c r="GB32" s="71">
        <v>0</v>
      </c>
      <c r="GC32" s="71">
        <v>0</v>
      </c>
      <c r="GD32" s="71">
        <v>0</v>
      </c>
      <c r="GE32" s="71">
        <v>0</v>
      </c>
      <c r="GF32" s="72">
        <v>0</v>
      </c>
      <c r="GG32" s="73">
        <v>0</v>
      </c>
      <c r="GH32" s="70">
        <v>2</v>
      </c>
      <c r="GI32" s="71">
        <v>2</v>
      </c>
      <c r="GJ32" s="72">
        <v>4</v>
      </c>
      <c r="GK32" s="244"/>
      <c r="GL32" s="71">
        <v>4</v>
      </c>
      <c r="GM32" s="71">
        <v>1</v>
      </c>
      <c r="GN32" s="71">
        <v>1</v>
      </c>
      <c r="GO32" s="71">
        <v>2</v>
      </c>
      <c r="GP32" s="71">
        <v>1</v>
      </c>
      <c r="GQ32" s="72">
        <v>9</v>
      </c>
      <c r="GR32" s="73">
        <v>13</v>
      </c>
      <c r="GS32" s="123">
        <v>3</v>
      </c>
      <c r="GT32" s="82">
        <v>6</v>
      </c>
      <c r="GU32" s="83">
        <v>9</v>
      </c>
      <c r="GV32" s="241"/>
      <c r="GW32" s="82">
        <v>12</v>
      </c>
      <c r="GX32" s="82">
        <v>4</v>
      </c>
      <c r="GY32" s="82">
        <v>6</v>
      </c>
      <c r="GZ32" s="82">
        <v>7</v>
      </c>
      <c r="HA32" s="82">
        <v>1</v>
      </c>
      <c r="HB32" s="84">
        <v>30</v>
      </c>
      <c r="HC32" s="85">
        <v>39</v>
      </c>
      <c r="HD32" s="70">
        <v>0</v>
      </c>
      <c r="HE32" s="71">
        <v>1</v>
      </c>
      <c r="HF32" s="72">
        <v>1</v>
      </c>
      <c r="HG32" s="244"/>
      <c r="HH32" s="71">
        <v>0</v>
      </c>
      <c r="HI32" s="71">
        <v>0</v>
      </c>
      <c r="HJ32" s="71">
        <v>1</v>
      </c>
      <c r="HK32" s="71">
        <v>0</v>
      </c>
      <c r="HL32" s="71">
        <v>0</v>
      </c>
      <c r="HM32" s="72">
        <v>1</v>
      </c>
      <c r="HN32" s="73">
        <v>2</v>
      </c>
      <c r="HO32" s="70">
        <v>0</v>
      </c>
      <c r="HP32" s="71">
        <v>0</v>
      </c>
      <c r="HQ32" s="72">
        <v>0</v>
      </c>
      <c r="HR32" s="244"/>
      <c r="HS32" s="71">
        <v>0</v>
      </c>
      <c r="HT32" s="71">
        <v>1</v>
      </c>
      <c r="HU32" s="71">
        <v>0</v>
      </c>
      <c r="HV32" s="71">
        <v>1</v>
      </c>
      <c r="HW32" s="71">
        <v>0</v>
      </c>
      <c r="HX32" s="72">
        <v>2</v>
      </c>
      <c r="HY32" s="73">
        <v>2</v>
      </c>
      <c r="HZ32" s="70">
        <v>0</v>
      </c>
      <c r="IA32" s="71">
        <v>1</v>
      </c>
      <c r="IB32" s="72">
        <v>1</v>
      </c>
      <c r="IC32" s="244"/>
      <c r="ID32" s="71">
        <v>1</v>
      </c>
      <c r="IE32" s="71">
        <v>0</v>
      </c>
      <c r="IF32" s="71">
        <v>1</v>
      </c>
      <c r="IG32" s="71">
        <v>0</v>
      </c>
      <c r="IH32" s="71">
        <v>0</v>
      </c>
      <c r="II32" s="72">
        <v>2</v>
      </c>
      <c r="IJ32" s="73">
        <v>3</v>
      </c>
      <c r="IK32" s="70">
        <v>2</v>
      </c>
      <c r="IL32" s="71">
        <v>2</v>
      </c>
      <c r="IM32" s="72">
        <v>4</v>
      </c>
      <c r="IN32" s="244"/>
      <c r="IO32" s="71">
        <v>6</v>
      </c>
      <c r="IP32" s="71">
        <v>0</v>
      </c>
      <c r="IQ32" s="71">
        <v>1</v>
      </c>
      <c r="IR32" s="71">
        <v>1</v>
      </c>
      <c r="IS32" s="71">
        <v>0</v>
      </c>
      <c r="IT32" s="72">
        <v>8</v>
      </c>
      <c r="IU32" s="73">
        <v>12</v>
      </c>
      <c r="IV32" s="70">
        <v>0</v>
      </c>
      <c r="IW32" s="71">
        <v>2</v>
      </c>
      <c r="IX32" s="72">
        <v>2</v>
      </c>
      <c r="IY32" s="244"/>
      <c r="IZ32" s="71">
        <v>3</v>
      </c>
      <c r="JA32" s="71">
        <v>0</v>
      </c>
      <c r="JB32" s="71">
        <v>1</v>
      </c>
      <c r="JC32" s="71">
        <v>1</v>
      </c>
      <c r="JD32" s="71">
        <v>1</v>
      </c>
      <c r="JE32" s="72">
        <v>6</v>
      </c>
      <c r="JF32" s="73">
        <v>8</v>
      </c>
      <c r="JG32" s="70">
        <v>1</v>
      </c>
      <c r="JH32" s="71">
        <v>0</v>
      </c>
      <c r="JI32" s="72">
        <v>1</v>
      </c>
      <c r="JJ32" s="244"/>
      <c r="JK32" s="71">
        <v>2</v>
      </c>
      <c r="JL32" s="71">
        <v>3</v>
      </c>
      <c r="JM32" s="71">
        <v>2</v>
      </c>
      <c r="JN32" s="71">
        <v>4</v>
      </c>
      <c r="JO32" s="71">
        <v>0</v>
      </c>
      <c r="JP32" s="72">
        <v>11</v>
      </c>
      <c r="JQ32" s="73">
        <v>12</v>
      </c>
      <c r="JR32" s="70">
        <v>0</v>
      </c>
      <c r="JS32" s="71">
        <v>0</v>
      </c>
      <c r="JT32" s="72">
        <v>0</v>
      </c>
      <c r="JU32" s="244"/>
      <c r="JV32" s="71">
        <v>0</v>
      </c>
      <c r="JW32" s="71">
        <v>0</v>
      </c>
      <c r="JX32" s="71">
        <v>0</v>
      </c>
      <c r="JY32" s="71">
        <v>0</v>
      </c>
      <c r="JZ32" s="71">
        <v>0</v>
      </c>
      <c r="KA32" s="72">
        <v>0</v>
      </c>
      <c r="KB32" s="73">
        <v>0</v>
      </c>
      <c r="KC32" s="70">
        <v>3</v>
      </c>
      <c r="KD32" s="71">
        <v>6</v>
      </c>
      <c r="KE32" s="72">
        <v>9</v>
      </c>
      <c r="KF32" s="244"/>
      <c r="KG32" s="71">
        <v>12</v>
      </c>
      <c r="KH32" s="71">
        <v>4</v>
      </c>
      <c r="KI32" s="71">
        <v>6</v>
      </c>
      <c r="KJ32" s="71">
        <v>7</v>
      </c>
      <c r="KK32" s="71">
        <v>1</v>
      </c>
      <c r="KL32" s="72">
        <v>30</v>
      </c>
      <c r="KM32" s="73">
        <v>39</v>
      </c>
    </row>
    <row r="33" spans="2:299" ht="21" customHeight="1" x14ac:dyDescent="0.2">
      <c r="B33" s="126" t="s">
        <v>30</v>
      </c>
      <c r="C33" s="313">
        <v>2</v>
      </c>
      <c r="D33" s="82">
        <v>2</v>
      </c>
      <c r="E33" s="83">
        <v>4</v>
      </c>
      <c r="F33" s="241"/>
      <c r="G33" s="82">
        <v>6</v>
      </c>
      <c r="H33" s="82">
        <v>3</v>
      </c>
      <c r="I33" s="82">
        <v>2</v>
      </c>
      <c r="J33" s="82">
        <v>5</v>
      </c>
      <c r="K33" s="82">
        <v>1</v>
      </c>
      <c r="L33" s="84">
        <v>17</v>
      </c>
      <c r="M33" s="85">
        <v>21</v>
      </c>
      <c r="N33" s="70">
        <v>0</v>
      </c>
      <c r="O33" s="71">
        <v>0</v>
      </c>
      <c r="P33" s="72">
        <v>0</v>
      </c>
      <c r="Q33" s="244"/>
      <c r="R33" s="71">
        <v>0</v>
      </c>
      <c r="S33" s="71">
        <v>0</v>
      </c>
      <c r="T33" s="71">
        <v>0</v>
      </c>
      <c r="U33" s="71">
        <v>0</v>
      </c>
      <c r="V33" s="71">
        <v>0</v>
      </c>
      <c r="W33" s="72">
        <v>0</v>
      </c>
      <c r="X33" s="73">
        <v>0</v>
      </c>
      <c r="Y33" s="70">
        <v>0</v>
      </c>
      <c r="Z33" s="71">
        <v>0</v>
      </c>
      <c r="AA33" s="72">
        <v>0</v>
      </c>
      <c r="AB33" s="244"/>
      <c r="AC33" s="71">
        <v>1</v>
      </c>
      <c r="AD33" s="71">
        <v>0</v>
      </c>
      <c r="AE33" s="71">
        <v>0</v>
      </c>
      <c r="AF33" s="71">
        <v>1</v>
      </c>
      <c r="AG33" s="71">
        <v>0</v>
      </c>
      <c r="AH33" s="72">
        <v>2</v>
      </c>
      <c r="AI33" s="73">
        <v>2</v>
      </c>
      <c r="AJ33" s="70">
        <v>0</v>
      </c>
      <c r="AK33" s="71">
        <v>0</v>
      </c>
      <c r="AL33" s="72">
        <v>0</v>
      </c>
      <c r="AM33" s="244"/>
      <c r="AN33" s="71">
        <v>0</v>
      </c>
      <c r="AO33" s="71">
        <v>1</v>
      </c>
      <c r="AP33" s="71">
        <v>0</v>
      </c>
      <c r="AQ33" s="71">
        <v>0</v>
      </c>
      <c r="AR33" s="71">
        <v>0</v>
      </c>
      <c r="AS33" s="72">
        <v>1</v>
      </c>
      <c r="AT33" s="73">
        <v>1</v>
      </c>
      <c r="AU33" s="70">
        <v>0</v>
      </c>
      <c r="AV33" s="71">
        <v>1</v>
      </c>
      <c r="AW33" s="72">
        <v>1</v>
      </c>
      <c r="AX33" s="244"/>
      <c r="AY33" s="71">
        <v>1</v>
      </c>
      <c r="AZ33" s="71">
        <v>1</v>
      </c>
      <c r="BA33" s="71">
        <v>0</v>
      </c>
      <c r="BB33" s="71">
        <v>1</v>
      </c>
      <c r="BC33" s="71">
        <v>0</v>
      </c>
      <c r="BD33" s="72">
        <v>3</v>
      </c>
      <c r="BE33" s="73">
        <v>4</v>
      </c>
      <c r="BF33" s="70">
        <v>1</v>
      </c>
      <c r="BG33" s="71">
        <v>0</v>
      </c>
      <c r="BH33" s="72">
        <v>1</v>
      </c>
      <c r="BI33" s="244"/>
      <c r="BJ33" s="71">
        <v>2</v>
      </c>
      <c r="BK33" s="71">
        <v>0</v>
      </c>
      <c r="BL33" s="71">
        <v>1</v>
      </c>
      <c r="BM33" s="71">
        <v>2</v>
      </c>
      <c r="BN33" s="71">
        <v>1</v>
      </c>
      <c r="BO33" s="72">
        <v>6</v>
      </c>
      <c r="BP33" s="73">
        <v>7</v>
      </c>
      <c r="BQ33" s="70">
        <v>1</v>
      </c>
      <c r="BR33" s="71">
        <v>1</v>
      </c>
      <c r="BS33" s="72">
        <v>2</v>
      </c>
      <c r="BT33" s="244"/>
      <c r="BU33" s="71">
        <v>2</v>
      </c>
      <c r="BV33" s="71">
        <v>1</v>
      </c>
      <c r="BW33" s="71">
        <v>1</v>
      </c>
      <c r="BX33" s="71">
        <v>1</v>
      </c>
      <c r="BY33" s="71">
        <v>0</v>
      </c>
      <c r="BZ33" s="72">
        <v>5</v>
      </c>
      <c r="CA33" s="73">
        <v>7</v>
      </c>
      <c r="CB33" s="70">
        <v>0</v>
      </c>
      <c r="CC33" s="71">
        <v>0</v>
      </c>
      <c r="CD33" s="72">
        <v>0</v>
      </c>
      <c r="CE33" s="244"/>
      <c r="CF33" s="71">
        <v>0</v>
      </c>
      <c r="CG33" s="71">
        <v>0</v>
      </c>
      <c r="CH33" s="71">
        <v>0</v>
      </c>
      <c r="CI33" s="71">
        <v>0</v>
      </c>
      <c r="CJ33" s="71">
        <v>0</v>
      </c>
      <c r="CK33" s="72">
        <v>0</v>
      </c>
      <c r="CL33" s="73">
        <v>0</v>
      </c>
      <c r="CM33" s="70">
        <v>2</v>
      </c>
      <c r="CN33" s="71">
        <v>2</v>
      </c>
      <c r="CO33" s="72">
        <v>4</v>
      </c>
      <c r="CP33" s="244"/>
      <c r="CQ33" s="71">
        <v>6</v>
      </c>
      <c r="CR33" s="71">
        <v>3</v>
      </c>
      <c r="CS33" s="71">
        <v>2</v>
      </c>
      <c r="CT33" s="71">
        <v>5</v>
      </c>
      <c r="CU33" s="71">
        <v>1</v>
      </c>
      <c r="CV33" s="72">
        <v>17</v>
      </c>
      <c r="CW33" s="73">
        <v>21</v>
      </c>
      <c r="CX33" s="123">
        <v>2</v>
      </c>
      <c r="CY33" s="82">
        <v>0</v>
      </c>
      <c r="CZ33" s="83">
        <v>2</v>
      </c>
      <c r="DA33" s="241"/>
      <c r="DB33" s="82">
        <v>4</v>
      </c>
      <c r="DC33" s="82">
        <v>2</v>
      </c>
      <c r="DD33" s="82">
        <v>1</v>
      </c>
      <c r="DE33" s="82">
        <v>2</v>
      </c>
      <c r="DF33" s="82">
        <v>0</v>
      </c>
      <c r="DG33" s="84">
        <v>9</v>
      </c>
      <c r="DH33" s="85">
        <v>11</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0</v>
      </c>
      <c r="EK33" s="71">
        <v>0</v>
      </c>
      <c r="EL33" s="71">
        <v>0</v>
      </c>
      <c r="EM33" s="71">
        <v>0</v>
      </c>
      <c r="EN33" s="72">
        <v>0</v>
      </c>
      <c r="EO33" s="73">
        <v>0</v>
      </c>
      <c r="EP33" s="70">
        <v>1</v>
      </c>
      <c r="EQ33" s="71">
        <v>0</v>
      </c>
      <c r="ER33" s="72">
        <v>1</v>
      </c>
      <c r="ES33" s="244"/>
      <c r="ET33" s="71">
        <v>0</v>
      </c>
      <c r="EU33" s="71">
        <v>0</v>
      </c>
      <c r="EV33" s="71">
        <v>0</v>
      </c>
      <c r="EW33" s="71">
        <v>1</v>
      </c>
      <c r="EX33" s="71">
        <v>0</v>
      </c>
      <c r="EY33" s="72">
        <v>1</v>
      </c>
      <c r="EZ33" s="73">
        <v>2</v>
      </c>
      <c r="FA33" s="70">
        <v>0</v>
      </c>
      <c r="FB33" s="71">
        <v>0</v>
      </c>
      <c r="FC33" s="72">
        <v>0</v>
      </c>
      <c r="FD33" s="244"/>
      <c r="FE33" s="71">
        <v>3</v>
      </c>
      <c r="FF33" s="71">
        <v>0</v>
      </c>
      <c r="FG33" s="71">
        <v>0</v>
      </c>
      <c r="FH33" s="71">
        <v>0</v>
      </c>
      <c r="FI33" s="71">
        <v>0</v>
      </c>
      <c r="FJ33" s="72">
        <v>3</v>
      </c>
      <c r="FK33" s="73">
        <v>3</v>
      </c>
      <c r="FL33" s="70">
        <v>1</v>
      </c>
      <c r="FM33" s="71">
        <v>0</v>
      </c>
      <c r="FN33" s="72">
        <v>1</v>
      </c>
      <c r="FO33" s="244"/>
      <c r="FP33" s="71">
        <v>1</v>
      </c>
      <c r="FQ33" s="71">
        <v>2</v>
      </c>
      <c r="FR33" s="71">
        <v>1</v>
      </c>
      <c r="FS33" s="71">
        <v>1</v>
      </c>
      <c r="FT33" s="71">
        <v>0</v>
      </c>
      <c r="FU33" s="72">
        <v>5</v>
      </c>
      <c r="FV33" s="73">
        <v>6</v>
      </c>
      <c r="FW33" s="70">
        <v>0</v>
      </c>
      <c r="FX33" s="71">
        <v>0</v>
      </c>
      <c r="FY33" s="72">
        <v>0</v>
      </c>
      <c r="FZ33" s="244"/>
      <c r="GA33" s="71">
        <v>0</v>
      </c>
      <c r="GB33" s="71">
        <v>0</v>
      </c>
      <c r="GC33" s="71">
        <v>0</v>
      </c>
      <c r="GD33" s="71">
        <v>0</v>
      </c>
      <c r="GE33" s="71">
        <v>0</v>
      </c>
      <c r="GF33" s="72">
        <v>0</v>
      </c>
      <c r="GG33" s="73">
        <v>0</v>
      </c>
      <c r="GH33" s="70">
        <v>2</v>
      </c>
      <c r="GI33" s="71">
        <v>0</v>
      </c>
      <c r="GJ33" s="72">
        <v>2</v>
      </c>
      <c r="GK33" s="244"/>
      <c r="GL33" s="71">
        <v>4</v>
      </c>
      <c r="GM33" s="71">
        <v>2</v>
      </c>
      <c r="GN33" s="71">
        <v>1</v>
      </c>
      <c r="GO33" s="71">
        <v>2</v>
      </c>
      <c r="GP33" s="71">
        <v>0</v>
      </c>
      <c r="GQ33" s="72">
        <v>9</v>
      </c>
      <c r="GR33" s="73">
        <v>11</v>
      </c>
      <c r="GS33" s="123">
        <v>4</v>
      </c>
      <c r="GT33" s="82">
        <v>2</v>
      </c>
      <c r="GU33" s="83">
        <v>6</v>
      </c>
      <c r="GV33" s="241"/>
      <c r="GW33" s="82">
        <v>10</v>
      </c>
      <c r="GX33" s="82">
        <v>5</v>
      </c>
      <c r="GY33" s="82">
        <v>3</v>
      </c>
      <c r="GZ33" s="82">
        <v>7</v>
      </c>
      <c r="HA33" s="82">
        <v>1</v>
      </c>
      <c r="HB33" s="84">
        <v>26</v>
      </c>
      <c r="HC33" s="85">
        <v>32</v>
      </c>
      <c r="HD33" s="70">
        <v>0</v>
      </c>
      <c r="HE33" s="71">
        <v>0</v>
      </c>
      <c r="HF33" s="72">
        <v>0</v>
      </c>
      <c r="HG33" s="244"/>
      <c r="HH33" s="71">
        <v>0</v>
      </c>
      <c r="HI33" s="71">
        <v>0</v>
      </c>
      <c r="HJ33" s="71">
        <v>0</v>
      </c>
      <c r="HK33" s="71">
        <v>0</v>
      </c>
      <c r="HL33" s="71">
        <v>0</v>
      </c>
      <c r="HM33" s="72">
        <v>0</v>
      </c>
      <c r="HN33" s="73">
        <v>0</v>
      </c>
      <c r="HO33" s="70">
        <v>0</v>
      </c>
      <c r="HP33" s="71">
        <v>0</v>
      </c>
      <c r="HQ33" s="72">
        <v>0</v>
      </c>
      <c r="HR33" s="244"/>
      <c r="HS33" s="71">
        <v>1</v>
      </c>
      <c r="HT33" s="71">
        <v>0</v>
      </c>
      <c r="HU33" s="71">
        <v>0</v>
      </c>
      <c r="HV33" s="71">
        <v>1</v>
      </c>
      <c r="HW33" s="71">
        <v>0</v>
      </c>
      <c r="HX33" s="72">
        <v>2</v>
      </c>
      <c r="HY33" s="73">
        <v>2</v>
      </c>
      <c r="HZ33" s="70">
        <v>0</v>
      </c>
      <c r="IA33" s="71">
        <v>0</v>
      </c>
      <c r="IB33" s="72">
        <v>0</v>
      </c>
      <c r="IC33" s="244"/>
      <c r="ID33" s="71">
        <v>0</v>
      </c>
      <c r="IE33" s="71">
        <v>1</v>
      </c>
      <c r="IF33" s="71">
        <v>0</v>
      </c>
      <c r="IG33" s="71">
        <v>0</v>
      </c>
      <c r="IH33" s="71">
        <v>0</v>
      </c>
      <c r="II33" s="72">
        <v>1</v>
      </c>
      <c r="IJ33" s="73">
        <v>1</v>
      </c>
      <c r="IK33" s="70">
        <v>1</v>
      </c>
      <c r="IL33" s="71">
        <v>1</v>
      </c>
      <c r="IM33" s="72">
        <v>2</v>
      </c>
      <c r="IN33" s="244"/>
      <c r="IO33" s="71">
        <v>1</v>
      </c>
      <c r="IP33" s="71">
        <v>1</v>
      </c>
      <c r="IQ33" s="71">
        <v>0</v>
      </c>
      <c r="IR33" s="71">
        <v>2</v>
      </c>
      <c r="IS33" s="71">
        <v>0</v>
      </c>
      <c r="IT33" s="72">
        <v>4</v>
      </c>
      <c r="IU33" s="73">
        <v>6</v>
      </c>
      <c r="IV33" s="70">
        <v>1</v>
      </c>
      <c r="IW33" s="71">
        <v>0</v>
      </c>
      <c r="IX33" s="72">
        <v>1</v>
      </c>
      <c r="IY33" s="244"/>
      <c r="IZ33" s="71">
        <v>5</v>
      </c>
      <c r="JA33" s="71">
        <v>0</v>
      </c>
      <c r="JB33" s="71">
        <v>1</v>
      </c>
      <c r="JC33" s="71">
        <v>2</v>
      </c>
      <c r="JD33" s="71">
        <v>1</v>
      </c>
      <c r="JE33" s="72">
        <v>9</v>
      </c>
      <c r="JF33" s="73">
        <v>10</v>
      </c>
      <c r="JG33" s="70">
        <v>2</v>
      </c>
      <c r="JH33" s="71">
        <v>1</v>
      </c>
      <c r="JI33" s="72">
        <v>3</v>
      </c>
      <c r="JJ33" s="244"/>
      <c r="JK33" s="71">
        <v>3</v>
      </c>
      <c r="JL33" s="71">
        <v>3</v>
      </c>
      <c r="JM33" s="71">
        <v>2</v>
      </c>
      <c r="JN33" s="71">
        <v>2</v>
      </c>
      <c r="JO33" s="71">
        <v>0</v>
      </c>
      <c r="JP33" s="72">
        <v>10</v>
      </c>
      <c r="JQ33" s="73">
        <v>13</v>
      </c>
      <c r="JR33" s="70">
        <v>0</v>
      </c>
      <c r="JS33" s="71">
        <v>0</v>
      </c>
      <c r="JT33" s="72">
        <v>0</v>
      </c>
      <c r="JU33" s="244"/>
      <c r="JV33" s="71">
        <v>0</v>
      </c>
      <c r="JW33" s="71">
        <v>0</v>
      </c>
      <c r="JX33" s="71">
        <v>0</v>
      </c>
      <c r="JY33" s="71">
        <v>0</v>
      </c>
      <c r="JZ33" s="71">
        <v>0</v>
      </c>
      <c r="KA33" s="72">
        <v>0</v>
      </c>
      <c r="KB33" s="73">
        <v>0</v>
      </c>
      <c r="KC33" s="70">
        <v>4</v>
      </c>
      <c r="KD33" s="71">
        <v>2</v>
      </c>
      <c r="KE33" s="72">
        <v>6</v>
      </c>
      <c r="KF33" s="244"/>
      <c r="KG33" s="71">
        <v>10</v>
      </c>
      <c r="KH33" s="71">
        <v>5</v>
      </c>
      <c r="KI33" s="71">
        <v>3</v>
      </c>
      <c r="KJ33" s="71">
        <v>7</v>
      </c>
      <c r="KK33" s="71">
        <v>1</v>
      </c>
      <c r="KL33" s="72">
        <v>26</v>
      </c>
      <c r="KM33" s="73">
        <v>32</v>
      </c>
    </row>
    <row r="34" spans="2:299" ht="21" customHeight="1" x14ac:dyDescent="0.2">
      <c r="B34" s="126" t="s">
        <v>31</v>
      </c>
      <c r="C34" s="313">
        <v>3</v>
      </c>
      <c r="D34" s="82">
        <v>5</v>
      </c>
      <c r="E34" s="83">
        <v>8</v>
      </c>
      <c r="F34" s="241"/>
      <c r="G34" s="82">
        <v>7</v>
      </c>
      <c r="H34" s="82">
        <v>6</v>
      </c>
      <c r="I34" s="82">
        <v>3</v>
      </c>
      <c r="J34" s="82">
        <v>2</v>
      </c>
      <c r="K34" s="82">
        <v>4</v>
      </c>
      <c r="L34" s="84">
        <v>22</v>
      </c>
      <c r="M34" s="85">
        <v>30</v>
      </c>
      <c r="N34" s="70">
        <v>0</v>
      </c>
      <c r="O34" s="71">
        <v>0</v>
      </c>
      <c r="P34" s="72">
        <v>0</v>
      </c>
      <c r="Q34" s="244"/>
      <c r="R34" s="71">
        <v>1</v>
      </c>
      <c r="S34" s="71">
        <v>1</v>
      </c>
      <c r="T34" s="71">
        <v>0</v>
      </c>
      <c r="U34" s="71">
        <v>0</v>
      </c>
      <c r="V34" s="71">
        <v>0</v>
      </c>
      <c r="W34" s="72">
        <v>2</v>
      </c>
      <c r="X34" s="73">
        <v>2</v>
      </c>
      <c r="Y34" s="70">
        <v>0</v>
      </c>
      <c r="Z34" s="71">
        <v>1</v>
      </c>
      <c r="AA34" s="72">
        <v>1</v>
      </c>
      <c r="AB34" s="244"/>
      <c r="AC34" s="71">
        <v>0</v>
      </c>
      <c r="AD34" s="71">
        <v>0</v>
      </c>
      <c r="AE34" s="71">
        <v>2</v>
      </c>
      <c r="AF34" s="71">
        <v>0</v>
      </c>
      <c r="AG34" s="71">
        <v>1</v>
      </c>
      <c r="AH34" s="72">
        <v>3</v>
      </c>
      <c r="AI34" s="73">
        <v>4</v>
      </c>
      <c r="AJ34" s="70">
        <v>0</v>
      </c>
      <c r="AK34" s="71">
        <v>0</v>
      </c>
      <c r="AL34" s="72">
        <v>0</v>
      </c>
      <c r="AM34" s="244"/>
      <c r="AN34" s="71">
        <v>0</v>
      </c>
      <c r="AO34" s="71">
        <v>0</v>
      </c>
      <c r="AP34" s="71">
        <v>0</v>
      </c>
      <c r="AQ34" s="71">
        <v>1</v>
      </c>
      <c r="AR34" s="71">
        <v>0</v>
      </c>
      <c r="AS34" s="72">
        <v>1</v>
      </c>
      <c r="AT34" s="73">
        <v>1</v>
      </c>
      <c r="AU34" s="70">
        <v>1</v>
      </c>
      <c r="AV34" s="71">
        <v>2</v>
      </c>
      <c r="AW34" s="72">
        <v>3</v>
      </c>
      <c r="AX34" s="244"/>
      <c r="AY34" s="71">
        <v>1</v>
      </c>
      <c r="AZ34" s="71">
        <v>0</v>
      </c>
      <c r="BA34" s="71">
        <v>1</v>
      </c>
      <c r="BB34" s="71">
        <v>0</v>
      </c>
      <c r="BC34" s="71">
        <v>0</v>
      </c>
      <c r="BD34" s="72">
        <v>2</v>
      </c>
      <c r="BE34" s="73">
        <v>5</v>
      </c>
      <c r="BF34" s="70">
        <v>1</v>
      </c>
      <c r="BG34" s="71">
        <v>2</v>
      </c>
      <c r="BH34" s="72">
        <v>3</v>
      </c>
      <c r="BI34" s="244"/>
      <c r="BJ34" s="71">
        <v>1</v>
      </c>
      <c r="BK34" s="71">
        <v>3</v>
      </c>
      <c r="BL34" s="71">
        <v>0</v>
      </c>
      <c r="BM34" s="71">
        <v>0</v>
      </c>
      <c r="BN34" s="71">
        <v>0</v>
      </c>
      <c r="BO34" s="72">
        <v>4</v>
      </c>
      <c r="BP34" s="73">
        <v>7</v>
      </c>
      <c r="BQ34" s="70">
        <v>1</v>
      </c>
      <c r="BR34" s="71">
        <v>0</v>
      </c>
      <c r="BS34" s="72">
        <v>1</v>
      </c>
      <c r="BT34" s="244"/>
      <c r="BU34" s="71">
        <v>4</v>
      </c>
      <c r="BV34" s="71">
        <v>2</v>
      </c>
      <c r="BW34" s="71">
        <v>0</v>
      </c>
      <c r="BX34" s="71">
        <v>1</v>
      </c>
      <c r="BY34" s="71">
        <v>3</v>
      </c>
      <c r="BZ34" s="72">
        <v>10</v>
      </c>
      <c r="CA34" s="73">
        <v>11</v>
      </c>
      <c r="CB34" s="70">
        <v>0</v>
      </c>
      <c r="CC34" s="71">
        <v>0</v>
      </c>
      <c r="CD34" s="72">
        <v>0</v>
      </c>
      <c r="CE34" s="244"/>
      <c r="CF34" s="71">
        <v>0</v>
      </c>
      <c r="CG34" s="71">
        <v>0</v>
      </c>
      <c r="CH34" s="71">
        <v>0</v>
      </c>
      <c r="CI34" s="71">
        <v>0</v>
      </c>
      <c r="CJ34" s="71">
        <v>0</v>
      </c>
      <c r="CK34" s="72">
        <v>0</v>
      </c>
      <c r="CL34" s="73">
        <v>0</v>
      </c>
      <c r="CM34" s="70">
        <v>3</v>
      </c>
      <c r="CN34" s="71">
        <v>5</v>
      </c>
      <c r="CO34" s="72">
        <v>8</v>
      </c>
      <c r="CP34" s="244"/>
      <c r="CQ34" s="71">
        <v>7</v>
      </c>
      <c r="CR34" s="71">
        <v>6</v>
      </c>
      <c r="CS34" s="71">
        <v>3</v>
      </c>
      <c r="CT34" s="71">
        <v>2</v>
      </c>
      <c r="CU34" s="71">
        <v>4</v>
      </c>
      <c r="CV34" s="72">
        <v>22</v>
      </c>
      <c r="CW34" s="73">
        <v>30</v>
      </c>
      <c r="CX34" s="123">
        <v>1</v>
      </c>
      <c r="CY34" s="82">
        <v>0</v>
      </c>
      <c r="CZ34" s="83">
        <v>1</v>
      </c>
      <c r="DA34" s="241"/>
      <c r="DB34" s="82">
        <v>2</v>
      </c>
      <c r="DC34" s="82">
        <v>0</v>
      </c>
      <c r="DD34" s="82">
        <v>2</v>
      </c>
      <c r="DE34" s="82">
        <v>1</v>
      </c>
      <c r="DF34" s="82">
        <v>1</v>
      </c>
      <c r="DG34" s="84">
        <v>6</v>
      </c>
      <c r="DH34" s="85">
        <v>7</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0</v>
      </c>
      <c r="EJ34" s="71">
        <v>0</v>
      </c>
      <c r="EK34" s="71">
        <v>1</v>
      </c>
      <c r="EL34" s="71">
        <v>0</v>
      </c>
      <c r="EM34" s="71">
        <v>0</v>
      </c>
      <c r="EN34" s="72">
        <v>1</v>
      </c>
      <c r="EO34" s="73">
        <v>1</v>
      </c>
      <c r="EP34" s="70">
        <v>1</v>
      </c>
      <c r="EQ34" s="71">
        <v>0</v>
      </c>
      <c r="ER34" s="72">
        <v>1</v>
      </c>
      <c r="ES34" s="244"/>
      <c r="ET34" s="71">
        <v>2</v>
      </c>
      <c r="EU34" s="71">
        <v>0</v>
      </c>
      <c r="EV34" s="71">
        <v>0</v>
      </c>
      <c r="EW34" s="71">
        <v>0</v>
      </c>
      <c r="EX34" s="71">
        <v>0</v>
      </c>
      <c r="EY34" s="72">
        <v>2</v>
      </c>
      <c r="EZ34" s="73">
        <v>3</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1</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1</v>
      </c>
      <c r="GI34" s="71">
        <v>0</v>
      </c>
      <c r="GJ34" s="72">
        <v>1</v>
      </c>
      <c r="GK34" s="244"/>
      <c r="GL34" s="71">
        <v>2</v>
      </c>
      <c r="GM34" s="71">
        <v>0</v>
      </c>
      <c r="GN34" s="71">
        <v>2</v>
      </c>
      <c r="GO34" s="71">
        <v>1</v>
      </c>
      <c r="GP34" s="71">
        <v>1</v>
      </c>
      <c r="GQ34" s="72">
        <v>6</v>
      </c>
      <c r="GR34" s="73">
        <v>7</v>
      </c>
      <c r="GS34" s="123">
        <v>4</v>
      </c>
      <c r="GT34" s="82">
        <v>5</v>
      </c>
      <c r="GU34" s="83">
        <v>9</v>
      </c>
      <c r="GV34" s="241"/>
      <c r="GW34" s="82">
        <v>9</v>
      </c>
      <c r="GX34" s="82">
        <v>6</v>
      </c>
      <c r="GY34" s="82">
        <v>5</v>
      </c>
      <c r="GZ34" s="82">
        <v>3</v>
      </c>
      <c r="HA34" s="82">
        <v>5</v>
      </c>
      <c r="HB34" s="84">
        <v>28</v>
      </c>
      <c r="HC34" s="85">
        <v>37</v>
      </c>
      <c r="HD34" s="70">
        <v>0</v>
      </c>
      <c r="HE34" s="71">
        <v>0</v>
      </c>
      <c r="HF34" s="72">
        <v>0</v>
      </c>
      <c r="HG34" s="244"/>
      <c r="HH34" s="71">
        <v>1</v>
      </c>
      <c r="HI34" s="71">
        <v>1</v>
      </c>
      <c r="HJ34" s="71">
        <v>0</v>
      </c>
      <c r="HK34" s="71">
        <v>0</v>
      </c>
      <c r="HL34" s="71">
        <v>0</v>
      </c>
      <c r="HM34" s="72">
        <v>2</v>
      </c>
      <c r="HN34" s="73">
        <v>2</v>
      </c>
      <c r="HO34" s="70">
        <v>0</v>
      </c>
      <c r="HP34" s="71">
        <v>1</v>
      </c>
      <c r="HQ34" s="72">
        <v>1</v>
      </c>
      <c r="HR34" s="244"/>
      <c r="HS34" s="71">
        <v>0</v>
      </c>
      <c r="HT34" s="71">
        <v>0</v>
      </c>
      <c r="HU34" s="71">
        <v>2</v>
      </c>
      <c r="HV34" s="71">
        <v>0</v>
      </c>
      <c r="HW34" s="71">
        <v>1</v>
      </c>
      <c r="HX34" s="72">
        <v>3</v>
      </c>
      <c r="HY34" s="73">
        <v>4</v>
      </c>
      <c r="HZ34" s="70">
        <v>0</v>
      </c>
      <c r="IA34" s="71">
        <v>0</v>
      </c>
      <c r="IB34" s="72">
        <v>0</v>
      </c>
      <c r="IC34" s="244"/>
      <c r="ID34" s="71">
        <v>0</v>
      </c>
      <c r="IE34" s="71">
        <v>0</v>
      </c>
      <c r="IF34" s="71">
        <v>1</v>
      </c>
      <c r="IG34" s="71">
        <v>1</v>
      </c>
      <c r="IH34" s="71">
        <v>0</v>
      </c>
      <c r="II34" s="72">
        <v>2</v>
      </c>
      <c r="IJ34" s="73">
        <v>2</v>
      </c>
      <c r="IK34" s="70">
        <v>2</v>
      </c>
      <c r="IL34" s="71">
        <v>2</v>
      </c>
      <c r="IM34" s="72">
        <v>4</v>
      </c>
      <c r="IN34" s="244"/>
      <c r="IO34" s="71">
        <v>3</v>
      </c>
      <c r="IP34" s="71">
        <v>0</v>
      </c>
      <c r="IQ34" s="71">
        <v>1</v>
      </c>
      <c r="IR34" s="71">
        <v>0</v>
      </c>
      <c r="IS34" s="71">
        <v>0</v>
      </c>
      <c r="IT34" s="72">
        <v>4</v>
      </c>
      <c r="IU34" s="73">
        <v>8</v>
      </c>
      <c r="IV34" s="70">
        <v>1</v>
      </c>
      <c r="IW34" s="71">
        <v>2</v>
      </c>
      <c r="IX34" s="72">
        <v>3</v>
      </c>
      <c r="IY34" s="244"/>
      <c r="IZ34" s="71">
        <v>1</v>
      </c>
      <c r="JA34" s="71">
        <v>3</v>
      </c>
      <c r="JB34" s="71">
        <v>0</v>
      </c>
      <c r="JC34" s="71">
        <v>0</v>
      </c>
      <c r="JD34" s="71">
        <v>0</v>
      </c>
      <c r="JE34" s="72">
        <v>4</v>
      </c>
      <c r="JF34" s="73">
        <v>7</v>
      </c>
      <c r="JG34" s="70">
        <v>1</v>
      </c>
      <c r="JH34" s="71">
        <v>0</v>
      </c>
      <c r="JI34" s="72">
        <v>1</v>
      </c>
      <c r="JJ34" s="244"/>
      <c r="JK34" s="71">
        <v>4</v>
      </c>
      <c r="JL34" s="71">
        <v>2</v>
      </c>
      <c r="JM34" s="71">
        <v>1</v>
      </c>
      <c r="JN34" s="71">
        <v>2</v>
      </c>
      <c r="JO34" s="71">
        <v>4</v>
      </c>
      <c r="JP34" s="72">
        <v>13</v>
      </c>
      <c r="JQ34" s="73">
        <v>14</v>
      </c>
      <c r="JR34" s="70">
        <v>0</v>
      </c>
      <c r="JS34" s="71">
        <v>0</v>
      </c>
      <c r="JT34" s="72">
        <v>0</v>
      </c>
      <c r="JU34" s="244"/>
      <c r="JV34" s="71">
        <v>0</v>
      </c>
      <c r="JW34" s="71">
        <v>0</v>
      </c>
      <c r="JX34" s="71">
        <v>0</v>
      </c>
      <c r="JY34" s="71">
        <v>0</v>
      </c>
      <c r="JZ34" s="71">
        <v>0</v>
      </c>
      <c r="KA34" s="72">
        <v>0</v>
      </c>
      <c r="KB34" s="73">
        <v>0</v>
      </c>
      <c r="KC34" s="70">
        <v>4</v>
      </c>
      <c r="KD34" s="71">
        <v>5</v>
      </c>
      <c r="KE34" s="72">
        <v>9</v>
      </c>
      <c r="KF34" s="244"/>
      <c r="KG34" s="71">
        <v>9</v>
      </c>
      <c r="KH34" s="71">
        <v>6</v>
      </c>
      <c r="KI34" s="71">
        <v>5</v>
      </c>
      <c r="KJ34" s="71">
        <v>3</v>
      </c>
      <c r="KK34" s="71">
        <v>5</v>
      </c>
      <c r="KL34" s="72">
        <v>28</v>
      </c>
      <c r="KM34" s="73">
        <v>37</v>
      </c>
    </row>
    <row r="35" spans="2:299" ht="21" customHeight="1" x14ac:dyDescent="0.2">
      <c r="B35" s="126" t="s">
        <v>32</v>
      </c>
      <c r="C35" s="313">
        <v>4</v>
      </c>
      <c r="D35" s="82">
        <v>1</v>
      </c>
      <c r="E35" s="83">
        <v>5</v>
      </c>
      <c r="F35" s="241"/>
      <c r="G35" s="82">
        <v>7</v>
      </c>
      <c r="H35" s="82">
        <v>4</v>
      </c>
      <c r="I35" s="82">
        <v>4</v>
      </c>
      <c r="J35" s="82">
        <v>5</v>
      </c>
      <c r="K35" s="82">
        <v>4</v>
      </c>
      <c r="L35" s="84">
        <v>24</v>
      </c>
      <c r="M35" s="85">
        <v>29</v>
      </c>
      <c r="N35" s="70">
        <v>0</v>
      </c>
      <c r="O35" s="71">
        <v>0</v>
      </c>
      <c r="P35" s="72">
        <v>0</v>
      </c>
      <c r="Q35" s="244"/>
      <c r="R35" s="71">
        <v>0</v>
      </c>
      <c r="S35" s="71">
        <v>0</v>
      </c>
      <c r="T35" s="71">
        <v>0</v>
      </c>
      <c r="U35" s="71">
        <v>0</v>
      </c>
      <c r="V35" s="71">
        <v>0</v>
      </c>
      <c r="W35" s="72">
        <v>0</v>
      </c>
      <c r="X35" s="73">
        <v>0</v>
      </c>
      <c r="Y35" s="70">
        <v>2</v>
      </c>
      <c r="Z35" s="71">
        <v>0</v>
      </c>
      <c r="AA35" s="72">
        <v>2</v>
      </c>
      <c r="AB35" s="244"/>
      <c r="AC35" s="71">
        <v>0</v>
      </c>
      <c r="AD35" s="71">
        <v>1</v>
      </c>
      <c r="AE35" s="71">
        <v>0</v>
      </c>
      <c r="AF35" s="71">
        <v>1</v>
      </c>
      <c r="AG35" s="71">
        <v>0</v>
      </c>
      <c r="AH35" s="72">
        <v>2</v>
      </c>
      <c r="AI35" s="73">
        <v>4</v>
      </c>
      <c r="AJ35" s="70">
        <v>1</v>
      </c>
      <c r="AK35" s="71">
        <v>0</v>
      </c>
      <c r="AL35" s="72">
        <v>1</v>
      </c>
      <c r="AM35" s="244"/>
      <c r="AN35" s="71">
        <v>0</v>
      </c>
      <c r="AO35" s="71">
        <v>1</v>
      </c>
      <c r="AP35" s="71">
        <v>0</v>
      </c>
      <c r="AQ35" s="71">
        <v>0</v>
      </c>
      <c r="AR35" s="71">
        <v>2</v>
      </c>
      <c r="AS35" s="72">
        <v>3</v>
      </c>
      <c r="AT35" s="73">
        <v>4</v>
      </c>
      <c r="AU35" s="70">
        <v>0</v>
      </c>
      <c r="AV35" s="71">
        <v>1</v>
      </c>
      <c r="AW35" s="72">
        <v>1</v>
      </c>
      <c r="AX35" s="244"/>
      <c r="AY35" s="71">
        <v>4</v>
      </c>
      <c r="AZ35" s="71">
        <v>0</v>
      </c>
      <c r="BA35" s="71">
        <v>0</v>
      </c>
      <c r="BB35" s="71">
        <v>1</v>
      </c>
      <c r="BC35" s="71">
        <v>0</v>
      </c>
      <c r="BD35" s="72">
        <v>5</v>
      </c>
      <c r="BE35" s="73">
        <v>6</v>
      </c>
      <c r="BF35" s="70">
        <v>1</v>
      </c>
      <c r="BG35" s="71">
        <v>0</v>
      </c>
      <c r="BH35" s="72">
        <v>1</v>
      </c>
      <c r="BI35" s="244"/>
      <c r="BJ35" s="71">
        <v>2</v>
      </c>
      <c r="BK35" s="71">
        <v>0</v>
      </c>
      <c r="BL35" s="71">
        <v>3</v>
      </c>
      <c r="BM35" s="71">
        <v>1</v>
      </c>
      <c r="BN35" s="71">
        <v>2</v>
      </c>
      <c r="BO35" s="72">
        <v>8</v>
      </c>
      <c r="BP35" s="73">
        <v>9</v>
      </c>
      <c r="BQ35" s="70">
        <v>0</v>
      </c>
      <c r="BR35" s="71">
        <v>0</v>
      </c>
      <c r="BS35" s="72">
        <v>0</v>
      </c>
      <c r="BT35" s="244"/>
      <c r="BU35" s="71">
        <v>1</v>
      </c>
      <c r="BV35" s="71">
        <v>2</v>
      </c>
      <c r="BW35" s="71">
        <v>1</v>
      </c>
      <c r="BX35" s="71">
        <v>2</v>
      </c>
      <c r="BY35" s="71">
        <v>0</v>
      </c>
      <c r="BZ35" s="72">
        <v>6</v>
      </c>
      <c r="CA35" s="73">
        <v>6</v>
      </c>
      <c r="CB35" s="70">
        <v>0</v>
      </c>
      <c r="CC35" s="71">
        <v>0</v>
      </c>
      <c r="CD35" s="72">
        <v>0</v>
      </c>
      <c r="CE35" s="244"/>
      <c r="CF35" s="71">
        <v>0</v>
      </c>
      <c r="CG35" s="71">
        <v>0</v>
      </c>
      <c r="CH35" s="71">
        <v>0</v>
      </c>
      <c r="CI35" s="71">
        <v>0</v>
      </c>
      <c r="CJ35" s="71">
        <v>0</v>
      </c>
      <c r="CK35" s="72">
        <v>0</v>
      </c>
      <c r="CL35" s="73">
        <v>0</v>
      </c>
      <c r="CM35" s="70">
        <v>4</v>
      </c>
      <c r="CN35" s="71">
        <v>1</v>
      </c>
      <c r="CO35" s="72">
        <v>5</v>
      </c>
      <c r="CP35" s="244"/>
      <c r="CQ35" s="71">
        <v>7</v>
      </c>
      <c r="CR35" s="71">
        <v>4</v>
      </c>
      <c r="CS35" s="71">
        <v>4</v>
      </c>
      <c r="CT35" s="71">
        <v>5</v>
      </c>
      <c r="CU35" s="71">
        <v>4</v>
      </c>
      <c r="CV35" s="72">
        <v>24</v>
      </c>
      <c r="CW35" s="73">
        <v>29</v>
      </c>
      <c r="CX35" s="123">
        <v>0</v>
      </c>
      <c r="CY35" s="82">
        <v>1</v>
      </c>
      <c r="CZ35" s="83">
        <v>1</v>
      </c>
      <c r="DA35" s="241"/>
      <c r="DB35" s="82">
        <v>3</v>
      </c>
      <c r="DC35" s="82">
        <v>4</v>
      </c>
      <c r="DD35" s="82">
        <v>2</v>
      </c>
      <c r="DE35" s="82">
        <v>1</v>
      </c>
      <c r="DF35" s="82">
        <v>0</v>
      </c>
      <c r="DG35" s="84">
        <v>10</v>
      </c>
      <c r="DH35" s="85">
        <v>11</v>
      </c>
      <c r="DI35" s="70">
        <v>0</v>
      </c>
      <c r="DJ35" s="71">
        <v>0</v>
      </c>
      <c r="DK35" s="72">
        <v>0</v>
      </c>
      <c r="DL35" s="244"/>
      <c r="DM35" s="71">
        <v>1</v>
      </c>
      <c r="DN35" s="71">
        <v>0</v>
      </c>
      <c r="DO35" s="71">
        <v>0</v>
      </c>
      <c r="DP35" s="71">
        <v>0</v>
      </c>
      <c r="DQ35" s="71">
        <v>0</v>
      </c>
      <c r="DR35" s="72">
        <v>1</v>
      </c>
      <c r="DS35" s="73">
        <v>1</v>
      </c>
      <c r="DT35" s="70">
        <v>0</v>
      </c>
      <c r="DU35" s="71">
        <v>0</v>
      </c>
      <c r="DV35" s="72">
        <v>0</v>
      </c>
      <c r="DW35" s="244"/>
      <c r="DX35" s="71">
        <v>1</v>
      </c>
      <c r="DY35" s="71">
        <v>0</v>
      </c>
      <c r="DZ35" s="71">
        <v>0</v>
      </c>
      <c r="EA35" s="71">
        <v>0</v>
      </c>
      <c r="EB35" s="71">
        <v>0</v>
      </c>
      <c r="EC35" s="72">
        <v>1</v>
      </c>
      <c r="ED35" s="73">
        <v>1</v>
      </c>
      <c r="EE35" s="70">
        <v>0</v>
      </c>
      <c r="EF35" s="71">
        <v>1</v>
      </c>
      <c r="EG35" s="72">
        <v>1</v>
      </c>
      <c r="EH35" s="244"/>
      <c r="EI35" s="71">
        <v>0</v>
      </c>
      <c r="EJ35" s="71">
        <v>0</v>
      </c>
      <c r="EK35" s="71">
        <v>0</v>
      </c>
      <c r="EL35" s="71">
        <v>0</v>
      </c>
      <c r="EM35" s="71">
        <v>0</v>
      </c>
      <c r="EN35" s="72">
        <v>0</v>
      </c>
      <c r="EO35" s="73">
        <v>1</v>
      </c>
      <c r="EP35" s="70">
        <v>0</v>
      </c>
      <c r="EQ35" s="71">
        <v>0</v>
      </c>
      <c r="ER35" s="72">
        <v>0</v>
      </c>
      <c r="ES35" s="244"/>
      <c r="ET35" s="71">
        <v>0</v>
      </c>
      <c r="EU35" s="71">
        <v>0</v>
      </c>
      <c r="EV35" s="71">
        <v>0</v>
      </c>
      <c r="EW35" s="71">
        <v>0</v>
      </c>
      <c r="EX35" s="71">
        <v>0</v>
      </c>
      <c r="EY35" s="72">
        <v>0</v>
      </c>
      <c r="EZ35" s="73">
        <v>0</v>
      </c>
      <c r="FA35" s="70">
        <v>0</v>
      </c>
      <c r="FB35" s="71">
        <v>0</v>
      </c>
      <c r="FC35" s="72">
        <v>0</v>
      </c>
      <c r="FD35" s="244"/>
      <c r="FE35" s="71">
        <v>0</v>
      </c>
      <c r="FF35" s="71">
        <v>2</v>
      </c>
      <c r="FG35" s="71">
        <v>1</v>
      </c>
      <c r="FH35" s="71">
        <v>0</v>
      </c>
      <c r="FI35" s="71">
        <v>0</v>
      </c>
      <c r="FJ35" s="72">
        <v>3</v>
      </c>
      <c r="FK35" s="73">
        <v>3</v>
      </c>
      <c r="FL35" s="70">
        <v>0</v>
      </c>
      <c r="FM35" s="71">
        <v>0</v>
      </c>
      <c r="FN35" s="72">
        <v>0</v>
      </c>
      <c r="FO35" s="244"/>
      <c r="FP35" s="71">
        <v>1</v>
      </c>
      <c r="FQ35" s="71">
        <v>2</v>
      </c>
      <c r="FR35" s="71">
        <v>1</v>
      </c>
      <c r="FS35" s="71">
        <v>1</v>
      </c>
      <c r="FT35" s="71">
        <v>0</v>
      </c>
      <c r="FU35" s="72">
        <v>5</v>
      </c>
      <c r="FV35" s="73">
        <v>5</v>
      </c>
      <c r="FW35" s="70">
        <v>0</v>
      </c>
      <c r="FX35" s="71">
        <v>0</v>
      </c>
      <c r="FY35" s="72">
        <v>0</v>
      </c>
      <c r="FZ35" s="244"/>
      <c r="GA35" s="71">
        <v>0</v>
      </c>
      <c r="GB35" s="71">
        <v>0</v>
      </c>
      <c r="GC35" s="71">
        <v>0</v>
      </c>
      <c r="GD35" s="71">
        <v>0</v>
      </c>
      <c r="GE35" s="71">
        <v>0</v>
      </c>
      <c r="GF35" s="72">
        <v>0</v>
      </c>
      <c r="GG35" s="73">
        <v>0</v>
      </c>
      <c r="GH35" s="70">
        <v>0</v>
      </c>
      <c r="GI35" s="71">
        <v>1</v>
      </c>
      <c r="GJ35" s="72">
        <v>1</v>
      </c>
      <c r="GK35" s="244"/>
      <c r="GL35" s="71">
        <v>3</v>
      </c>
      <c r="GM35" s="71">
        <v>4</v>
      </c>
      <c r="GN35" s="71">
        <v>2</v>
      </c>
      <c r="GO35" s="71">
        <v>1</v>
      </c>
      <c r="GP35" s="71">
        <v>0</v>
      </c>
      <c r="GQ35" s="72">
        <v>10</v>
      </c>
      <c r="GR35" s="73">
        <v>11</v>
      </c>
      <c r="GS35" s="123">
        <v>4</v>
      </c>
      <c r="GT35" s="82">
        <v>2</v>
      </c>
      <c r="GU35" s="83">
        <v>6</v>
      </c>
      <c r="GV35" s="241"/>
      <c r="GW35" s="82">
        <v>10</v>
      </c>
      <c r="GX35" s="82">
        <v>8</v>
      </c>
      <c r="GY35" s="82">
        <v>6</v>
      </c>
      <c r="GZ35" s="82">
        <v>6</v>
      </c>
      <c r="HA35" s="82">
        <v>4</v>
      </c>
      <c r="HB35" s="84">
        <v>34</v>
      </c>
      <c r="HC35" s="85">
        <v>40</v>
      </c>
      <c r="HD35" s="70">
        <v>0</v>
      </c>
      <c r="HE35" s="71">
        <v>0</v>
      </c>
      <c r="HF35" s="72">
        <v>0</v>
      </c>
      <c r="HG35" s="244"/>
      <c r="HH35" s="71">
        <v>1</v>
      </c>
      <c r="HI35" s="71">
        <v>0</v>
      </c>
      <c r="HJ35" s="71">
        <v>0</v>
      </c>
      <c r="HK35" s="71">
        <v>0</v>
      </c>
      <c r="HL35" s="71">
        <v>0</v>
      </c>
      <c r="HM35" s="72">
        <v>1</v>
      </c>
      <c r="HN35" s="73">
        <v>1</v>
      </c>
      <c r="HO35" s="70">
        <v>2</v>
      </c>
      <c r="HP35" s="71">
        <v>0</v>
      </c>
      <c r="HQ35" s="72">
        <v>2</v>
      </c>
      <c r="HR35" s="244"/>
      <c r="HS35" s="71">
        <v>1</v>
      </c>
      <c r="HT35" s="71">
        <v>1</v>
      </c>
      <c r="HU35" s="71">
        <v>0</v>
      </c>
      <c r="HV35" s="71">
        <v>1</v>
      </c>
      <c r="HW35" s="71">
        <v>0</v>
      </c>
      <c r="HX35" s="72">
        <v>3</v>
      </c>
      <c r="HY35" s="73">
        <v>5</v>
      </c>
      <c r="HZ35" s="70">
        <v>1</v>
      </c>
      <c r="IA35" s="71">
        <v>1</v>
      </c>
      <c r="IB35" s="72">
        <v>2</v>
      </c>
      <c r="IC35" s="244"/>
      <c r="ID35" s="71">
        <v>0</v>
      </c>
      <c r="IE35" s="71">
        <v>1</v>
      </c>
      <c r="IF35" s="71">
        <v>0</v>
      </c>
      <c r="IG35" s="71">
        <v>0</v>
      </c>
      <c r="IH35" s="71">
        <v>2</v>
      </c>
      <c r="II35" s="72">
        <v>3</v>
      </c>
      <c r="IJ35" s="73">
        <v>5</v>
      </c>
      <c r="IK35" s="70">
        <v>0</v>
      </c>
      <c r="IL35" s="71">
        <v>1</v>
      </c>
      <c r="IM35" s="72">
        <v>1</v>
      </c>
      <c r="IN35" s="244"/>
      <c r="IO35" s="71">
        <v>4</v>
      </c>
      <c r="IP35" s="71">
        <v>0</v>
      </c>
      <c r="IQ35" s="71">
        <v>0</v>
      </c>
      <c r="IR35" s="71">
        <v>1</v>
      </c>
      <c r="IS35" s="71">
        <v>0</v>
      </c>
      <c r="IT35" s="72">
        <v>5</v>
      </c>
      <c r="IU35" s="73">
        <v>6</v>
      </c>
      <c r="IV35" s="70">
        <v>1</v>
      </c>
      <c r="IW35" s="71">
        <v>0</v>
      </c>
      <c r="IX35" s="72">
        <v>1</v>
      </c>
      <c r="IY35" s="244"/>
      <c r="IZ35" s="71">
        <v>2</v>
      </c>
      <c r="JA35" s="71">
        <v>2</v>
      </c>
      <c r="JB35" s="71">
        <v>4</v>
      </c>
      <c r="JC35" s="71">
        <v>1</v>
      </c>
      <c r="JD35" s="71">
        <v>2</v>
      </c>
      <c r="JE35" s="72">
        <v>11</v>
      </c>
      <c r="JF35" s="73">
        <v>12</v>
      </c>
      <c r="JG35" s="70">
        <v>0</v>
      </c>
      <c r="JH35" s="71">
        <v>0</v>
      </c>
      <c r="JI35" s="72">
        <v>0</v>
      </c>
      <c r="JJ35" s="244"/>
      <c r="JK35" s="71">
        <v>2</v>
      </c>
      <c r="JL35" s="71">
        <v>4</v>
      </c>
      <c r="JM35" s="71">
        <v>2</v>
      </c>
      <c r="JN35" s="71">
        <v>3</v>
      </c>
      <c r="JO35" s="71">
        <v>0</v>
      </c>
      <c r="JP35" s="72">
        <v>11</v>
      </c>
      <c r="JQ35" s="73">
        <v>11</v>
      </c>
      <c r="JR35" s="70">
        <v>0</v>
      </c>
      <c r="JS35" s="71">
        <v>0</v>
      </c>
      <c r="JT35" s="72">
        <v>0</v>
      </c>
      <c r="JU35" s="244"/>
      <c r="JV35" s="71">
        <v>0</v>
      </c>
      <c r="JW35" s="71">
        <v>0</v>
      </c>
      <c r="JX35" s="71">
        <v>0</v>
      </c>
      <c r="JY35" s="71">
        <v>0</v>
      </c>
      <c r="JZ35" s="71">
        <v>0</v>
      </c>
      <c r="KA35" s="72">
        <v>0</v>
      </c>
      <c r="KB35" s="73">
        <v>0</v>
      </c>
      <c r="KC35" s="70">
        <v>4</v>
      </c>
      <c r="KD35" s="71">
        <v>2</v>
      </c>
      <c r="KE35" s="72">
        <v>6</v>
      </c>
      <c r="KF35" s="244"/>
      <c r="KG35" s="71">
        <v>10</v>
      </c>
      <c r="KH35" s="71">
        <v>8</v>
      </c>
      <c r="KI35" s="71">
        <v>6</v>
      </c>
      <c r="KJ35" s="71">
        <v>6</v>
      </c>
      <c r="KK35" s="71">
        <v>4</v>
      </c>
      <c r="KL35" s="72">
        <v>34</v>
      </c>
      <c r="KM35" s="73">
        <v>40</v>
      </c>
    </row>
    <row r="36" spans="2:299" ht="21" customHeight="1" x14ac:dyDescent="0.2">
      <c r="B36" s="126" t="s">
        <v>33</v>
      </c>
      <c r="C36" s="313">
        <v>2</v>
      </c>
      <c r="D36" s="82">
        <v>1</v>
      </c>
      <c r="E36" s="83">
        <v>3</v>
      </c>
      <c r="F36" s="241"/>
      <c r="G36" s="82">
        <v>9</v>
      </c>
      <c r="H36" s="82">
        <v>2</v>
      </c>
      <c r="I36" s="82">
        <v>4</v>
      </c>
      <c r="J36" s="82">
        <v>3</v>
      </c>
      <c r="K36" s="82">
        <v>4</v>
      </c>
      <c r="L36" s="84">
        <v>22</v>
      </c>
      <c r="M36" s="85">
        <v>25</v>
      </c>
      <c r="N36" s="70">
        <v>0</v>
      </c>
      <c r="O36" s="71">
        <v>0</v>
      </c>
      <c r="P36" s="72">
        <v>0</v>
      </c>
      <c r="Q36" s="244"/>
      <c r="R36" s="71">
        <v>1</v>
      </c>
      <c r="S36" s="71">
        <v>0</v>
      </c>
      <c r="T36" s="71">
        <v>0</v>
      </c>
      <c r="U36" s="71">
        <v>0</v>
      </c>
      <c r="V36" s="71">
        <v>0</v>
      </c>
      <c r="W36" s="72">
        <v>1</v>
      </c>
      <c r="X36" s="73">
        <v>1</v>
      </c>
      <c r="Y36" s="70">
        <v>0</v>
      </c>
      <c r="Z36" s="71">
        <v>0</v>
      </c>
      <c r="AA36" s="72">
        <v>0</v>
      </c>
      <c r="AB36" s="244"/>
      <c r="AC36" s="71">
        <v>2</v>
      </c>
      <c r="AD36" s="71">
        <v>0</v>
      </c>
      <c r="AE36" s="71">
        <v>1</v>
      </c>
      <c r="AF36" s="71">
        <v>0</v>
      </c>
      <c r="AG36" s="71">
        <v>1</v>
      </c>
      <c r="AH36" s="72">
        <v>4</v>
      </c>
      <c r="AI36" s="73">
        <v>4</v>
      </c>
      <c r="AJ36" s="70">
        <v>0</v>
      </c>
      <c r="AK36" s="71">
        <v>0</v>
      </c>
      <c r="AL36" s="72">
        <v>0</v>
      </c>
      <c r="AM36" s="244"/>
      <c r="AN36" s="71">
        <v>2</v>
      </c>
      <c r="AO36" s="71">
        <v>1</v>
      </c>
      <c r="AP36" s="71">
        <v>0</v>
      </c>
      <c r="AQ36" s="71">
        <v>0</v>
      </c>
      <c r="AR36" s="71">
        <v>2</v>
      </c>
      <c r="AS36" s="72">
        <v>5</v>
      </c>
      <c r="AT36" s="73">
        <v>5</v>
      </c>
      <c r="AU36" s="70">
        <v>0</v>
      </c>
      <c r="AV36" s="71">
        <v>0</v>
      </c>
      <c r="AW36" s="72">
        <v>0</v>
      </c>
      <c r="AX36" s="244"/>
      <c r="AY36" s="71">
        <v>0</v>
      </c>
      <c r="AZ36" s="71">
        <v>1</v>
      </c>
      <c r="BA36" s="71">
        <v>0</v>
      </c>
      <c r="BB36" s="71">
        <v>1</v>
      </c>
      <c r="BC36" s="71">
        <v>0</v>
      </c>
      <c r="BD36" s="72">
        <v>2</v>
      </c>
      <c r="BE36" s="73">
        <v>2</v>
      </c>
      <c r="BF36" s="70">
        <v>1</v>
      </c>
      <c r="BG36" s="71">
        <v>0</v>
      </c>
      <c r="BH36" s="72">
        <v>1</v>
      </c>
      <c r="BI36" s="244"/>
      <c r="BJ36" s="71">
        <v>1</v>
      </c>
      <c r="BK36" s="71">
        <v>0</v>
      </c>
      <c r="BL36" s="71">
        <v>2</v>
      </c>
      <c r="BM36" s="71">
        <v>0</v>
      </c>
      <c r="BN36" s="71">
        <v>1</v>
      </c>
      <c r="BO36" s="72">
        <v>4</v>
      </c>
      <c r="BP36" s="73">
        <v>5</v>
      </c>
      <c r="BQ36" s="70">
        <v>1</v>
      </c>
      <c r="BR36" s="71">
        <v>1</v>
      </c>
      <c r="BS36" s="72">
        <v>2</v>
      </c>
      <c r="BT36" s="244"/>
      <c r="BU36" s="71">
        <v>3</v>
      </c>
      <c r="BV36" s="71">
        <v>0</v>
      </c>
      <c r="BW36" s="71">
        <v>1</v>
      </c>
      <c r="BX36" s="71">
        <v>2</v>
      </c>
      <c r="BY36" s="71">
        <v>0</v>
      </c>
      <c r="BZ36" s="72">
        <v>6</v>
      </c>
      <c r="CA36" s="73">
        <v>8</v>
      </c>
      <c r="CB36" s="70">
        <v>0</v>
      </c>
      <c r="CC36" s="71">
        <v>0</v>
      </c>
      <c r="CD36" s="72">
        <v>0</v>
      </c>
      <c r="CE36" s="244"/>
      <c r="CF36" s="71">
        <v>0</v>
      </c>
      <c r="CG36" s="71">
        <v>0</v>
      </c>
      <c r="CH36" s="71">
        <v>0</v>
      </c>
      <c r="CI36" s="71">
        <v>0</v>
      </c>
      <c r="CJ36" s="71">
        <v>0</v>
      </c>
      <c r="CK36" s="72">
        <v>0</v>
      </c>
      <c r="CL36" s="73">
        <v>0</v>
      </c>
      <c r="CM36" s="70">
        <v>2</v>
      </c>
      <c r="CN36" s="71">
        <v>1</v>
      </c>
      <c r="CO36" s="72">
        <v>3</v>
      </c>
      <c r="CP36" s="244"/>
      <c r="CQ36" s="71">
        <v>9</v>
      </c>
      <c r="CR36" s="71">
        <v>2</v>
      </c>
      <c r="CS36" s="71">
        <v>4</v>
      </c>
      <c r="CT36" s="71">
        <v>3</v>
      </c>
      <c r="CU36" s="71">
        <v>4</v>
      </c>
      <c r="CV36" s="72">
        <v>22</v>
      </c>
      <c r="CW36" s="73">
        <v>25</v>
      </c>
      <c r="CX36" s="123">
        <v>3</v>
      </c>
      <c r="CY36" s="82">
        <v>4</v>
      </c>
      <c r="CZ36" s="83">
        <v>7</v>
      </c>
      <c r="DA36" s="241"/>
      <c r="DB36" s="82">
        <v>4</v>
      </c>
      <c r="DC36" s="82">
        <v>1</v>
      </c>
      <c r="DD36" s="82">
        <v>4</v>
      </c>
      <c r="DE36" s="82">
        <v>3</v>
      </c>
      <c r="DF36" s="82">
        <v>1</v>
      </c>
      <c r="DG36" s="84">
        <v>13</v>
      </c>
      <c r="DH36" s="85">
        <v>20</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0</v>
      </c>
      <c r="DZ36" s="71">
        <v>0</v>
      </c>
      <c r="EA36" s="71">
        <v>0</v>
      </c>
      <c r="EB36" s="71">
        <v>0</v>
      </c>
      <c r="EC36" s="72">
        <v>0</v>
      </c>
      <c r="ED36" s="73">
        <v>0</v>
      </c>
      <c r="EE36" s="70">
        <v>0</v>
      </c>
      <c r="EF36" s="71">
        <v>1</v>
      </c>
      <c r="EG36" s="72">
        <v>1</v>
      </c>
      <c r="EH36" s="244"/>
      <c r="EI36" s="71">
        <v>0</v>
      </c>
      <c r="EJ36" s="71">
        <v>1</v>
      </c>
      <c r="EK36" s="71">
        <v>1</v>
      </c>
      <c r="EL36" s="71">
        <v>1</v>
      </c>
      <c r="EM36" s="71">
        <v>0</v>
      </c>
      <c r="EN36" s="72">
        <v>3</v>
      </c>
      <c r="EO36" s="73">
        <v>4</v>
      </c>
      <c r="EP36" s="70">
        <v>3</v>
      </c>
      <c r="EQ36" s="71">
        <v>0</v>
      </c>
      <c r="ER36" s="72">
        <v>3</v>
      </c>
      <c r="ES36" s="244"/>
      <c r="ET36" s="71">
        <v>0</v>
      </c>
      <c r="EU36" s="71">
        <v>0</v>
      </c>
      <c r="EV36" s="71">
        <v>1</v>
      </c>
      <c r="EW36" s="71">
        <v>0</v>
      </c>
      <c r="EX36" s="71">
        <v>0</v>
      </c>
      <c r="EY36" s="72">
        <v>1</v>
      </c>
      <c r="EZ36" s="73">
        <v>4</v>
      </c>
      <c r="FA36" s="70">
        <v>0</v>
      </c>
      <c r="FB36" s="71">
        <v>2</v>
      </c>
      <c r="FC36" s="72">
        <v>2</v>
      </c>
      <c r="FD36" s="244"/>
      <c r="FE36" s="71">
        <v>3</v>
      </c>
      <c r="FF36" s="71">
        <v>0</v>
      </c>
      <c r="FG36" s="71">
        <v>0</v>
      </c>
      <c r="FH36" s="71">
        <v>1</v>
      </c>
      <c r="FI36" s="71">
        <v>1</v>
      </c>
      <c r="FJ36" s="72">
        <v>5</v>
      </c>
      <c r="FK36" s="73">
        <v>7</v>
      </c>
      <c r="FL36" s="70">
        <v>0</v>
      </c>
      <c r="FM36" s="71">
        <v>1</v>
      </c>
      <c r="FN36" s="72">
        <v>1</v>
      </c>
      <c r="FO36" s="244"/>
      <c r="FP36" s="71">
        <v>1</v>
      </c>
      <c r="FQ36" s="71">
        <v>0</v>
      </c>
      <c r="FR36" s="71">
        <v>2</v>
      </c>
      <c r="FS36" s="71">
        <v>1</v>
      </c>
      <c r="FT36" s="71">
        <v>0</v>
      </c>
      <c r="FU36" s="72">
        <v>4</v>
      </c>
      <c r="FV36" s="73">
        <v>5</v>
      </c>
      <c r="FW36" s="70">
        <v>0</v>
      </c>
      <c r="FX36" s="71">
        <v>0</v>
      </c>
      <c r="FY36" s="72">
        <v>0</v>
      </c>
      <c r="FZ36" s="244"/>
      <c r="GA36" s="71">
        <v>0</v>
      </c>
      <c r="GB36" s="71">
        <v>0</v>
      </c>
      <c r="GC36" s="71">
        <v>0</v>
      </c>
      <c r="GD36" s="71">
        <v>0</v>
      </c>
      <c r="GE36" s="71">
        <v>0</v>
      </c>
      <c r="GF36" s="72">
        <v>0</v>
      </c>
      <c r="GG36" s="73">
        <v>0</v>
      </c>
      <c r="GH36" s="70">
        <v>3</v>
      </c>
      <c r="GI36" s="71">
        <v>4</v>
      </c>
      <c r="GJ36" s="72">
        <v>7</v>
      </c>
      <c r="GK36" s="244"/>
      <c r="GL36" s="71">
        <v>4</v>
      </c>
      <c r="GM36" s="71">
        <v>1</v>
      </c>
      <c r="GN36" s="71">
        <v>4</v>
      </c>
      <c r="GO36" s="71">
        <v>3</v>
      </c>
      <c r="GP36" s="71">
        <v>1</v>
      </c>
      <c r="GQ36" s="72">
        <v>13</v>
      </c>
      <c r="GR36" s="73">
        <v>20</v>
      </c>
      <c r="GS36" s="123">
        <v>5</v>
      </c>
      <c r="GT36" s="82">
        <v>5</v>
      </c>
      <c r="GU36" s="83">
        <v>10</v>
      </c>
      <c r="GV36" s="241"/>
      <c r="GW36" s="82">
        <v>13</v>
      </c>
      <c r="GX36" s="82">
        <v>3</v>
      </c>
      <c r="GY36" s="82">
        <v>8</v>
      </c>
      <c r="GZ36" s="82">
        <v>6</v>
      </c>
      <c r="HA36" s="82">
        <v>5</v>
      </c>
      <c r="HB36" s="84">
        <v>35</v>
      </c>
      <c r="HC36" s="85">
        <v>45</v>
      </c>
      <c r="HD36" s="70">
        <v>0</v>
      </c>
      <c r="HE36" s="71">
        <v>0</v>
      </c>
      <c r="HF36" s="72">
        <v>0</v>
      </c>
      <c r="HG36" s="244"/>
      <c r="HH36" s="71">
        <v>1</v>
      </c>
      <c r="HI36" s="71">
        <v>0</v>
      </c>
      <c r="HJ36" s="71">
        <v>0</v>
      </c>
      <c r="HK36" s="71">
        <v>0</v>
      </c>
      <c r="HL36" s="71">
        <v>0</v>
      </c>
      <c r="HM36" s="72">
        <v>1</v>
      </c>
      <c r="HN36" s="73">
        <v>1</v>
      </c>
      <c r="HO36" s="70">
        <v>0</v>
      </c>
      <c r="HP36" s="71">
        <v>0</v>
      </c>
      <c r="HQ36" s="72">
        <v>0</v>
      </c>
      <c r="HR36" s="244"/>
      <c r="HS36" s="71">
        <v>2</v>
      </c>
      <c r="HT36" s="71">
        <v>0</v>
      </c>
      <c r="HU36" s="71">
        <v>1</v>
      </c>
      <c r="HV36" s="71">
        <v>0</v>
      </c>
      <c r="HW36" s="71">
        <v>1</v>
      </c>
      <c r="HX36" s="72">
        <v>4</v>
      </c>
      <c r="HY36" s="73">
        <v>4</v>
      </c>
      <c r="HZ36" s="70">
        <v>0</v>
      </c>
      <c r="IA36" s="71">
        <v>1</v>
      </c>
      <c r="IB36" s="72">
        <v>1</v>
      </c>
      <c r="IC36" s="244"/>
      <c r="ID36" s="71">
        <v>2</v>
      </c>
      <c r="IE36" s="71">
        <v>2</v>
      </c>
      <c r="IF36" s="71">
        <v>1</v>
      </c>
      <c r="IG36" s="71">
        <v>1</v>
      </c>
      <c r="IH36" s="71">
        <v>2</v>
      </c>
      <c r="II36" s="72">
        <v>8</v>
      </c>
      <c r="IJ36" s="73">
        <v>9</v>
      </c>
      <c r="IK36" s="70">
        <v>3</v>
      </c>
      <c r="IL36" s="71">
        <v>0</v>
      </c>
      <c r="IM36" s="72">
        <v>3</v>
      </c>
      <c r="IN36" s="244"/>
      <c r="IO36" s="71">
        <v>0</v>
      </c>
      <c r="IP36" s="71">
        <v>1</v>
      </c>
      <c r="IQ36" s="71">
        <v>1</v>
      </c>
      <c r="IR36" s="71">
        <v>1</v>
      </c>
      <c r="IS36" s="71">
        <v>0</v>
      </c>
      <c r="IT36" s="72">
        <v>3</v>
      </c>
      <c r="IU36" s="73">
        <v>6</v>
      </c>
      <c r="IV36" s="70">
        <v>1</v>
      </c>
      <c r="IW36" s="71">
        <v>2</v>
      </c>
      <c r="IX36" s="72">
        <v>3</v>
      </c>
      <c r="IY36" s="244"/>
      <c r="IZ36" s="71">
        <v>4</v>
      </c>
      <c r="JA36" s="71">
        <v>0</v>
      </c>
      <c r="JB36" s="71">
        <v>2</v>
      </c>
      <c r="JC36" s="71">
        <v>1</v>
      </c>
      <c r="JD36" s="71">
        <v>2</v>
      </c>
      <c r="JE36" s="72">
        <v>9</v>
      </c>
      <c r="JF36" s="73">
        <v>12</v>
      </c>
      <c r="JG36" s="70">
        <v>1</v>
      </c>
      <c r="JH36" s="71">
        <v>2</v>
      </c>
      <c r="JI36" s="72">
        <v>3</v>
      </c>
      <c r="JJ36" s="244"/>
      <c r="JK36" s="71">
        <v>4</v>
      </c>
      <c r="JL36" s="71">
        <v>0</v>
      </c>
      <c r="JM36" s="71">
        <v>3</v>
      </c>
      <c r="JN36" s="71">
        <v>3</v>
      </c>
      <c r="JO36" s="71">
        <v>0</v>
      </c>
      <c r="JP36" s="72">
        <v>10</v>
      </c>
      <c r="JQ36" s="73">
        <v>13</v>
      </c>
      <c r="JR36" s="70">
        <v>0</v>
      </c>
      <c r="JS36" s="71">
        <v>0</v>
      </c>
      <c r="JT36" s="72">
        <v>0</v>
      </c>
      <c r="JU36" s="244"/>
      <c r="JV36" s="71">
        <v>0</v>
      </c>
      <c r="JW36" s="71">
        <v>0</v>
      </c>
      <c r="JX36" s="71">
        <v>0</v>
      </c>
      <c r="JY36" s="71">
        <v>0</v>
      </c>
      <c r="JZ36" s="71">
        <v>0</v>
      </c>
      <c r="KA36" s="72">
        <v>0</v>
      </c>
      <c r="KB36" s="73">
        <v>0</v>
      </c>
      <c r="KC36" s="70">
        <v>5</v>
      </c>
      <c r="KD36" s="71">
        <v>5</v>
      </c>
      <c r="KE36" s="72">
        <v>10</v>
      </c>
      <c r="KF36" s="244"/>
      <c r="KG36" s="71">
        <v>13</v>
      </c>
      <c r="KH36" s="71">
        <v>3</v>
      </c>
      <c r="KI36" s="71">
        <v>8</v>
      </c>
      <c r="KJ36" s="71">
        <v>6</v>
      </c>
      <c r="KK36" s="71">
        <v>5</v>
      </c>
      <c r="KL36" s="72">
        <v>35</v>
      </c>
      <c r="KM36" s="73">
        <v>45</v>
      </c>
    </row>
    <row r="37" spans="2:299" ht="21" customHeight="1" x14ac:dyDescent="0.2">
      <c r="B37" s="126" t="s">
        <v>34</v>
      </c>
      <c r="C37" s="313">
        <v>0</v>
      </c>
      <c r="D37" s="82">
        <v>1</v>
      </c>
      <c r="E37" s="83">
        <v>1</v>
      </c>
      <c r="F37" s="241"/>
      <c r="G37" s="82">
        <v>1</v>
      </c>
      <c r="H37" s="82">
        <v>4</v>
      </c>
      <c r="I37" s="82">
        <v>2</v>
      </c>
      <c r="J37" s="82">
        <v>0</v>
      </c>
      <c r="K37" s="82">
        <v>1</v>
      </c>
      <c r="L37" s="84">
        <v>8</v>
      </c>
      <c r="M37" s="85">
        <v>9</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1</v>
      </c>
      <c r="AL37" s="72">
        <v>1</v>
      </c>
      <c r="AM37" s="244"/>
      <c r="AN37" s="71">
        <v>0</v>
      </c>
      <c r="AO37" s="71">
        <v>0</v>
      </c>
      <c r="AP37" s="71">
        <v>0</v>
      </c>
      <c r="AQ37" s="71">
        <v>0</v>
      </c>
      <c r="AR37" s="71">
        <v>0</v>
      </c>
      <c r="AS37" s="72">
        <v>0</v>
      </c>
      <c r="AT37" s="73">
        <v>1</v>
      </c>
      <c r="AU37" s="70">
        <v>0</v>
      </c>
      <c r="AV37" s="71">
        <v>0</v>
      </c>
      <c r="AW37" s="72">
        <v>0</v>
      </c>
      <c r="AX37" s="244"/>
      <c r="AY37" s="71">
        <v>1</v>
      </c>
      <c r="AZ37" s="71">
        <v>1</v>
      </c>
      <c r="BA37" s="71">
        <v>0</v>
      </c>
      <c r="BB37" s="71">
        <v>0</v>
      </c>
      <c r="BC37" s="71">
        <v>0</v>
      </c>
      <c r="BD37" s="72">
        <v>2</v>
      </c>
      <c r="BE37" s="73">
        <v>2</v>
      </c>
      <c r="BF37" s="70">
        <v>0</v>
      </c>
      <c r="BG37" s="71">
        <v>0</v>
      </c>
      <c r="BH37" s="72">
        <v>0</v>
      </c>
      <c r="BI37" s="244"/>
      <c r="BJ37" s="71">
        <v>0</v>
      </c>
      <c r="BK37" s="71">
        <v>0</v>
      </c>
      <c r="BL37" s="71">
        <v>1</v>
      </c>
      <c r="BM37" s="71">
        <v>0</v>
      </c>
      <c r="BN37" s="71">
        <v>0</v>
      </c>
      <c r="BO37" s="72">
        <v>1</v>
      </c>
      <c r="BP37" s="73">
        <v>1</v>
      </c>
      <c r="BQ37" s="70">
        <v>0</v>
      </c>
      <c r="BR37" s="71">
        <v>0</v>
      </c>
      <c r="BS37" s="72">
        <v>0</v>
      </c>
      <c r="BT37" s="244"/>
      <c r="BU37" s="71">
        <v>0</v>
      </c>
      <c r="BV37" s="71">
        <v>2</v>
      </c>
      <c r="BW37" s="71">
        <v>1</v>
      </c>
      <c r="BX37" s="71">
        <v>0</v>
      </c>
      <c r="BY37" s="71">
        <v>1</v>
      </c>
      <c r="BZ37" s="72">
        <v>4</v>
      </c>
      <c r="CA37" s="73">
        <v>4</v>
      </c>
      <c r="CB37" s="70">
        <v>0</v>
      </c>
      <c r="CC37" s="71">
        <v>0</v>
      </c>
      <c r="CD37" s="72">
        <v>0</v>
      </c>
      <c r="CE37" s="244"/>
      <c r="CF37" s="71">
        <v>0</v>
      </c>
      <c r="CG37" s="71">
        <v>0</v>
      </c>
      <c r="CH37" s="71">
        <v>0</v>
      </c>
      <c r="CI37" s="71">
        <v>0</v>
      </c>
      <c r="CJ37" s="71">
        <v>0</v>
      </c>
      <c r="CK37" s="72">
        <v>0</v>
      </c>
      <c r="CL37" s="73">
        <v>0</v>
      </c>
      <c r="CM37" s="70">
        <v>0</v>
      </c>
      <c r="CN37" s="71">
        <v>1</v>
      </c>
      <c r="CO37" s="72">
        <v>1</v>
      </c>
      <c r="CP37" s="244"/>
      <c r="CQ37" s="71">
        <v>1</v>
      </c>
      <c r="CR37" s="71">
        <v>4</v>
      </c>
      <c r="CS37" s="71">
        <v>2</v>
      </c>
      <c r="CT37" s="71">
        <v>0</v>
      </c>
      <c r="CU37" s="71">
        <v>1</v>
      </c>
      <c r="CV37" s="72">
        <v>8</v>
      </c>
      <c r="CW37" s="73">
        <v>9</v>
      </c>
      <c r="CX37" s="123">
        <v>1</v>
      </c>
      <c r="CY37" s="82">
        <v>0</v>
      </c>
      <c r="CZ37" s="83">
        <v>1</v>
      </c>
      <c r="DA37" s="241"/>
      <c r="DB37" s="82">
        <v>1</v>
      </c>
      <c r="DC37" s="82">
        <v>1</v>
      </c>
      <c r="DD37" s="82">
        <v>1</v>
      </c>
      <c r="DE37" s="82">
        <v>0</v>
      </c>
      <c r="DF37" s="82">
        <v>0</v>
      </c>
      <c r="DG37" s="84">
        <v>3</v>
      </c>
      <c r="DH37" s="85">
        <v>4</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0</v>
      </c>
      <c r="EQ37" s="71">
        <v>0</v>
      </c>
      <c r="ER37" s="72">
        <v>0</v>
      </c>
      <c r="ES37" s="244"/>
      <c r="ET37" s="71">
        <v>0</v>
      </c>
      <c r="EU37" s="71">
        <v>0</v>
      </c>
      <c r="EV37" s="71">
        <v>0</v>
      </c>
      <c r="EW37" s="71">
        <v>0</v>
      </c>
      <c r="EX37" s="71">
        <v>0</v>
      </c>
      <c r="EY37" s="72">
        <v>0</v>
      </c>
      <c r="EZ37" s="73">
        <v>0</v>
      </c>
      <c r="FA37" s="70">
        <v>1</v>
      </c>
      <c r="FB37" s="71">
        <v>0</v>
      </c>
      <c r="FC37" s="72">
        <v>1</v>
      </c>
      <c r="FD37" s="244"/>
      <c r="FE37" s="71">
        <v>1</v>
      </c>
      <c r="FF37" s="71">
        <v>1</v>
      </c>
      <c r="FG37" s="71">
        <v>0</v>
      </c>
      <c r="FH37" s="71">
        <v>0</v>
      </c>
      <c r="FI37" s="71">
        <v>0</v>
      </c>
      <c r="FJ37" s="72">
        <v>2</v>
      </c>
      <c r="FK37" s="73">
        <v>3</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1</v>
      </c>
      <c r="GI37" s="71">
        <v>0</v>
      </c>
      <c r="GJ37" s="72">
        <v>1</v>
      </c>
      <c r="GK37" s="244"/>
      <c r="GL37" s="71">
        <v>1</v>
      </c>
      <c r="GM37" s="71">
        <v>1</v>
      </c>
      <c r="GN37" s="71">
        <v>1</v>
      </c>
      <c r="GO37" s="71">
        <v>0</v>
      </c>
      <c r="GP37" s="71">
        <v>0</v>
      </c>
      <c r="GQ37" s="72">
        <v>3</v>
      </c>
      <c r="GR37" s="73">
        <v>4</v>
      </c>
      <c r="GS37" s="123">
        <v>1</v>
      </c>
      <c r="GT37" s="82">
        <v>1</v>
      </c>
      <c r="GU37" s="83">
        <v>2</v>
      </c>
      <c r="GV37" s="241"/>
      <c r="GW37" s="82">
        <v>2</v>
      </c>
      <c r="GX37" s="82">
        <v>5</v>
      </c>
      <c r="GY37" s="82">
        <v>3</v>
      </c>
      <c r="GZ37" s="82">
        <v>0</v>
      </c>
      <c r="HA37" s="82">
        <v>1</v>
      </c>
      <c r="HB37" s="84">
        <v>11</v>
      </c>
      <c r="HC37" s="85">
        <v>13</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0</v>
      </c>
      <c r="IF37" s="71">
        <v>1</v>
      </c>
      <c r="IG37" s="71">
        <v>0</v>
      </c>
      <c r="IH37" s="71">
        <v>0</v>
      </c>
      <c r="II37" s="72">
        <v>1</v>
      </c>
      <c r="IJ37" s="73">
        <v>2</v>
      </c>
      <c r="IK37" s="70">
        <v>0</v>
      </c>
      <c r="IL37" s="71">
        <v>0</v>
      </c>
      <c r="IM37" s="72">
        <v>0</v>
      </c>
      <c r="IN37" s="244"/>
      <c r="IO37" s="71">
        <v>1</v>
      </c>
      <c r="IP37" s="71">
        <v>1</v>
      </c>
      <c r="IQ37" s="71">
        <v>0</v>
      </c>
      <c r="IR37" s="71">
        <v>0</v>
      </c>
      <c r="IS37" s="71">
        <v>0</v>
      </c>
      <c r="IT37" s="72">
        <v>2</v>
      </c>
      <c r="IU37" s="73">
        <v>2</v>
      </c>
      <c r="IV37" s="70">
        <v>1</v>
      </c>
      <c r="IW37" s="71">
        <v>0</v>
      </c>
      <c r="IX37" s="72">
        <v>1</v>
      </c>
      <c r="IY37" s="244"/>
      <c r="IZ37" s="71">
        <v>1</v>
      </c>
      <c r="JA37" s="71">
        <v>1</v>
      </c>
      <c r="JB37" s="71">
        <v>1</v>
      </c>
      <c r="JC37" s="71">
        <v>0</v>
      </c>
      <c r="JD37" s="71">
        <v>0</v>
      </c>
      <c r="JE37" s="72">
        <v>3</v>
      </c>
      <c r="JF37" s="73">
        <v>4</v>
      </c>
      <c r="JG37" s="70">
        <v>0</v>
      </c>
      <c r="JH37" s="71">
        <v>0</v>
      </c>
      <c r="JI37" s="72">
        <v>0</v>
      </c>
      <c r="JJ37" s="244"/>
      <c r="JK37" s="71">
        <v>0</v>
      </c>
      <c r="JL37" s="71">
        <v>2</v>
      </c>
      <c r="JM37" s="71">
        <v>1</v>
      </c>
      <c r="JN37" s="71">
        <v>0</v>
      </c>
      <c r="JO37" s="71">
        <v>1</v>
      </c>
      <c r="JP37" s="72">
        <v>4</v>
      </c>
      <c r="JQ37" s="73">
        <v>4</v>
      </c>
      <c r="JR37" s="70">
        <v>0</v>
      </c>
      <c r="JS37" s="71">
        <v>0</v>
      </c>
      <c r="JT37" s="72">
        <v>0</v>
      </c>
      <c r="JU37" s="244"/>
      <c r="JV37" s="71">
        <v>0</v>
      </c>
      <c r="JW37" s="71">
        <v>0</v>
      </c>
      <c r="JX37" s="71">
        <v>0</v>
      </c>
      <c r="JY37" s="71">
        <v>0</v>
      </c>
      <c r="JZ37" s="71">
        <v>0</v>
      </c>
      <c r="KA37" s="72">
        <v>0</v>
      </c>
      <c r="KB37" s="73">
        <v>0</v>
      </c>
      <c r="KC37" s="70">
        <v>1</v>
      </c>
      <c r="KD37" s="71">
        <v>1</v>
      </c>
      <c r="KE37" s="72">
        <v>2</v>
      </c>
      <c r="KF37" s="244"/>
      <c r="KG37" s="71">
        <v>2</v>
      </c>
      <c r="KH37" s="71">
        <v>5</v>
      </c>
      <c r="KI37" s="71">
        <v>3</v>
      </c>
      <c r="KJ37" s="71">
        <v>0</v>
      </c>
      <c r="KK37" s="71">
        <v>1</v>
      </c>
      <c r="KL37" s="72">
        <v>11</v>
      </c>
      <c r="KM37" s="73">
        <v>13</v>
      </c>
    </row>
    <row r="38" spans="2:299" ht="21" customHeight="1" x14ac:dyDescent="0.2">
      <c r="B38" s="126" t="s">
        <v>35</v>
      </c>
      <c r="C38" s="313">
        <v>5</v>
      </c>
      <c r="D38" s="82">
        <v>10</v>
      </c>
      <c r="E38" s="83">
        <v>15</v>
      </c>
      <c r="F38" s="241"/>
      <c r="G38" s="82">
        <v>19</v>
      </c>
      <c r="H38" s="82">
        <v>7</v>
      </c>
      <c r="I38" s="82">
        <v>7</v>
      </c>
      <c r="J38" s="82">
        <v>6</v>
      </c>
      <c r="K38" s="82">
        <v>0</v>
      </c>
      <c r="L38" s="84">
        <v>39</v>
      </c>
      <c r="M38" s="85">
        <v>54</v>
      </c>
      <c r="N38" s="70">
        <v>0</v>
      </c>
      <c r="O38" s="71">
        <v>0</v>
      </c>
      <c r="P38" s="72">
        <v>0</v>
      </c>
      <c r="Q38" s="244"/>
      <c r="R38" s="71">
        <v>0</v>
      </c>
      <c r="S38" s="71">
        <v>0</v>
      </c>
      <c r="T38" s="71">
        <v>0</v>
      </c>
      <c r="U38" s="71">
        <v>2</v>
      </c>
      <c r="V38" s="71">
        <v>0</v>
      </c>
      <c r="W38" s="72">
        <v>2</v>
      </c>
      <c r="X38" s="73">
        <v>2</v>
      </c>
      <c r="Y38" s="70">
        <v>0</v>
      </c>
      <c r="Z38" s="71">
        <v>0</v>
      </c>
      <c r="AA38" s="72">
        <v>0</v>
      </c>
      <c r="AB38" s="244"/>
      <c r="AC38" s="71">
        <v>1</v>
      </c>
      <c r="AD38" s="71">
        <v>1</v>
      </c>
      <c r="AE38" s="71">
        <v>0</v>
      </c>
      <c r="AF38" s="71">
        <v>0</v>
      </c>
      <c r="AG38" s="71">
        <v>0</v>
      </c>
      <c r="AH38" s="72">
        <v>2</v>
      </c>
      <c r="AI38" s="73">
        <v>2</v>
      </c>
      <c r="AJ38" s="70">
        <v>0</v>
      </c>
      <c r="AK38" s="71">
        <v>2</v>
      </c>
      <c r="AL38" s="72">
        <v>2</v>
      </c>
      <c r="AM38" s="244"/>
      <c r="AN38" s="71">
        <v>5</v>
      </c>
      <c r="AO38" s="71">
        <v>0</v>
      </c>
      <c r="AP38" s="71">
        <v>3</v>
      </c>
      <c r="AQ38" s="71">
        <v>2</v>
      </c>
      <c r="AR38" s="71">
        <v>0</v>
      </c>
      <c r="AS38" s="72">
        <v>10</v>
      </c>
      <c r="AT38" s="73">
        <v>12</v>
      </c>
      <c r="AU38" s="70">
        <v>2</v>
      </c>
      <c r="AV38" s="71">
        <v>0</v>
      </c>
      <c r="AW38" s="72">
        <v>2</v>
      </c>
      <c r="AX38" s="244"/>
      <c r="AY38" s="71">
        <v>4</v>
      </c>
      <c r="AZ38" s="71">
        <v>3</v>
      </c>
      <c r="BA38" s="71">
        <v>1</v>
      </c>
      <c r="BB38" s="71">
        <v>0</v>
      </c>
      <c r="BC38" s="71">
        <v>0</v>
      </c>
      <c r="BD38" s="72">
        <v>8</v>
      </c>
      <c r="BE38" s="73">
        <v>10</v>
      </c>
      <c r="BF38" s="70">
        <v>0</v>
      </c>
      <c r="BG38" s="71">
        <v>5</v>
      </c>
      <c r="BH38" s="72">
        <v>5</v>
      </c>
      <c r="BI38" s="244"/>
      <c r="BJ38" s="71">
        <v>5</v>
      </c>
      <c r="BK38" s="71">
        <v>1</v>
      </c>
      <c r="BL38" s="71">
        <v>2</v>
      </c>
      <c r="BM38" s="71">
        <v>1</v>
      </c>
      <c r="BN38" s="71">
        <v>0</v>
      </c>
      <c r="BO38" s="72">
        <v>9</v>
      </c>
      <c r="BP38" s="73">
        <v>14</v>
      </c>
      <c r="BQ38" s="70">
        <v>3</v>
      </c>
      <c r="BR38" s="71">
        <v>3</v>
      </c>
      <c r="BS38" s="72">
        <v>6</v>
      </c>
      <c r="BT38" s="244"/>
      <c r="BU38" s="71">
        <v>4</v>
      </c>
      <c r="BV38" s="71">
        <v>2</v>
      </c>
      <c r="BW38" s="71">
        <v>1</v>
      </c>
      <c r="BX38" s="71">
        <v>1</v>
      </c>
      <c r="BY38" s="71">
        <v>0</v>
      </c>
      <c r="BZ38" s="72">
        <v>8</v>
      </c>
      <c r="CA38" s="73">
        <v>14</v>
      </c>
      <c r="CB38" s="70">
        <v>0</v>
      </c>
      <c r="CC38" s="71">
        <v>0</v>
      </c>
      <c r="CD38" s="72">
        <v>0</v>
      </c>
      <c r="CE38" s="244"/>
      <c r="CF38" s="71">
        <v>0</v>
      </c>
      <c r="CG38" s="71">
        <v>0</v>
      </c>
      <c r="CH38" s="71">
        <v>0</v>
      </c>
      <c r="CI38" s="71">
        <v>0</v>
      </c>
      <c r="CJ38" s="71">
        <v>0</v>
      </c>
      <c r="CK38" s="72">
        <v>0</v>
      </c>
      <c r="CL38" s="73">
        <v>0</v>
      </c>
      <c r="CM38" s="70">
        <v>5</v>
      </c>
      <c r="CN38" s="71">
        <v>10</v>
      </c>
      <c r="CO38" s="72">
        <v>15</v>
      </c>
      <c r="CP38" s="244"/>
      <c r="CQ38" s="71">
        <v>19</v>
      </c>
      <c r="CR38" s="71">
        <v>7</v>
      </c>
      <c r="CS38" s="71">
        <v>7</v>
      </c>
      <c r="CT38" s="71">
        <v>6</v>
      </c>
      <c r="CU38" s="71">
        <v>0</v>
      </c>
      <c r="CV38" s="72">
        <v>39</v>
      </c>
      <c r="CW38" s="73">
        <v>54</v>
      </c>
      <c r="CX38" s="123">
        <v>3</v>
      </c>
      <c r="CY38" s="82">
        <v>2</v>
      </c>
      <c r="CZ38" s="83">
        <v>5</v>
      </c>
      <c r="DA38" s="241"/>
      <c r="DB38" s="82">
        <v>6</v>
      </c>
      <c r="DC38" s="82">
        <v>5</v>
      </c>
      <c r="DD38" s="82">
        <v>2</v>
      </c>
      <c r="DE38" s="82">
        <v>7</v>
      </c>
      <c r="DF38" s="82">
        <v>1</v>
      </c>
      <c r="DG38" s="84">
        <v>21</v>
      </c>
      <c r="DH38" s="85">
        <v>26</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0</v>
      </c>
      <c r="EJ38" s="71">
        <v>1</v>
      </c>
      <c r="EK38" s="71">
        <v>0</v>
      </c>
      <c r="EL38" s="71">
        <v>0</v>
      </c>
      <c r="EM38" s="71">
        <v>0</v>
      </c>
      <c r="EN38" s="72">
        <v>1</v>
      </c>
      <c r="EO38" s="73">
        <v>1</v>
      </c>
      <c r="EP38" s="70">
        <v>1</v>
      </c>
      <c r="EQ38" s="71">
        <v>0</v>
      </c>
      <c r="ER38" s="72">
        <v>1</v>
      </c>
      <c r="ES38" s="244"/>
      <c r="ET38" s="71">
        <v>3</v>
      </c>
      <c r="EU38" s="71">
        <v>1</v>
      </c>
      <c r="EV38" s="71">
        <v>0</v>
      </c>
      <c r="EW38" s="71">
        <v>2</v>
      </c>
      <c r="EX38" s="71">
        <v>0</v>
      </c>
      <c r="EY38" s="72">
        <v>6</v>
      </c>
      <c r="EZ38" s="73">
        <v>7</v>
      </c>
      <c r="FA38" s="70">
        <v>1</v>
      </c>
      <c r="FB38" s="71">
        <v>1</v>
      </c>
      <c r="FC38" s="72">
        <v>2</v>
      </c>
      <c r="FD38" s="244"/>
      <c r="FE38" s="71">
        <v>3</v>
      </c>
      <c r="FF38" s="71">
        <v>3</v>
      </c>
      <c r="FG38" s="71">
        <v>0</v>
      </c>
      <c r="FH38" s="71">
        <v>0</v>
      </c>
      <c r="FI38" s="71">
        <v>1</v>
      </c>
      <c r="FJ38" s="72">
        <v>7</v>
      </c>
      <c r="FK38" s="73">
        <v>9</v>
      </c>
      <c r="FL38" s="70">
        <v>1</v>
      </c>
      <c r="FM38" s="71">
        <v>1</v>
      </c>
      <c r="FN38" s="72">
        <v>2</v>
      </c>
      <c r="FO38" s="244"/>
      <c r="FP38" s="71">
        <v>0</v>
      </c>
      <c r="FQ38" s="71">
        <v>0</v>
      </c>
      <c r="FR38" s="71">
        <v>1</v>
      </c>
      <c r="FS38" s="71">
        <v>5</v>
      </c>
      <c r="FT38" s="71">
        <v>0</v>
      </c>
      <c r="FU38" s="72">
        <v>6</v>
      </c>
      <c r="FV38" s="73">
        <v>8</v>
      </c>
      <c r="FW38" s="70">
        <v>0</v>
      </c>
      <c r="FX38" s="71">
        <v>0</v>
      </c>
      <c r="FY38" s="72">
        <v>0</v>
      </c>
      <c r="FZ38" s="244"/>
      <c r="GA38" s="71">
        <v>0</v>
      </c>
      <c r="GB38" s="71">
        <v>0</v>
      </c>
      <c r="GC38" s="71">
        <v>0</v>
      </c>
      <c r="GD38" s="71">
        <v>0</v>
      </c>
      <c r="GE38" s="71">
        <v>0</v>
      </c>
      <c r="GF38" s="72">
        <v>0</v>
      </c>
      <c r="GG38" s="73">
        <v>0</v>
      </c>
      <c r="GH38" s="70">
        <v>3</v>
      </c>
      <c r="GI38" s="71">
        <v>2</v>
      </c>
      <c r="GJ38" s="72">
        <v>5</v>
      </c>
      <c r="GK38" s="244"/>
      <c r="GL38" s="71">
        <v>6</v>
      </c>
      <c r="GM38" s="71">
        <v>5</v>
      </c>
      <c r="GN38" s="71">
        <v>2</v>
      </c>
      <c r="GO38" s="71">
        <v>7</v>
      </c>
      <c r="GP38" s="71">
        <v>1</v>
      </c>
      <c r="GQ38" s="72">
        <v>21</v>
      </c>
      <c r="GR38" s="73">
        <v>26</v>
      </c>
      <c r="GS38" s="123">
        <v>8</v>
      </c>
      <c r="GT38" s="82">
        <v>12</v>
      </c>
      <c r="GU38" s="83">
        <v>20</v>
      </c>
      <c r="GV38" s="241"/>
      <c r="GW38" s="82">
        <v>25</v>
      </c>
      <c r="GX38" s="82">
        <v>12</v>
      </c>
      <c r="GY38" s="82">
        <v>9</v>
      </c>
      <c r="GZ38" s="82">
        <v>13</v>
      </c>
      <c r="HA38" s="82">
        <v>1</v>
      </c>
      <c r="HB38" s="84">
        <v>60</v>
      </c>
      <c r="HC38" s="85">
        <v>80</v>
      </c>
      <c r="HD38" s="70">
        <v>0</v>
      </c>
      <c r="HE38" s="71">
        <v>0</v>
      </c>
      <c r="HF38" s="72">
        <v>0</v>
      </c>
      <c r="HG38" s="244"/>
      <c r="HH38" s="71">
        <v>0</v>
      </c>
      <c r="HI38" s="71">
        <v>0</v>
      </c>
      <c r="HJ38" s="71">
        <v>0</v>
      </c>
      <c r="HK38" s="71">
        <v>2</v>
      </c>
      <c r="HL38" s="71">
        <v>0</v>
      </c>
      <c r="HM38" s="72">
        <v>2</v>
      </c>
      <c r="HN38" s="73">
        <v>2</v>
      </c>
      <c r="HO38" s="70">
        <v>0</v>
      </c>
      <c r="HP38" s="71">
        <v>0</v>
      </c>
      <c r="HQ38" s="72">
        <v>0</v>
      </c>
      <c r="HR38" s="244"/>
      <c r="HS38" s="71">
        <v>1</v>
      </c>
      <c r="HT38" s="71">
        <v>1</v>
      </c>
      <c r="HU38" s="71">
        <v>1</v>
      </c>
      <c r="HV38" s="71">
        <v>0</v>
      </c>
      <c r="HW38" s="71">
        <v>0</v>
      </c>
      <c r="HX38" s="72">
        <v>3</v>
      </c>
      <c r="HY38" s="73">
        <v>3</v>
      </c>
      <c r="HZ38" s="70">
        <v>0</v>
      </c>
      <c r="IA38" s="71">
        <v>2</v>
      </c>
      <c r="IB38" s="72">
        <v>2</v>
      </c>
      <c r="IC38" s="244"/>
      <c r="ID38" s="71">
        <v>5</v>
      </c>
      <c r="IE38" s="71">
        <v>1</v>
      </c>
      <c r="IF38" s="71">
        <v>3</v>
      </c>
      <c r="IG38" s="71">
        <v>2</v>
      </c>
      <c r="IH38" s="71">
        <v>0</v>
      </c>
      <c r="II38" s="72">
        <v>11</v>
      </c>
      <c r="IJ38" s="73">
        <v>13</v>
      </c>
      <c r="IK38" s="70">
        <v>3</v>
      </c>
      <c r="IL38" s="71">
        <v>0</v>
      </c>
      <c r="IM38" s="72">
        <v>3</v>
      </c>
      <c r="IN38" s="244"/>
      <c r="IO38" s="71">
        <v>7</v>
      </c>
      <c r="IP38" s="71">
        <v>4</v>
      </c>
      <c r="IQ38" s="71">
        <v>1</v>
      </c>
      <c r="IR38" s="71">
        <v>2</v>
      </c>
      <c r="IS38" s="71">
        <v>0</v>
      </c>
      <c r="IT38" s="72">
        <v>14</v>
      </c>
      <c r="IU38" s="73">
        <v>17</v>
      </c>
      <c r="IV38" s="70">
        <v>1</v>
      </c>
      <c r="IW38" s="71">
        <v>6</v>
      </c>
      <c r="IX38" s="72">
        <v>7</v>
      </c>
      <c r="IY38" s="244"/>
      <c r="IZ38" s="71">
        <v>8</v>
      </c>
      <c r="JA38" s="71">
        <v>4</v>
      </c>
      <c r="JB38" s="71">
        <v>2</v>
      </c>
      <c r="JC38" s="71">
        <v>1</v>
      </c>
      <c r="JD38" s="71">
        <v>1</v>
      </c>
      <c r="JE38" s="72">
        <v>16</v>
      </c>
      <c r="JF38" s="73">
        <v>23</v>
      </c>
      <c r="JG38" s="70">
        <v>4</v>
      </c>
      <c r="JH38" s="71">
        <v>4</v>
      </c>
      <c r="JI38" s="72">
        <v>8</v>
      </c>
      <c r="JJ38" s="244"/>
      <c r="JK38" s="71">
        <v>4</v>
      </c>
      <c r="JL38" s="71">
        <v>2</v>
      </c>
      <c r="JM38" s="71">
        <v>2</v>
      </c>
      <c r="JN38" s="71">
        <v>6</v>
      </c>
      <c r="JO38" s="71">
        <v>0</v>
      </c>
      <c r="JP38" s="72">
        <v>14</v>
      </c>
      <c r="JQ38" s="73">
        <v>22</v>
      </c>
      <c r="JR38" s="70">
        <v>0</v>
      </c>
      <c r="JS38" s="71">
        <v>0</v>
      </c>
      <c r="JT38" s="72">
        <v>0</v>
      </c>
      <c r="JU38" s="244"/>
      <c r="JV38" s="71">
        <v>0</v>
      </c>
      <c r="JW38" s="71">
        <v>0</v>
      </c>
      <c r="JX38" s="71">
        <v>0</v>
      </c>
      <c r="JY38" s="71">
        <v>0</v>
      </c>
      <c r="JZ38" s="71">
        <v>0</v>
      </c>
      <c r="KA38" s="72">
        <v>0</v>
      </c>
      <c r="KB38" s="73">
        <v>0</v>
      </c>
      <c r="KC38" s="70">
        <v>8</v>
      </c>
      <c r="KD38" s="71">
        <v>12</v>
      </c>
      <c r="KE38" s="72">
        <v>20</v>
      </c>
      <c r="KF38" s="244"/>
      <c r="KG38" s="71">
        <v>25</v>
      </c>
      <c r="KH38" s="71">
        <v>12</v>
      </c>
      <c r="KI38" s="71">
        <v>9</v>
      </c>
      <c r="KJ38" s="71">
        <v>13</v>
      </c>
      <c r="KK38" s="71">
        <v>1</v>
      </c>
      <c r="KL38" s="72">
        <v>60</v>
      </c>
      <c r="KM38" s="73">
        <v>80</v>
      </c>
    </row>
    <row r="39" spans="2:299" ht="21" customHeight="1" x14ac:dyDescent="0.2">
      <c r="B39" s="126" t="s">
        <v>36</v>
      </c>
      <c r="C39" s="313">
        <v>4</v>
      </c>
      <c r="D39" s="82">
        <v>6</v>
      </c>
      <c r="E39" s="83">
        <v>10</v>
      </c>
      <c r="F39" s="241"/>
      <c r="G39" s="82">
        <v>7</v>
      </c>
      <c r="H39" s="82">
        <v>6</v>
      </c>
      <c r="I39" s="82">
        <v>2</v>
      </c>
      <c r="J39" s="82">
        <v>8</v>
      </c>
      <c r="K39" s="82">
        <v>4</v>
      </c>
      <c r="L39" s="84">
        <v>27</v>
      </c>
      <c r="M39" s="85">
        <v>37</v>
      </c>
      <c r="N39" s="70">
        <v>0</v>
      </c>
      <c r="O39" s="71">
        <v>0</v>
      </c>
      <c r="P39" s="72">
        <v>0</v>
      </c>
      <c r="Q39" s="244"/>
      <c r="R39" s="71">
        <v>0</v>
      </c>
      <c r="S39" s="71">
        <v>0</v>
      </c>
      <c r="T39" s="71">
        <v>0</v>
      </c>
      <c r="U39" s="71">
        <v>0</v>
      </c>
      <c r="V39" s="71">
        <v>0</v>
      </c>
      <c r="W39" s="72">
        <v>0</v>
      </c>
      <c r="X39" s="73">
        <v>0</v>
      </c>
      <c r="Y39" s="70">
        <v>0</v>
      </c>
      <c r="Z39" s="71">
        <v>0</v>
      </c>
      <c r="AA39" s="72">
        <v>0</v>
      </c>
      <c r="AB39" s="244"/>
      <c r="AC39" s="71">
        <v>0</v>
      </c>
      <c r="AD39" s="71">
        <v>3</v>
      </c>
      <c r="AE39" s="71">
        <v>0</v>
      </c>
      <c r="AF39" s="71">
        <v>1</v>
      </c>
      <c r="AG39" s="71">
        <v>0</v>
      </c>
      <c r="AH39" s="72">
        <v>4</v>
      </c>
      <c r="AI39" s="73">
        <v>4</v>
      </c>
      <c r="AJ39" s="70">
        <v>2</v>
      </c>
      <c r="AK39" s="71">
        <v>0</v>
      </c>
      <c r="AL39" s="72">
        <v>2</v>
      </c>
      <c r="AM39" s="244"/>
      <c r="AN39" s="71">
        <v>2</v>
      </c>
      <c r="AO39" s="71">
        <v>1</v>
      </c>
      <c r="AP39" s="71">
        <v>0</v>
      </c>
      <c r="AQ39" s="71">
        <v>1</v>
      </c>
      <c r="AR39" s="71">
        <v>2</v>
      </c>
      <c r="AS39" s="72">
        <v>6</v>
      </c>
      <c r="AT39" s="73">
        <v>8</v>
      </c>
      <c r="AU39" s="70">
        <v>0</v>
      </c>
      <c r="AV39" s="71">
        <v>3</v>
      </c>
      <c r="AW39" s="72">
        <v>3</v>
      </c>
      <c r="AX39" s="244"/>
      <c r="AY39" s="71">
        <v>3</v>
      </c>
      <c r="AZ39" s="71">
        <v>1</v>
      </c>
      <c r="BA39" s="71">
        <v>1</v>
      </c>
      <c r="BB39" s="71">
        <v>0</v>
      </c>
      <c r="BC39" s="71">
        <v>1</v>
      </c>
      <c r="BD39" s="72">
        <v>6</v>
      </c>
      <c r="BE39" s="73">
        <v>9</v>
      </c>
      <c r="BF39" s="70">
        <v>1</v>
      </c>
      <c r="BG39" s="71">
        <v>3</v>
      </c>
      <c r="BH39" s="72">
        <v>4</v>
      </c>
      <c r="BI39" s="244"/>
      <c r="BJ39" s="71">
        <v>1</v>
      </c>
      <c r="BK39" s="71">
        <v>0</v>
      </c>
      <c r="BL39" s="71">
        <v>0</v>
      </c>
      <c r="BM39" s="71">
        <v>3</v>
      </c>
      <c r="BN39" s="71">
        <v>0</v>
      </c>
      <c r="BO39" s="72">
        <v>4</v>
      </c>
      <c r="BP39" s="73">
        <v>8</v>
      </c>
      <c r="BQ39" s="70">
        <v>1</v>
      </c>
      <c r="BR39" s="71">
        <v>0</v>
      </c>
      <c r="BS39" s="72">
        <v>1</v>
      </c>
      <c r="BT39" s="244"/>
      <c r="BU39" s="71">
        <v>1</v>
      </c>
      <c r="BV39" s="71">
        <v>1</v>
      </c>
      <c r="BW39" s="71">
        <v>1</v>
      </c>
      <c r="BX39" s="71">
        <v>3</v>
      </c>
      <c r="BY39" s="71">
        <v>1</v>
      </c>
      <c r="BZ39" s="72">
        <v>7</v>
      </c>
      <c r="CA39" s="73">
        <v>8</v>
      </c>
      <c r="CB39" s="70">
        <v>0</v>
      </c>
      <c r="CC39" s="71">
        <v>0</v>
      </c>
      <c r="CD39" s="72">
        <v>0</v>
      </c>
      <c r="CE39" s="244"/>
      <c r="CF39" s="71">
        <v>0</v>
      </c>
      <c r="CG39" s="71">
        <v>0</v>
      </c>
      <c r="CH39" s="71">
        <v>0</v>
      </c>
      <c r="CI39" s="71">
        <v>0</v>
      </c>
      <c r="CJ39" s="71">
        <v>0</v>
      </c>
      <c r="CK39" s="72">
        <v>0</v>
      </c>
      <c r="CL39" s="73">
        <v>0</v>
      </c>
      <c r="CM39" s="70">
        <v>4</v>
      </c>
      <c r="CN39" s="71">
        <v>6</v>
      </c>
      <c r="CO39" s="72">
        <v>10</v>
      </c>
      <c r="CP39" s="244"/>
      <c r="CQ39" s="71">
        <v>7</v>
      </c>
      <c r="CR39" s="71">
        <v>6</v>
      </c>
      <c r="CS39" s="71">
        <v>2</v>
      </c>
      <c r="CT39" s="71">
        <v>8</v>
      </c>
      <c r="CU39" s="71">
        <v>4</v>
      </c>
      <c r="CV39" s="72">
        <v>27</v>
      </c>
      <c r="CW39" s="73">
        <v>37</v>
      </c>
      <c r="CX39" s="123">
        <v>3</v>
      </c>
      <c r="CY39" s="82">
        <v>4</v>
      </c>
      <c r="CZ39" s="83">
        <v>7</v>
      </c>
      <c r="DA39" s="241"/>
      <c r="DB39" s="82">
        <v>7</v>
      </c>
      <c r="DC39" s="82">
        <v>3</v>
      </c>
      <c r="DD39" s="82">
        <v>4</v>
      </c>
      <c r="DE39" s="82">
        <v>5</v>
      </c>
      <c r="DF39" s="82">
        <v>3</v>
      </c>
      <c r="DG39" s="84">
        <v>22</v>
      </c>
      <c r="DH39" s="85">
        <v>29</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2</v>
      </c>
      <c r="EG39" s="72">
        <v>2</v>
      </c>
      <c r="EH39" s="244"/>
      <c r="EI39" s="71">
        <v>1</v>
      </c>
      <c r="EJ39" s="71">
        <v>0</v>
      </c>
      <c r="EK39" s="71">
        <v>0</v>
      </c>
      <c r="EL39" s="71">
        <v>0</v>
      </c>
      <c r="EM39" s="71">
        <v>0</v>
      </c>
      <c r="EN39" s="72">
        <v>1</v>
      </c>
      <c r="EO39" s="73">
        <v>3</v>
      </c>
      <c r="EP39" s="70">
        <v>1</v>
      </c>
      <c r="EQ39" s="71">
        <v>1</v>
      </c>
      <c r="ER39" s="72">
        <v>2</v>
      </c>
      <c r="ES39" s="244"/>
      <c r="ET39" s="71">
        <v>1</v>
      </c>
      <c r="EU39" s="71">
        <v>0</v>
      </c>
      <c r="EV39" s="71">
        <v>0</v>
      </c>
      <c r="EW39" s="71">
        <v>1</v>
      </c>
      <c r="EX39" s="71">
        <v>0</v>
      </c>
      <c r="EY39" s="72">
        <v>2</v>
      </c>
      <c r="EZ39" s="73">
        <v>4</v>
      </c>
      <c r="FA39" s="70">
        <v>1</v>
      </c>
      <c r="FB39" s="71">
        <v>1</v>
      </c>
      <c r="FC39" s="72">
        <v>2</v>
      </c>
      <c r="FD39" s="244"/>
      <c r="FE39" s="71">
        <v>2</v>
      </c>
      <c r="FF39" s="71">
        <v>2</v>
      </c>
      <c r="FG39" s="71">
        <v>1</v>
      </c>
      <c r="FH39" s="71">
        <v>4</v>
      </c>
      <c r="FI39" s="71">
        <v>0</v>
      </c>
      <c r="FJ39" s="72">
        <v>9</v>
      </c>
      <c r="FK39" s="73">
        <v>11</v>
      </c>
      <c r="FL39" s="70">
        <v>1</v>
      </c>
      <c r="FM39" s="71">
        <v>0</v>
      </c>
      <c r="FN39" s="72">
        <v>1</v>
      </c>
      <c r="FO39" s="244"/>
      <c r="FP39" s="71">
        <v>3</v>
      </c>
      <c r="FQ39" s="71">
        <v>1</v>
      </c>
      <c r="FR39" s="71">
        <v>3</v>
      </c>
      <c r="FS39" s="71">
        <v>0</v>
      </c>
      <c r="FT39" s="71">
        <v>3</v>
      </c>
      <c r="FU39" s="72">
        <v>10</v>
      </c>
      <c r="FV39" s="73">
        <v>11</v>
      </c>
      <c r="FW39" s="70">
        <v>0</v>
      </c>
      <c r="FX39" s="71">
        <v>0</v>
      </c>
      <c r="FY39" s="72">
        <v>0</v>
      </c>
      <c r="FZ39" s="244"/>
      <c r="GA39" s="71">
        <v>0</v>
      </c>
      <c r="GB39" s="71">
        <v>0</v>
      </c>
      <c r="GC39" s="71">
        <v>0</v>
      </c>
      <c r="GD39" s="71">
        <v>0</v>
      </c>
      <c r="GE39" s="71">
        <v>0</v>
      </c>
      <c r="GF39" s="72">
        <v>0</v>
      </c>
      <c r="GG39" s="73">
        <v>0</v>
      </c>
      <c r="GH39" s="70">
        <v>3</v>
      </c>
      <c r="GI39" s="71">
        <v>4</v>
      </c>
      <c r="GJ39" s="72">
        <v>7</v>
      </c>
      <c r="GK39" s="244"/>
      <c r="GL39" s="71">
        <v>7</v>
      </c>
      <c r="GM39" s="71">
        <v>3</v>
      </c>
      <c r="GN39" s="71">
        <v>4</v>
      </c>
      <c r="GO39" s="71">
        <v>5</v>
      </c>
      <c r="GP39" s="71">
        <v>3</v>
      </c>
      <c r="GQ39" s="72">
        <v>22</v>
      </c>
      <c r="GR39" s="73">
        <v>29</v>
      </c>
      <c r="GS39" s="123">
        <v>7</v>
      </c>
      <c r="GT39" s="82">
        <v>10</v>
      </c>
      <c r="GU39" s="83">
        <v>17</v>
      </c>
      <c r="GV39" s="241"/>
      <c r="GW39" s="82">
        <v>14</v>
      </c>
      <c r="GX39" s="82">
        <v>9</v>
      </c>
      <c r="GY39" s="82">
        <v>6</v>
      </c>
      <c r="GZ39" s="82">
        <v>13</v>
      </c>
      <c r="HA39" s="82">
        <v>7</v>
      </c>
      <c r="HB39" s="84">
        <v>49</v>
      </c>
      <c r="HC39" s="85">
        <v>66</v>
      </c>
      <c r="HD39" s="70">
        <v>0</v>
      </c>
      <c r="HE39" s="71">
        <v>0</v>
      </c>
      <c r="HF39" s="72">
        <v>0</v>
      </c>
      <c r="HG39" s="244"/>
      <c r="HH39" s="71">
        <v>0</v>
      </c>
      <c r="HI39" s="71">
        <v>0</v>
      </c>
      <c r="HJ39" s="71">
        <v>0</v>
      </c>
      <c r="HK39" s="71">
        <v>0</v>
      </c>
      <c r="HL39" s="71">
        <v>0</v>
      </c>
      <c r="HM39" s="72">
        <v>0</v>
      </c>
      <c r="HN39" s="73">
        <v>0</v>
      </c>
      <c r="HO39" s="70">
        <v>0</v>
      </c>
      <c r="HP39" s="71">
        <v>0</v>
      </c>
      <c r="HQ39" s="72">
        <v>0</v>
      </c>
      <c r="HR39" s="244"/>
      <c r="HS39" s="71">
        <v>0</v>
      </c>
      <c r="HT39" s="71">
        <v>3</v>
      </c>
      <c r="HU39" s="71">
        <v>0</v>
      </c>
      <c r="HV39" s="71">
        <v>1</v>
      </c>
      <c r="HW39" s="71">
        <v>0</v>
      </c>
      <c r="HX39" s="72">
        <v>4</v>
      </c>
      <c r="HY39" s="73">
        <v>4</v>
      </c>
      <c r="HZ39" s="70">
        <v>2</v>
      </c>
      <c r="IA39" s="71">
        <v>2</v>
      </c>
      <c r="IB39" s="72">
        <v>4</v>
      </c>
      <c r="IC39" s="244"/>
      <c r="ID39" s="71">
        <v>3</v>
      </c>
      <c r="IE39" s="71">
        <v>1</v>
      </c>
      <c r="IF39" s="71">
        <v>0</v>
      </c>
      <c r="IG39" s="71">
        <v>1</v>
      </c>
      <c r="IH39" s="71">
        <v>2</v>
      </c>
      <c r="II39" s="72">
        <v>7</v>
      </c>
      <c r="IJ39" s="73">
        <v>11</v>
      </c>
      <c r="IK39" s="70">
        <v>1</v>
      </c>
      <c r="IL39" s="71">
        <v>4</v>
      </c>
      <c r="IM39" s="72">
        <v>5</v>
      </c>
      <c r="IN39" s="244"/>
      <c r="IO39" s="71">
        <v>4</v>
      </c>
      <c r="IP39" s="71">
        <v>1</v>
      </c>
      <c r="IQ39" s="71">
        <v>1</v>
      </c>
      <c r="IR39" s="71">
        <v>1</v>
      </c>
      <c r="IS39" s="71">
        <v>1</v>
      </c>
      <c r="IT39" s="72">
        <v>8</v>
      </c>
      <c r="IU39" s="73">
        <v>13</v>
      </c>
      <c r="IV39" s="70">
        <v>2</v>
      </c>
      <c r="IW39" s="71">
        <v>4</v>
      </c>
      <c r="IX39" s="72">
        <v>6</v>
      </c>
      <c r="IY39" s="244"/>
      <c r="IZ39" s="71">
        <v>3</v>
      </c>
      <c r="JA39" s="71">
        <v>2</v>
      </c>
      <c r="JB39" s="71">
        <v>1</v>
      </c>
      <c r="JC39" s="71">
        <v>7</v>
      </c>
      <c r="JD39" s="71">
        <v>0</v>
      </c>
      <c r="JE39" s="72">
        <v>13</v>
      </c>
      <c r="JF39" s="73">
        <v>19</v>
      </c>
      <c r="JG39" s="70">
        <v>2</v>
      </c>
      <c r="JH39" s="71">
        <v>0</v>
      </c>
      <c r="JI39" s="72">
        <v>2</v>
      </c>
      <c r="JJ39" s="244"/>
      <c r="JK39" s="71">
        <v>4</v>
      </c>
      <c r="JL39" s="71">
        <v>2</v>
      </c>
      <c r="JM39" s="71">
        <v>4</v>
      </c>
      <c r="JN39" s="71">
        <v>3</v>
      </c>
      <c r="JO39" s="71">
        <v>4</v>
      </c>
      <c r="JP39" s="72">
        <v>17</v>
      </c>
      <c r="JQ39" s="73">
        <v>19</v>
      </c>
      <c r="JR39" s="70">
        <v>0</v>
      </c>
      <c r="JS39" s="71">
        <v>0</v>
      </c>
      <c r="JT39" s="72">
        <v>0</v>
      </c>
      <c r="JU39" s="244"/>
      <c r="JV39" s="71">
        <v>0</v>
      </c>
      <c r="JW39" s="71">
        <v>0</v>
      </c>
      <c r="JX39" s="71">
        <v>0</v>
      </c>
      <c r="JY39" s="71">
        <v>0</v>
      </c>
      <c r="JZ39" s="71">
        <v>0</v>
      </c>
      <c r="KA39" s="72">
        <v>0</v>
      </c>
      <c r="KB39" s="73">
        <v>0</v>
      </c>
      <c r="KC39" s="70">
        <v>7</v>
      </c>
      <c r="KD39" s="71">
        <v>10</v>
      </c>
      <c r="KE39" s="72">
        <v>17</v>
      </c>
      <c r="KF39" s="244"/>
      <c r="KG39" s="71">
        <v>14</v>
      </c>
      <c r="KH39" s="71">
        <v>9</v>
      </c>
      <c r="KI39" s="71">
        <v>6</v>
      </c>
      <c r="KJ39" s="71">
        <v>13</v>
      </c>
      <c r="KK39" s="71">
        <v>7</v>
      </c>
      <c r="KL39" s="72">
        <v>49</v>
      </c>
      <c r="KM39" s="73">
        <v>66</v>
      </c>
    </row>
    <row r="40" spans="2:299" ht="21" customHeight="1" thickBot="1" x14ac:dyDescent="0.25">
      <c r="B40" s="127" t="s">
        <v>37</v>
      </c>
      <c r="C40" s="314">
        <v>0</v>
      </c>
      <c r="D40" s="87">
        <v>1</v>
      </c>
      <c r="E40" s="88">
        <v>1</v>
      </c>
      <c r="F40" s="242"/>
      <c r="G40" s="87">
        <v>0</v>
      </c>
      <c r="H40" s="87">
        <v>0</v>
      </c>
      <c r="I40" s="87">
        <v>0</v>
      </c>
      <c r="J40" s="87">
        <v>1</v>
      </c>
      <c r="K40" s="87">
        <v>0</v>
      </c>
      <c r="L40" s="89">
        <v>1</v>
      </c>
      <c r="M40" s="90">
        <v>2</v>
      </c>
      <c r="N40" s="74">
        <v>0</v>
      </c>
      <c r="O40" s="75">
        <v>0</v>
      </c>
      <c r="P40" s="76">
        <v>0</v>
      </c>
      <c r="Q40" s="245"/>
      <c r="R40" s="75">
        <v>0</v>
      </c>
      <c r="S40" s="75">
        <v>0</v>
      </c>
      <c r="T40" s="75">
        <v>0</v>
      </c>
      <c r="U40" s="75">
        <v>0</v>
      </c>
      <c r="V40" s="75">
        <v>0</v>
      </c>
      <c r="W40" s="76">
        <v>0</v>
      </c>
      <c r="X40" s="77">
        <v>0</v>
      </c>
      <c r="Y40" s="74">
        <v>0</v>
      </c>
      <c r="Z40" s="75">
        <v>1</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0</v>
      </c>
      <c r="BD40" s="76">
        <v>1</v>
      </c>
      <c r="BE40" s="77">
        <v>1</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0</v>
      </c>
      <c r="CS40" s="75">
        <v>0</v>
      </c>
      <c r="CT40" s="75">
        <v>1</v>
      </c>
      <c r="CU40" s="75">
        <v>0</v>
      </c>
      <c r="CV40" s="76">
        <v>1</v>
      </c>
      <c r="CW40" s="77">
        <v>2</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1</v>
      </c>
      <c r="GU40" s="88">
        <v>1</v>
      </c>
      <c r="GV40" s="242"/>
      <c r="GW40" s="87">
        <v>0</v>
      </c>
      <c r="GX40" s="87">
        <v>0</v>
      </c>
      <c r="GY40" s="87">
        <v>0</v>
      </c>
      <c r="GZ40" s="87">
        <v>1</v>
      </c>
      <c r="HA40" s="87">
        <v>1</v>
      </c>
      <c r="HB40" s="89">
        <v>2</v>
      </c>
      <c r="HC40" s="90">
        <v>3</v>
      </c>
      <c r="HD40" s="74">
        <v>0</v>
      </c>
      <c r="HE40" s="75">
        <v>0</v>
      </c>
      <c r="HF40" s="76">
        <v>0</v>
      </c>
      <c r="HG40" s="245"/>
      <c r="HH40" s="75">
        <v>0</v>
      </c>
      <c r="HI40" s="75">
        <v>0</v>
      </c>
      <c r="HJ40" s="75">
        <v>0</v>
      </c>
      <c r="HK40" s="75">
        <v>0</v>
      </c>
      <c r="HL40" s="75">
        <v>0</v>
      </c>
      <c r="HM40" s="76">
        <v>0</v>
      </c>
      <c r="HN40" s="77">
        <v>0</v>
      </c>
      <c r="HO40" s="74">
        <v>0</v>
      </c>
      <c r="HP40" s="75">
        <v>1</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0</v>
      </c>
      <c r="IT40" s="76">
        <v>1</v>
      </c>
      <c r="IU40" s="77">
        <v>1</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0</v>
      </c>
      <c r="KI40" s="75">
        <v>0</v>
      </c>
      <c r="KJ40" s="75">
        <v>1</v>
      </c>
      <c r="KK40" s="75">
        <v>1</v>
      </c>
      <c r="KL40" s="76">
        <v>2</v>
      </c>
      <c r="KM40" s="77">
        <v>3</v>
      </c>
    </row>
    <row r="41" spans="2:299" ht="32.25" customHeight="1" x14ac:dyDescent="0.2">
      <c r="C41" s="308"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view="pageBreakPreview" zoomScale="75"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2.33203125" style="23" customWidth="1"/>
    <col min="2" max="2" width="10.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24">
        <f>第１表!F2</f>
        <v>5</v>
      </c>
      <c r="H1" s="524"/>
      <c r="I1" s="248">
        <f>第１表!G2</f>
        <v>5</v>
      </c>
      <c r="J1" s="529">
        <f>IF(I1&lt;3,I1+12-2,I1-2)</f>
        <v>3</v>
      </c>
      <c r="K1" s="529"/>
    </row>
    <row r="2" spans="2:35" ht="24" customHeight="1" thickBot="1" x14ac:dyDescent="0.25">
      <c r="B2" s="291"/>
      <c r="J2" s="24"/>
      <c r="K2" s="24"/>
      <c r="L2" s="24"/>
      <c r="M2" s="24"/>
      <c r="N2" s="24"/>
      <c r="O2" s="24"/>
      <c r="P2" s="25"/>
      <c r="Q2" s="25"/>
      <c r="R2" s="25"/>
    </row>
    <row r="3" spans="2:35" s="44" customFormat="1" ht="21" customHeight="1" thickBot="1" x14ac:dyDescent="0.25">
      <c r="B3" s="54"/>
      <c r="C3" s="526" t="s">
        <v>53</v>
      </c>
      <c r="D3" s="527"/>
      <c r="E3" s="527"/>
      <c r="F3" s="527"/>
      <c r="G3" s="527"/>
      <c r="H3" s="527"/>
      <c r="I3" s="527"/>
      <c r="J3" s="527"/>
      <c r="K3" s="527"/>
      <c r="L3" s="527"/>
      <c r="M3" s="528"/>
      <c r="N3" s="526" t="s">
        <v>54</v>
      </c>
      <c r="O3" s="527"/>
      <c r="P3" s="527"/>
      <c r="Q3" s="527"/>
      <c r="R3" s="527"/>
      <c r="S3" s="527"/>
      <c r="T3" s="527"/>
      <c r="U3" s="527"/>
      <c r="V3" s="527"/>
      <c r="W3" s="527"/>
      <c r="X3" s="528"/>
      <c r="Y3" s="526" t="s">
        <v>55</v>
      </c>
      <c r="Z3" s="527"/>
      <c r="AA3" s="527"/>
      <c r="AB3" s="527"/>
      <c r="AC3" s="527"/>
      <c r="AD3" s="527"/>
      <c r="AE3" s="527"/>
      <c r="AF3" s="527"/>
      <c r="AG3" s="527"/>
      <c r="AH3" s="527"/>
      <c r="AI3" s="528"/>
    </row>
    <row r="4" spans="2:35" s="44" customFormat="1" ht="30"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21" customHeight="1" x14ac:dyDescent="0.2">
      <c r="B5" s="46" t="s">
        <v>4</v>
      </c>
      <c r="C5" s="215">
        <v>16723</v>
      </c>
      <c r="D5" s="216">
        <v>29447</v>
      </c>
      <c r="E5" s="217">
        <v>46170</v>
      </c>
      <c r="F5" s="212">
        <v>0</v>
      </c>
      <c r="G5" s="216">
        <v>59877</v>
      </c>
      <c r="H5" s="216">
        <v>60662</v>
      </c>
      <c r="I5" s="216">
        <v>35731</v>
      </c>
      <c r="J5" s="216">
        <v>27696</v>
      </c>
      <c r="K5" s="216">
        <v>16603</v>
      </c>
      <c r="L5" s="217">
        <v>200569</v>
      </c>
      <c r="M5" s="218">
        <v>246739</v>
      </c>
      <c r="N5" s="219">
        <v>301</v>
      </c>
      <c r="O5" s="216">
        <v>810</v>
      </c>
      <c r="P5" s="217">
        <v>1111</v>
      </c>
      <c r="Q5" s="212">
        <v>0</v>
      </c>
      <c r="R5" s="216">
        <v>1070</v>
      </c>
      <c r="S5" s="216">
        <v>1906</v>
      </c>
      <c r="T5" s="216">
        <v>993</v>
      </c>
      <c r="U5" s="216">
        <v>834</v>
      </c>
      <c r="V5" s="216">
        <v>790</v>
      </c>
      <c r="W5" s="217">
        <v>5593</v>
      </c>
      <c r="X5" s="218">
        <v>6704</v>
      </c>
      <c r="Y5" s="215">
        <v>17024</v>
      </c>
      <c r="Z5" s="216">
        <v>30257</v>
      </c>
      <c r="AA5" s="217">
        <v>47281</v>
      </c>
      <c r="AB5" s="212">
        <v>0</v>
      </c>
      <c r="AC5" s="216">
        <v>60947</v>
      </c>
      <c r="AD5" s="216">
        <v>62568</v>
      </c>
      <c r="AE5" s="216">
        <v>36724</v>
      </c>
      <c r="AF5" s="216">
        <v>28530</v>
      </c>
      <c r="AG5" s="216">
        <v>17393</v>
      </c>
      <c r="AH5" s="217">
        <v>206162</v>
      </c>
      <c r="AI5" s="218">
        <v>253443</v>
      </c>
    </row>
    <row r="6" spans="2:35" ht="21" customHeight="1" x14ac:dyDescent="0.2">
      <c r="B6" s="49" t="s">
        <v>5</v>
      </c>
      <c r="C6" s="220">
        <v>6356</v>
      </c>
      <c r="D6" s="221">
        <v>13157</v>
      </c>
      <c r="E6" s="222">
        <v>19513</v>
      </c>
      <c r="F6" s="213">
        <v>0</v>
      </c>
      <c r="G6" s="221">
        <v>16281</v>
      </c>
      <c r="H6" s="221">
        <v>22891</v>
      </c>
      <c r="I6" s="221">
        <v>11777</v>
      </c>
      <c r="J6" s="221">
        <v>9454</v>
      </c>
      <c r="K6" s="221">
        <v>5593</v>
      </c>
      <c r="L6" s="222">
        <v>65996</v>
      </c>
      <c r="M6" s="223">
        <v>85509</v>
      </c>
      <c r="N6" s="224">
        <v>110</v>
      </c>
      <c r="O6" s="221">
        <v>341</v>
      </c>
      <c r="P6" s="222">
        <v>451</v>
      </c>
      <c r="Q6" s="213">
        <v>0</v>
      </c>
      <c r="R6" s="221">
        <v>244</v>
      </c>
      <c r="S6" s="221">
        <v>780</v>
      </c>
      <c r="T6" s="221">
        <v>382</v>
      </c>
      <c r="U6" s="221">
        <v>301</v>
      </c>
      <c r="V6" s="221">
        <v>305</v>
      </c>
      <c r="W6" s="222">
        <v>2012</v>
      </c>
      <c r="X6" s="223">
        <v>2463</v>
      </c>
      <c r="Y6" s="220">
        <v>6466</v>
      </c>
      <c r="Z6" s="221">
        <v>13498</v>
      </c>
      <c r="AA6" s="222">
        <v>19964</v>
      </c>
      <c r="AB6" s="213">
        <v>0</v>
      </c>
      <c r="AC6" s="221">
        <v>16525</v>
      </c>
      <c r="AD6" s="221">
        <v>23671</v>
      </c>
      <c r="AE6" s="221">
        <v>12159</v>
      </c>
      <c r="AF6" s="221">
        <v>9755</v>
      </c>
      <c r="AG6" s="221">
        <v>5898</v>
      </c>
      <c r="AH6" s="222">
        <v>68008</v>
      </c>
      <c r="AI6" s="223">
        <v>87972</v>
      </c>
    </row>
    <row r="7" spans="2:35" ht="21" customHeight="1" x14ac:dyDescent="0.2">
      <c r="B7" s="49" t="s">
        <v>6</v>
      </c>
      <c r="C7" s="220">
        <v>2268</v>
      </c>
      <c r="D7" s="221">
        <v>3522</v>
      </c>
      <c r="E7" s="222">
        <v>5790</v>
      </c>
      <c r="F7" s="213">
        <v>0</v>
      </c>
      <c r="G7" s="221">
        <v>10778</v>
      </c>
      <c r="H7" s="221">
        <v>8595</v>
      </c>
      <c r="I7" s="221">
        <v>5793</v>
      </c>
      <c r="J7" s="221">
        <v>4636</v>
      </c>
      <c r="K7" s="221">
        <v>2906</v>
      </c>
      <c r="L7" s="222">
        <v>32708</v>
      </c>
      <c r="M7" s="223">
        <v>38498</v>
      </c>
      <c r="N7" s="224">
        <v>54</v>
      </c>
      <c r="O7" s="221">
        <v>99</v>
      </c>
      <c r="P7" s="222">
        <v>153</v>
      </c>
      <c r="Q7" s="213">
        <v>0</v>
      </c>
      <c r="R7" s="221">
        <v>227</v>
      </c>
      <c r="S7" s="221">
        <v>280</v>
      </c>
      <c r="T7" s="221">
        <v>165</v>
      </c>
      <c r="U7" s="221">
        <v>152</v>
      </c>
      <c r="V7" s="221">
        <v>147</v>
      </c>
      <c r="W7" s="222">
        <v>971</v>
      </c>
      <c r="X7" s="223">
        <v>1124</v>
      </c>
      <c r="Y7" s="220">
        <v>2322</v>
      </c>
      <c r="Z7" s="221">
        <v>3621</v>
      </c>
      <c r="AA7" s="222">
        <v>5943</v>
      </c>
      <c r="AB7" s="213">
        <v>0</v>
      </c>
      <c r="AC7" s="221">
        <v>11005</v>
      </c>
      <c r="AD7" s="221">
        <v>8875</v>
      </c>
      <c r="AE7" s="221">
        <v>5958</v>
      </c>
      <c r="AF7" s="221">
        <v>4788</v>
      </c>
      <c r="AG7" s="221">
        <v>3053</v>
      </c>
      <c r="AH7" s="222">
        <v>33679</v>
      </c>
      <c r="AI7" s="223">
        <v>39622</v>
      </c>
    </row>
    <row r="8" spans="2:35" ht="21" customHeight="1" x14ac:dyDescent="0.2">
      <c r="B8" s="49" t="s">
        <v>14</v>
      </c>
      <c r="C8" s="220">
        <v>1124</v>
      </c>
      <c r="D8" s="221">
        <v>2701</v>
      </c>
      <c r="E8" s="222">
        <v>3825</v>
      </c>
      <c r="F8" s="213">
        <v>0</v>
      </c>
      <c r="G8" s="221">
        <v>4358</v>
      </c>
      <c r="H8" s="221">
        <v>5548</v>
      </c>
      <c r="I8" s="221">
        <v>3514</v>
      </c>
      <c r="J8" s="221">
        <v>2318</v>
      </c>
      <c r="K8" s="221">
        <v>1327</v>
      </c>
      <c r="L8" s="222">
        <v>17065</v>
      </c>
      <c r="M8" s="223">
        <v>20890</v>
      </c>
      <c r="N8" s="224">
        <v>17</v>
      </c>
      <c r="O8" s="221">
        <v>98</v>
      </c>
      <c r="P8" s="222">
        <v>115</v>
      </c>
      <c r="Q8" s="213">
        <v>0</v>
      </c>
      <c r="R8" s="221">
        <v>56</v>
      </c>
      <c r="S8" s="221">
        <v>175</v>
      </c>
      <c r="T8" s="221">
        <v>83</v>
      </c>
      <c r="U8" s="221">
        <v>75</v>
      </c>
      <c r="V8" s="221">
        <v>72</v>
      </c>
      <c r="W8" s="222">
        <v>461</v>
      </c>
      <c r="X8" s="223">
        <v>576</v>
      </c>
      <c r="Y8" s="220">
        <v>1141</v>
      </c>
      <c r="Z8" s="221">
        <v>2799</v>
      </c>
      <c r="AA8" s="222">
        <v>3940</v>
      </c>
      <c r="AB8" s="213">
        <v>0</v>
      </c>
      <c r="AC8" s="221">
        <v>4414</v>
      </c>
      <c r="AD8" s="221">
        <v>5723</v>
      </c>
      <c r="AE8" s="221">
        <v>3597</v>
      </c>
      <c r="AF8" s="221">
        <v>2393</v>
      </c>
      <c r="AG8" s="221">
        <v>1399</v>
      </c>
      <c r="AH8" s="222">
        <v>17526</v>
      </c>
      <c r="AI8" s="223">
        <v>21466</v>
      </c>
    </row>
    <row r="9" spans="2:35" ht="21" customHeight="1" x14ac:dyDescent="0.2">
      <c r="B9" s="49" t="s">
        <v>7</v>
      </c>
      <c r="C9" s="220">
        <v>556</v>
      </c>
      <c r="D9" s="221">
        <v>839</v>
      </c>
      <c r="E9" s="222">
        <v>1395</v>
      </c>
      <c r="F9" s="213">
        <v>0</v>
      </c>
      <c r="G9" s="221">
        <v>5021</v>
      </c>
      <c r="H9" s="221">
        <v>3439</v>
      </c>
      <c r="I9" s="221">
        <v>1993</v>
      </c>
      <c r="J9" s="221">
        <v>1602</v>
      </c>
      <c r="K9" s="221">
        <v>860</v>
      </c>
      <c r="L9" s="222">
        <v>12915</v>
      </c>
      <c r="M9" s="223">
        <v>14310</v>
      </c>
      <c r="N9" s="224">
        <v>9</v>
      </c>
      <c r="O9" s="221">
        <v>12</v>
      </c>
      <c r="P9" s="222">
        <v>21</v>
      </c>
      <c r="Q9" s="213">
        <v>0</v>
      </c>
      <c r="R9" s="221">
        <v>94</v>
      </c>
      <c r="S9" s="221">
        <v>94</v>
      </c>
      <c r="T9" s="221">
        <v>45</v>
      </c>
      <c r="U9" s="221">
        <v>33</v>
      </c>
      <c r="V9" s="221">
        <v>33</v>
      </c>
      <c r="W9" s="222">
        <v>299</v>
      </c>
      <c r="X9" s="223">
        <v>320</v>
      </c>
      <c r="Y9" s="220">
        <v>565</v>
      </c>
      <c r="Z9" s="221">
        <v>851</v>
      </c>
      <c r="AA9" s="222">
        <v>1416</v>
      </c>
      <c r="AB9" s="213">
        <v>0</v>
      </c>
      <c r="AC9" s="221">
        <v>5115</v>
      </c>
      <c r="AD9" s="221">
        <v>3533</v>
      </c>
      <c r="AE9" s="221">
        <v>2038</v>
      </c>
      <c r="AF9" s="221">
        <v>1635</v>
      </c>
      <c r="AG9" s="221">
        <v>893</v>
      </c>
      <c r="AH9" s="222">
        <v>13214</v>
      </c>
      <c r="AI9" s="223">
        <v>14630</v>
      </c>
    </row>
    <row r="10" spans="2:35" ht="21" customHeight="1" x14ac:dyDescent="0.2">
      <c r="B10" s="49" t="s">
        <v>8</v>
      </c>
      <c r="C10" s="220">
        <v>581</v>
      </c>
      <c r="D10" s="221">
        <v>644</v>
      </c>
      <c r="E10" s="222">
        <v>1225</v>
      </c>
      <c r="F10" s="213">
        <v>0</v>
      </c>
      <c r="G10" s="221">
        <v>2031</v>
      </c>
      <c r="H10" s="221">
        <v>2110</v>
      </c>
      <c r="I10" s="221">
        <v>1278</v>
      </c>
      <c r="J10" s="221">
        <v>852</v>
      </c>
      <c r="K10" s="221">
        <v>521</v>
      </c>
      <c r="L10" s="222">
        <v>6792</v>
      </c>
      <c r="M10" s="223">
        <v>8017</v>
      </c>
      <c r="N10" s="224">
        <v>5</v>
      </c>
      <c r="O10" s="221">
        <v>24</v>
      </c>
      <c r="P10" s="222">
        <v>29</v>
      </c>
      <c r="Q10" s="213">
        <v>0</v>
      </c>
      <c r="R10" s="221">
        <v>27</v>
      </c>
      <c r="S10" s="221">
        <v>74</v>
      </c>
      <c r="T10" s="221">
        <v>30</v>
      </c>
      <c r="U10" s="221">
        <v>25</v>
      </c>
      <c r="V10" s="221">
        <v>15</v>
      </c>
      <c r="W10" s="222">
        <v>171</v>
      </c>
      <c r="X10" s="223">
        <v>200</v>
      </c>
      <c r="Y10" s="220">
        <v>586</v>
      </c>
      <c r="Z10" s="221">
        <v>668</v>
      </c>
      <c r="AA10" s="222">
        <v>1254</v>
      </c>
      <c r="AB10" s="213">
        <v>0</v>
      </c>
      <c r="AC10" s="221">
        <v>2058</v>
      </c>
      <c r="AD10" s="221">
        <v>2184</v>
      </c>
      <c r="AE10" s="221">
        <v>1308</v>
      </c>
      <c r="AF10" s="221">
        <v>877</v>
      </c>
      <c r="AG10" s="221">
        <v>536</v>
      </c>
      <c r="AH10" s="222">
        <v>6963</v>
      </c>
      <c r="AI10" s="223">
        <v>8217</v>
      </c>
    </row>
    <row r="11" spans="2:35" ht="21" customHeight="1" x14ac:dyDescent="0.2">
      <c r="B11" s="49" t="s">
        <v>9</v>
      </c>
      <c r="C11" s="220">
        <v>480</v>
      </c>
      <c r="D11" s="221">
        <v>574</v>
      </c>
      <c r="E11" s="222">
        <v>1054</v>
      </c>
      <c r="F11" s="213">
        <v>0</v>
      </c>
      <c r="G11" s="221">
        <v>1959</v>
      </c>
      <c r="H11" s="221">
        <v>1500</v>
      </c>
      <c r="I11" s="221">
        <v>986</v>
      </c>
      <c r="J11" s="221">
        <v>851</v>
      </c>
      <c r="K11" s="221">
        <v>534</v>
      </c>
      <c r="L11" s="222">
        <v>5830</v>
      </c>
      <c r="M11" s="223">
        <v>6884</v>
      </c>
      <c r="N11" s="224">
        <v>1</v>
      </c>
      <c r="O11" s="221">
        <v>12</v>
      </c>
      <c r="P11" s="222">
        <v>13</v>
      </c>
      <c r="Q11" s="213">
        <v>0</v>
      </c>
      <c r="R11" s="221">
        <v>30</v>
      </c>
      <c r="S11" s="221">
        <v>34</v>
      </c>
      <c r="T11" s="221">
        <v>20</v>
      </c>
      <c r="U11" s="221">
        <v>19</v>
      </c>
      <c r="V11" s="221">
        <v>14</v>
      </c>
      <c r="W11" s="222">
        <v>117</v>
      </c>
      <c r="X11" s="223">
        <v>130</v>
      </c>
      <c r="Y11" s="220">
        <v>481</v>
      </c>
      <c r="Z11" s="221">
        <v>586</v>
      </c>
      <c r="AA11" s="222">
        <v>1067</v>
      </c>
      <c r="AB11" s="213">
        <v>0</v>
      </c>
      <c r="AC11" s="221">
        <v>1989</v>
      </c>
      <c r="AD11" s="221">
        <v>1534</v>
      </c>
      <c r="AE11" s="221">
        <v>1006</v>
      </c>
      <c r="AF11" s="221">
        <v>870</v>
      </c>
      <c r="AG11" s="221">
        <v>548</v>
      </c>
      <c r="AH11" s="222">
        <v>5947</v>
      </c>
      <c r="AI11" s="223">
        <v>7014</v>
      </c>
    </row>
    <row r="12" spans="2:35" ht="21" customHeight="1" x14ac:dyDescent="0.2">
      <c r="B12" s="49" t="s">
        <v>10</v>
      </c>
      <c r="C12" s="220">
        <v>1287</v>
      </c>
      <c r="D12" s="221">
        <v>1636</v>
      </c>
      <c r="E12" s="222">
        <v>2923</v>
      </c>
      <c r="F12" s="213">
        <v>0</v>
      </c>
      <c r="G12" s="221">
        <v>3969</v>
      </c>
      <c r="H12" s="221">
        <v>2371</v>
      </c>
      <c r="I12" s="221">
        <v>1578</v>
      </c>
      <c r="J12" s="221">
        <v>1275</v>
      </c>
      <c r="K12" s="221">
        <v>908</v>
      </c>
      <c r="L12" s="222">
        <v>10101</v>
      </c>
      <c r="M12" s="223">
        <v>13024</v>
      </c>
      <c r="N12" s="224">
        <v>29</v>
      </c>
      <c r="O12" s="221">
        <v>39</v>
      </c>
      <c r="P12" s="222">
        <v>68</v>
      </c>
      <c r="Q12" s="213">
        <v>0</v>
      </c>
      <c r="R12" s="221">
        <v>95</v>
      </c>
      <c r="S12" s="221">
        <v>61</v>
      </c>
      <c r="T12" s="221">
        <v>43</v>
      </c>
      <c r="U12" s="221">
        <v>37</v>
      </c>
      <c r="V12" s="221">
        <v>45</v>
      </c>
      <c r="W12" s="222">
        <v>281</v>
      </c>
      <c r="X12" s="223">
        <v>349</v>
      </c>
      <c r="Y12" s="220">
        <v>1316</v>
      </c>
      <c r="Z12" s="221">
        <v>1675</v>
      </c>
      <c r="AA12" s="222">
        <v>2991</v>
      </c>
      <c r="AB12" s="213">
        <v>0</v>
      </c>
      <c r="AC12" s="221">
        <v>4064</v>
      </c>
      <c r="AD12" s="221">
        <v>2432</v>
      </c>
      <c r="AE12" s="221">
        <v>1621</v>
      </c>
      <c r="AF12" s="221">
        <v>1312</v>
      </c>
      <c r="AG12" s="221">
        <v>953</v>
      </c>
      <c r="AH12" s="222">
        <v>10382</v>
      </c>
      <c r="AI12" s="223">
        <v>13373</v>
      </c>
    </row>
    <row r="13" spans="2:35" ht="21" customHeight="1" x14ac:dyDescent="0.2">
      <c r="B13" s="49" t="s">
        <v>11</v>
      </c>
      <c r="C13" s="220">
        <v>535</v>
      </c>
      <c r="D13" s="221">
        <v>587</v>
      </c>
      <c r="E13" s="222">
        <v>1122</v>
      </c>
      <c r="F13" s="213">
        <v>0</v>
      </c>
      <c r="G13" s="221">
        <v>2136</v>
      </c>
      <c r="H13" s="221">
        <v>1329</v>
      </c>
      <c r="I13" s="221">
        <v>946</v>
      </c>
      <c r="J13" s="221">
        <v>744</v>
      </c>
      <c r="K13" s="221">
        <v>378</v>
      </c>
      <c r="L13" s="222">
        <v>5533</v>
      </c>
      <c r="M13" s="223">
        <v>6655</v>
      </c>
      <c r="N13" s="224">
        <v>10</v>
      </c>
      <c r="O13" s="221">
        <v>9</v>
      </c>
      <c r="P13" s="222">
        <v>19</v>
      </c>
      <c r="Q13" s="213">
        <v>0</v>
      </c>
      <c r="R13" s="221">
        <v>44</v>
      </c>
      <c r="S13" s="221">
        <v>33</v>
      </c>
      <c r="T13" s="221">
        <v>23</v>
      </c>
      <c r="U13" s="221">
        <v>18</v>
      </c>
      <c r="V13" s="221">
        <v>17</v>
      </c>
      <c r="W13" s="222">
        <v>135</v>
      </c>
      <c r="X13" s="223">
        <v>154</v>
      </c>
      <c r="Y13" s="220">
        <v>545</v>
      </c>
      <c r="Z13" s="221">
        <v>596</v>
      </c>
      <c r="AA13" s="222">
        <v>1141</v>
      </c>
      <c r="AB13" s="213">
        <v>0</v>
      </c>
      <c r="AC13" s="221">
        <v>2180</v>
      </c>
      <c r="AD13" s="221">
        <v>1362</v>
      </c>
      <c r="AE13" s="221">
        <v>969</v>
      </c>
      <c r="AF13" s="221">
        <v>762</v>
      </c>
      <c r="AG13" s="221">
        <v>395</v>
      </c>
      <c r="AH13" s="222">
        <v>5668</v>
      </c>
      <c r="AI13" s="223">
        <v>6809</v>
      </c>
    </row>
    <row r="14" spans="2:35" ht="21" customHeight="1" x14ac:dyDescent="0.2">
      <c r="B14" s="49" t="s">
        <v>12</v>
      </c>
      <c r="C14" s="220">
        <v>756</v>
      </c>
      <c r="D14" s="221">
        <v>1054</v>
      </c>
      <c r="E14" s="222">
        <v>1810</v>
      </c>
      <c r="F14" s="213">
        <v>0</v>
      </c>
      <c r="G14" s="221">
        <v>1625</v>
      </c>
      <c r="H14" s="221">
        <v>1459</v>
      </c>
      <c r="I14" s="221">
        <v>964</v>
      </c>
      <c r="J14" s="221">
        <v>882</v>
      </c>
      <c r="K14" s="221">
        <v>517</v>
      </c>
      <c r="L14" s="222">
        <v>5447</v>
      </c>
      <c r="M14" s="223">
        <v>7257</v>
      </c>
      <c r="N14" s="224">
        <v>16</v>
      </c>
      <c r="O14" s="221">
        <v>30</v>
      </c>
      <c r="P14" s="222">
        <v>46</v>
      </c>
      <c r="Q14" s="213">
        <v>0</v>
      </c>
      <c r="R14" s="221">
        <v>23</v>
      </c>
      <c r="S14" s="221">
        <v>33</v>
      </c>
      <c r="T14" s="221">
        <v>16</v>
      </c>
      <c r="U14" s="221">
        <v>24</v>
      </c>
      <c r="V14" s="221">
        <v>13</v>
      </c>
      <c r="W14" s="222">
        <v>109</v>
      </c>
      <c r="X14" s="223">
        <v>155</v>
      </c>
      <c r="Y14" s="220">
        <v>772</v>
      </c>
      <c r="Z14" s="221">
        <v>1084</v>
      </c>
      <c r="AA14" s="222">
        <v>1856</v>
      </c>
      <c r="AB14" s="213">
        <v>0</v>
      </c>
      <c r="AC14" s="221">
        <v>1648</v>
      </c>
      <c r="AD14" s="221">
        <v>1492</v>
      </c>
      <c r="AE14" s="221">
        <v>980</v>
      </c>
      <c r="AF14" s="221">
        <v>906</v>
      </c>
      <c r="AG14" s="221">
        <v>530</v>
      </c>
      <c r="AH14" s="222">
        <v>5556</v>
      </c>
      <c r="AI14" s="223">
        <v>7412</v>
      </c>
    </row>
    <row r="15" spans="2:35" ht="21" customHeight="1" x14ac:dyDescent="0.2">
      <c r="B15" s="49" t="s">
        <v>13</v>
      </c>
      <c r="C15" s="220">
        <v>127</v>
      </c>
      <c r="D15" s="221">
        <v>213</v>
      </c>
      <c r="E15" s="222">
        <v>340</v>
      </c>
      <c r="F15" s="213">
        <v>0</v>
      </c>
      <c r="G15" s="221">
        <v>647</v>
      </c>
      <c r="H15" s="221">
        <v>583</v>
      </c>
      <c r="I15" s="221">
        <v>387</v>
      </c>
      <c r="J15" s="221">
        <v>328</v>
      </c>
      <c r="K15" s="221">
        <v>207</v>
      </c>
      <c r="L15" s="222">
        <v>2152</v>
      </c>
      <c r="M15" s="223">
        <v>2492</v>
      </c>
      <c r="N15" s="224">
        <v>0</v>
      </c>
      <c r="O15" s="221">
        <v>3</v>
      </c>
      <c r="P15" s="222">
        <v>3</v>
      </c>
      <c r="Q15" s="213">
        <v>0</v>
      </c>
      <c r="R15" s="221">
        <v>11</v>
      </c>
      <c r="S15" s="221">
        <v>9</v>
      </c>
      <c r="T15" s="221">
        <v>12</v>
      </c>
      <c r="U15" s="221">
        <v>6</v>
      </c>
      <c r="V15" s="221">
        <v>9</v>
      </c>
      <c r="W15" s="222">
        <v>47</v>
      </c>
      <c r="X15" s="223">
        <v>50</v>
      </c>
      <c r="Y15" s="220">
        <v>127</v>
      </c>
      <c r="Z15" s="221">
        <v>216</v>
      </c>
      <c r="AA15" s="222">
        <v>343</v>
      </c>
      <c r="AB15" s="213">
        <v>0</v>
      </c>
      <c r="AC15" s="221">
        <v>658</v>
      </c>
      <c r="AD15" s="221">
        <v>592</v>
      </c>
      <c r="AE15" s="221">
        <v>399</v>
      </c>
      <c r="AF15" s="221">
        <v>334</v>
      </c>
      <c r="AG15" s="221">
        <v>216</v>
      </c>
      <c r="AH15" s="222">
        <v>2199</v>
      </c>
      <c r="AI15" s="223">
        <v>2542</v>
      </c>
    </row>
    <row r="16" spans="2:35" ht="21" customHeight="1" x14ac:dyDescent="0.2">
      <c r="B16" s="49" t="s">
        <v>15</v>
      </c>
      <c r="C16" s="220">
        <v>87</v>
      </c>
      <c r="D16" s="221">
        <v>181</v>
      </c>
      <c r="E16" s="222">
        <v>268</v>
      </c>
      <c r="F16" s="213">
        <v>0</v>
      </c>
      <c r="G16" s="221">
        <v>510</v>
      </c>
      <c r="H16" s="221">
        <v>568</v>
      </c>
      <c r="I16" s="221">
        <v>304</v>
      </c>
      <c r="J16" s="221">
        <v>224</v>
      </c>
      <c r="K16" s="221">
        <v>117</v>
      </c>
      <c r="L16" s="222">
        <v>1723</v>
      </c>
      <c r="M16" s="223">
        <v>1991</v>
      </c>
      <c r="N16" s="224">
        <v>0</v>
      </c>
      <c r="O16" s="221">
        <v>5</v>
      </c>
      <c r="P16" s="222">
        <v>5</v>
      </c>
      <c r="Q16" s="213">
        <v>0</v>
      </c>
      <c r="R16" s="221">
        <v>7</v>
      </c>
      <c r="S16" s="221">
        <v>11</v>
      </c>
      <c r="T16" s="221">
        <v>1</v>
      </c>
      <c r="U16" s="221">
        <v>2</v>
      </c>
      <c r="V16" s="221">
        <v>7</v>
      </c>
      <c r="W16" s="222">
        <v>28</v>
      </c>
      <c r="X16" s="223">
        <v>33</v>
      </c>
      <c r="Y16" s="220">
        <v>87</v>
      </c>
      <c r="Z16" s="221">
        <v>186</v>
      </c>
      <c r="AA16" s="222">
        <v>273</v>
      </c>
      <c r="AB16" s="213">
        <v>0</v>
      </c>
      <c r="AC16" s="221">
        <v>517</v>
      </c>
      <c r="AD16" s="221">
        <v>579</v>
      </c>
      <c r="AE16" s="221">
        <v>305</v>
      </c>
      <c r="AF16" s="221">
        <v>226</v>
      </c>
      <c r="AG16" s="221">
        <v>124</v>
      </c>
      <c r="AH16" s="222">
        <v>1751</v>
      </c>
      <c r="AI16" s="223">
        <v>2024</v>
      </c>
    </row>
    <row r="17" spans="2:35" ht="21" customHeight="1" x14ac:dyDescent="0.2">
      <c r="B17" s="49" t="s">
        <v>16</v>
      </c>
      <c r="C17" s="220">
        <v>253</v>
      </c>
      <c r="D17" s="221">
        <v>430</v>
      </c>
      <c r="E17" s="222">
        <v>683</v>
      </c>
      <c r="F17" s="213">
        <v>0</v>
      </c>
      <c r="G17" s="221">
        <v>1012</v>
      </c>
      <c r="H17" s="221">
        <v>1316</v>
      </c>
      <c r="I17" s="221">
        <v>703</v>
      </c>
      <c r="J17" s="221">
        <v>545</v>
      </c>
      <c r="K17" s="221">
        <v>355</v>
      </c>
      <c r="L17" s="222">
        <v>3931</v>
      </c>
      <c r="M17" s="223">
        <v>4614</v>
      </c>
      <c r="N17" s="224">
        <v>7</v>
      </c>
      <c r="O17" s="221">
        <v>12</v>
      </c>
      <c r="P17" s="222">
        <v>19</v>
      </c>
      <c r="Q17" s="213">
        <v>0</v>
      </c>
      <c r="R17" s="221">
        <v>18</v>
      </c>
      <c r="S17" s="221">
        <v>41</v>
      </c>
      <c r="T17" s="221">
        <v>24</v>
      </c>
      <c r="U17" s="221">
        <v>12</v>
      </c>
      <c r="V17" s="221">
        <v>16</v>
      </c>
      <c r="W17" s="222">
        <v>111</v>
      </c>
      <c r="X17" s="223">
        <v>130</v>
      </c>
      <c r="Y17" s="220">
        <v>260</v>
      </c>
      <c r="Z17" s="221">
        <v>442</v>
      </c>
      <c r="AA17" s="222">
        <v>702</v>
      </c>
      <c r="AB17" s="213">
        <v>0</v>
      </c>
      <c r="AC17" s="221">
        <v>1030</v>
      </c>
      <c r="AD17" s="221">
        <v>1357</v>
      </c>
      <c r="AE17" s="221">
        <v>727</v>
      </c>
      <c r="AF17" s="221">
        <v>557</v>
      </c>
      <c r="AG17" s="221">
        <v>371</v>
      </c>
      <c r="AH17" s="222">
        <v>4042</v>
      </c>
      <c r="AI17" s="223">
        <v>4744</v>
      </c>
    </row>
    <row r="18" spans="2:35" ht="21" customHeight="1" x14ac:dyDescent="0.2">
      <c r="B18" s="49" t="s">
        <v>17</v>
      </c>
      <c r="C18" s="220">
        <v>297</v>
      </c>
      <c r="D18" s="221">
        <v>602</v>
      </c>
      <c r="E18" s="222">
        <v>899</v>
      </c>
      <c r="F18" s="213">
        <v>0</v>
      </c>
      <c r="G18" s="221">
        <v>1114</v>
      </c>
      <c r="H18" s="221">
        <v>1673</v>
      </c>
      <c r="I18" s="221">
        <v>996</v>
      </c>
      <c r="J18" s="221">
        <v>736</v>
      </c>
      <c r="K18" s="221">
        <v>482</v>
      </c>
      <c r="L18" s="222">
        <v>5001</v>
      </c>
      <c r="M18" s="223">
        <v>5900</v>
      </c>
      <c r="N18" s="224">
        <v>3</v>
      </c>
      <c r="O18" s="221">
        <v>27</v>
      </c>
      <c r="P18" s="222">
        <v>30</v>
      </c>
      <c r="Q18" s="213">
        <v>0</v>
      </c>
      <c r="R18" s="221">
        <v>14</v>
      </c>
      <c r="S18" s="221">
        <v>60</v>
      </c>
      <c r="T18" s="221">
        <v>32</v>
      </c>
      <c r="U18" s="221">
        <v>32</v>
      </c>
      <c r="V18" s="221">
        <v>20</v>
      </c>
      <c r="W18" s="222">
        <v>158</v>
      </c>
      <c r="X18" s="223">
        <v>188</v>
      </c>
      <c r="Y18" s="220">
        <v>300</v>
      </c>
      <c r="Z18" s="221">
        <v>629</v>
      </c>
      <c r="AA18" s="222">
        <v>929</v>
      </c>
      <c r="AB18" s="213">
        <v>0</v>
      </c>
      <c r="AC18" s="221">
        <v>1128</v>
      </c>
      <c r="AD18" s="221">
        <v>1733</v>
      </c>
      <c r="AE18" s="221">
        <v>1028</v>
      </c>
      <c r="AF18" s="221">
        <v>768</v>
      </c>
      <c r="AG18" s="221">
        <v>502</v>
      </c>
      <c r="AH18" s="222">
        <v>5159</v>
      </c>
      <c r="AI18" s="223">
        <v>6088</v>
      </c>
    </row>
    <row r="19" spans="2:35" ht="21" customHeight="1" x14ac:dyDescent="0.2">
      <c r="B19" s="49" t="s">
        <v>18</v>
      </c>
      <c r="C19" s="220">
        <v>354</v>
      </c>
      <c r="D19" s="221">
        <v>645</v>
      </c>
      <c r="E19" s="222">
        <v>999</v>
      </c>
      <c r="F19" s="213">
        <v>0</v>
      </c>
      <c r="G19" s="221">
        <v>1821</v>
      </c>
      <c r="H19" s="221">
        <v>1729</v>
      </c>
      <c r="I19" s="221">
        <v>1084</v>
      </c>
      <c r="J19" s="221">
        <v>736</v>
      </c>
      <c r="K19" s="221">
        <v>475</v>
      </c>
      <c r="L19" s="222">
        <v>5845</v>
      </c>
      <c r="M19" s="223">
        <v>6844</v>
      </c>
      <c r="N19" s="224">
        <v>13</v>
      </c>
      <c r="O19" s="221">
        <v>19</v>
      </c>
      <c r="P19" s="222">
        <v>32</v>
      </c>
      <c r="Q19" s="213">
        <v>0</v>
      </c>
      <c r="R19" s="221">
        <v>51</v>
      </c>
      <c r="S19" s="221">
        <v>54</v>
      </c>
      <c r="T19" s="221">
        <v>27</v>
      </c>
      <c r="U19" s="221">
        <v>31</v>
      </c>
      <c r="V19" s="221">
        <v>29</v>
      </c>
      <c r="W19" s="222">
        <v>192</v>
      </c>
      <c r="X19" s="223">
        <v>224</v>
      </c>
      <c r="Y19" s="220">
        <v>367</v>
      </c>
      <c r="Z19" s="221">
        <v>664</v>
      </c>
      <c r="AA19" s="222">
        <v>1031</v>
      </c>
      <c r="AB19" s="213">
        <v>0</v>
      </c>
      <c r="AC19" s="221">
        <v>1872</v>
      </c>
      <c r="AD19" s="221">
        <v>1783</v>
      </c>
      <c r="AE19" s="221">
        <v>1111</v>
      </c>
      <c r="AF19" s="221">
        <v>767</v>
      </c>
      <c r="AG19" s="221">
        <v>504</v>
      </c>
      <c r="AH19" s="222">
        <v>6037</v>
      </c>
      <c r="AI19" s="223">
        <v>7068</v>
      </c>
    </row>
    <row r="20" spans="2:35" ht="21" customHeight="1" x14ac:dyDescent="0.2">
      <c r="B20" s="49" t="s">
        <v>19</v>
      </c>
      <c r="C20" s="220">
        <v>209</v>
      </c>
      <c r="D20" s="221">
        <v>323</v>
      </c>
      <c r="E20" s="222">
        <v>532</v>
      </c>
      <c r="F20" s="213">
        <v>0</v>
      </c>
      <c r="G20" s="221">
        <v>817</v>
      </c>
      <c r="H20" s="221">
        <v>715</v>
      </c>
      <c r="I20" s="221">
        <v>452</v>
      </c>
      <c r="J20" s="221">
        <v>287</v>
      </c>
      <c r="K20" s="221">
        <v>202</v>
      </c>
      <c r="L20" s="222">
        <v>2473</v>
      </c>
      <c r="M20" s="223">
        <v>3005</v>
      </c>
      <c r="N20" s="224">
        <v>5</v>
      </c>
      <c r="O20" s="221">
        <v>7</v>
      </c>
      <c r="P20" s="222">
        <v>12</v>
      </c>
      <c r="Q20" s="213">
        <v>0</v>
      </c>
      <c r="R20" s="221">
        <v>18</v>
      </c>
      <c r="S20" s="221">
        <v>21</v>
      </c>
      <c r="T20" s="221">
        <v>12</v>
      </c>
      <c r="U20" s="221">
        <v>10</v>
      </c>
      <c r="V20" s="221">
        <v>8</v>
      </c>
      <c r="W20" s="222">
        <v>69</v>
      </c>
      <c r="X20" s="223">
        <v>81</v>
      </c>
      <c r="Y20" s="220">
        <v>214</v>
      </c>
      <c r="Z20" s="221">
        <v>330</v>
      </c>
      <c r="AA20" s="222">
        <v>544</v>
      </c>
      <c r="AB20" s="213">
        <v>0</v>
      </c>
      <c r="AC20" s="221">
        <v>835</v>
      </c>
      <c r="AD20" s="221">
        <v>736</v>
      </c>
      <c r="AE20" s="221">
        <v>464</v>
      </c>
      <c r="AF20" s="221">
        <v>297</v>
      </c>
      <c r="AG20" s="221">
        <v>210</v>
      </c>
      <c r="AH20" s="222">
        <v>2542</v>
      </c>
      <c r="AI20" s="223">
        <v>3086</v>
      </c>
    </row>
    <row r="21" spans="2:35" ht="21" customHeight="1" x14ac:dyDescent="0.2">
      <c r="B21" s="49" t="s">
        <v>20</v>
      </c>
      <c r="C21" s="220">
        <v>220</v>
      </c>
      <c r="D21" s="221">
        <v>432</v>
      </c>
      <c r="E21" s="222">
        <v>652</v>
      </c>
      <c r="F21" s="213">
        <v>0</v>
      </c>
      <c r="G21" s="221">
        <v>1114</v>
      </c>
      <c r="H21" s="221">
        <v>710</v>
      </c>
      <c r="I21" s="221">
        <v>519</v>
      </c>
      <c r="J21" s="221">
        <v>340</v>
      </c>
      <c r="K21" s="221">
        <v>164</v>
      </c>
      <c r="L21" s="222">
        <v>2847</v>
      </c>
      <c r="M21" s="223">
        <v>3499</v>
      </c>
      <c r="N21" s="224">
        <v>3</v>
      </c>
      <c r="O21" s="221">
        <v>22</v>
      </c>
      <c r="P21" s="222">
        <v>25</v>
      </c>
      <c r="Q21" s="213">
        <v>0</v>
      </c>
      <c r="R21" s="221">
        <v>29</v>
      </c>
      <c r="S21" s="221">
        <v>22</v>
      </c>
      <c r="T21" s="221">
        <v>12</v>
      </c>
      <c r="U21" s="221">
        <v>15</v>
      </c>
      <c r="V21" s="221">
        <v>6</v>
      </c>
      <c r="W21" s="222">
        <v>84</v>
      </c>
      <c r="X21" s="223">
        <v>109</v>
      </c>
      <c r="Y21" s="220">
        <v>223</v>
      </c>
      <c r="Z21" s="221">
        <v>454</v>
      </c>
      <c r="AA21" s="222">
        <v>677</v>
      </c>
      <c r="AB21" s="213">
        <v>0</v>
      </c>
      <c r="AC21" s="221">
        <v>1143</v>
      </c>
      <c r="AD21" s="221">
        <v>732</v>
      </c>
      <c r="AE21" s="221">
        <v>531</v>
      </c>
      <c r="AF21" s="221">
        <v>355</v>
      </c>
      <c r="AG21" s="221">
        <v>170</v>
      </c>
      <c r="AH21" s="222">
        <v>2931</v>
      </c>
      <c r="AI21" s="223">
        <v>3608</v>
      </c>
    </row>
    <row r="22" spans="2:35" ht="21" customHeight="1" x14ac:dyDescent="0.2">
      <c r="B22" s="49" t="s">
        <v>21</v>
      </c>
      <c r="C22" s="220">
        <v>279</v>
      </c>
      <c r="D22" s="221">
        <v>415</v>
      </c>
      <c r="E22" s="222">
        <v>694</v>
      </c>
      <c r="F22" s="213">
        <v>0</v>
      </c>
      <c r="G22" s="221">
        <v>971</v>
      </c>
      <c r="H22" s="221">
        <v>1066</v>
      </c>
      <c r="I22" s="221">
        <v>596</v>
      </c>
      <c r="J22" s="221">
        <v>412</v>
      </c>
      <c r="K22" s="221">
        <v>253</v>
      </c>
      <c r="L22" s="222">
        <v>3298</v>
      </c>
      <c r="M22" s="223">
        <v>3992</v>
      </c>
      <c r="N22" s="224">
        <v>7</v>
      </c>
      <c r="O22" s="221">
        <v>16</v>
      </c>
      <c r="P22" s="222">
        <v>23</v>
      </c>
      <c r="Q22" s="213">
        <v>0</v>
      </c>
      <c r="R22" s="221">
        <v>10</v>
      </c>
      <c r="S22" s="221">
        <v>44</v>
      </c>
      <c r="T22" s="221">
        <v>18</v>
      </c>
      <c r="U22" s="221">
        <v>10</v>
      </c>
      <c r="V22" s="221">
        <v>6</v>
      </c>
      <c r="W22" s="222">
        <v>88</v>
      </c>
      <c r="X22" s="223">
        <v>111</v>
      </c>
      <c r="Y22" s="220">
        <v>286</v>
      </c>
      <c r="Z22" s="221">
        <v>431</v>
      </c>
      <c r="AA22" s="222">
        <v>717</v>
      </c>
      <c r="AB22" s="213">
        <v>0</v>
      </c>
      <c r="AC22" s="221">
        <v>981</v>
      </c>
      <c r="AD22" s="221">
        <v>1110</v>
      </c>
      <c r="AE22" s="221">
        <v>614</v>
      </c>
      <c r="AF22" s="221">
        <v>422</v>
      </c>
      <c r="AG22" s="221">
        <v>259</v>
      </c>
      <c r="AH22" s="222">
        <v>3386</v>
      </c>
      <c r="AI22" s="223">
        <v>4103</v>
      </c>
    </row>
    <row r="23" spans="2:35" ht="21" customHeight="1" x14ac:dyDescent="0.2">
      <c r="B23" s="49" t="s">
        <v>22</v>
      </c>
      <c r="C23" s="220">
        <v>65</v>
      </c>
      <c r="D23" s="221">
        <v>153</v>
      </c>
      <c r="E23" s="222">
        <v>218</v>
      </c>
      <c r="F23" s="213">
        <v>0</v>
      </c>
      <c r="G23" s="221">
        <v>394</v>
      </c>
      <c r="H23" s="221">
        <v>381</v>
      </c>
      <c r="I23" s="221">
        <v>211</v>
      </c>
      <c r="J23" s="221">
        <v>143</v>
      </c>
      <c r="K23" s="221">
        <v>91</v>
      </c>
      <c r="L23" s="222">
        <v>1220</v>
      </c>
      <c r="M23" s="223">
        <v>1438</v>
      </c>
      <c r="N23" s="224">
        <v>1</v>
      </c>
      <c r="O23" s="221">
        <v>4</v>
      </c>
      <c r="P23" s="222">
        <v>5</v>
      </c>
      <c r="Q23" s="213">
        <v>0</v>
      </c>
      <c r="R23" s="221">
        <v>14</v>
      </c>
      <c r="S23" s="221">
        <v>7</v>
      </c>
      <c r="T23" s="221">
        <v>6</v>
      </c>
      <c r="U23" s="221">
        <v>5</v>
      </c>
      <c r="V23" s="221">
        <v>1</v>
      </c>
      <c r="W23" s="222">
        <v>33</v>
      </c>
      <c r="X23" s="223">
        <v>38</v>
      </c>
      <c r="Y23" s="220">
        <v>66</v>
      </c>
      <c r="Z23" s="221">
        <v>157</v>
      </c>
      <c r="AA23" s="222">
        <v>223</v>
      </c>
      <c r="AB23" s="213">
        <v>0</v>
      </c>
      <c r="AC23" s="221">
        <v>408</v>
      </c>
      <c r="AD23" s="221">
        <v>388</v>
      </c>
      <c r="AE23" s="221">
        <v>217</v>
      </c>
      <c r="AF23" s="221">
        <v>148</v>
      </c>
      <c r="AG23" s="221">
        <v>92</v>
      </c>
      <c r="AH23" s="222">
        <v>1253</v>
      </c>
      <c r="AI23" s="223">
        <v>1476</v>
      </c>
    </row>
    <row r="24" spans="2:35" ht="21" customHeight="1" x14ac:dyDescent="0.2">
      <c r="B24" s="49" t="s">
        <v>23</v>
      </c>
      <c r="C24" s="220">
        <v>136</v>
      </c>
      <c r="D24" s="221">
        <v>252</v>
      </c>
      <c r="E24" s="222">
        <v>388</v>
      </c>
      <c r="F24" s="213">
        <v>0</v>
      </c>
      <c r="G24" s="221">
        <v>617</v>
      </c>
      <c r="H24" s="221">
        <v>534</v>
      </c>
      <c r="I24" s="221">
        <v>288</v>
      </c>
      <c r="J24" s="221">
        <v>292</v>
      </c>
      <c r="K24" s="221">
        <v>142</v>
      </c>
      <c r="L24" s="222">
        <v>1873</v>
      </c>
      <c r="M24" s="223">
        <v>2261</v>
      </c>
      <c r="N24" s="224">
        <v>3</v>
      </c>
      <c r="O24" s="221">
        <v>8</v>
      </c>
      <c r="P24" s="222">
        <v>11</v>
      </c>
      <c r="Q24" s="213">
        <v>0</v>
      </c>
      <c r="R24" s="221">
        <v>6</v>
      </c>
      <c r="S24" s="221">
        <v>19</v>
      </c>
      <c r="T24" s="221">
        <v>10</v>
      </c>
      <c r="U24" s="221">
        <v>6</v>
      </c>
      <c r="V24" s="221">
        <v>4</v>
      </c>
      <c r="W24" s="222">
        <v>45</v>
      </c>
      <c r="X24" s="223">
        <v>56</v>
      </c>
      <c r="Y24" s="220">
        <v>139</v>
      </c>
      <c r="Z24" s="221">
        <v>260</v>
      </c>
      <c r="AA24" s="222">
        <v>399</v>
      </c>
      <c r="AB24" s="213">
        <v>0</v>
      </c>
      <c r="AC24" s="221">
        <v>623</v>
      </c>
      <c r="AD24" s="221">
        <v>553</v>
      </c>
      <c r="AE24" s="221">
        <v>298</v>
      </c>
      <c r="AF24" s="221">
        <v>298</v>
      </c>
      <c r="AG24" s="221">
        <v>146</v>
      </c>
      <c r="AH24" s="222">
        <v>1918</v>
      </c>
      <c r="AI24" s="223">
        <v>2317</v>
      </c>
    </row>
    <row r="25" spans="2:35" ht="21" customHeight="1" x14ac:dyDescent="0.2">
      <c r="B25" s="49" t="s">
        <v>24</v>
      </c>
      <c r="C25" s="220">
        <v>119</v>
      </c>
      <c r="D25" s="221">
        <v>113</v>
      </c>
      <c r="E25" s="222">
        <v>232</v>
      </c>
      <c r="F25" s="213">
        <v>0</v>
      </c>
      <c r="G25" s="221">
        <v>322</v>
      </c>
      <c r="H25" s="221">
        <v>239</v>
      </c>
      <c r="I25" s="221">
        <v>162</v>
      </c>
      <c r="J25" s="221">
        <v>126</v>
      </c>
      <c r="K25" s="221">
        <v>84</v>
      </c>
      <c r="L25" s="222">
        <v>933</v>
      </c>
      <c r="M25" s="223">
        <v>1165</v>
      </c>
      <c r="N25" s="224">
        <v>2</v>
      </c>
      <c r="O25" s="221">
        <v>1</v>
      </c>
      <c r="P25" s="222">
        <v>3</v>
      </c>
      <c r="Q25" s="213">
        <v>0</v>
      </c>
      <c r="R25" s="221">
        <v>4</v>
      </c>
      <c r="S25" s="221">
        <v>6</v>
      </c>
      <c r="T25" s="221">
        <v>3</v>
      </c>
      <c r="U25" s="221">
        <v>1</v>
      </c>
      <c r="V25" s="221">
        <v>2</v>
      </c>
      <c r="W25" s="222">
        <v>16</v>
      </c>
      <c r="X25" s="223">
        <v>19</v>
      </c>
      <c r="Y25" s="220">
        <v>121</v>
      </c>
      <c r="Z25" s="221">
        <v>114</v>
      </c>
      <c r="AA25" s="222">
        <v>235</v>
      </c>
      <c r="AB25" s="213">
        <v>0</v>
      </c>
      <c r="AC25" s="221">
        <v>326</v>
      </c>
      <c r="AD25" s="221">
        <v>245</v>
      </c>
      <c r="AE25" s="221">
        <v>165</v>
      </c>
      <c r="AF25" s="221">
        <v>127</v>
      </c>
      <c r="AG25" s="221">
        <v>86</v>
      </c>
      <c r="AH25" s="222">
        <v>949</v>
      </c>
      <c r="AI25" s="223">
        <v>1184</v>
      </c>
    </row>
    <row r="26" spans="2:35" ht="21" customHeight="1" x14ac:dyDescent="0.2">
      <c r="B26" s="49" t="s">
        <v>25</v>
      </c>
      <c r="C26" s="220">
        <v>98</v>
      </c>
      <c r="D26" s="221">
        <v>168</v>
      </c>
      <c r="E26" s="222">
        <v>266</v>
      </c>
      <c r="F26" s="213">
        <v>0</v>
      </c>
      <c r="G26" s="221">
        <v>356</v>
      </c>
      <c r="H26" s="221">
        <v>292</v>
      </c>
      <c r="I26" s="221">
        <v>166</v>
      </c>
      <c r="J26" s="221">
        <v>143</v>
      </c>
      <c r="K26" s="221">
        <v>63</v>
      </c>
      <c r="L26" s="222">
        <v>1020</v>
      </c>
      <c r="M26" s="223">
        <v>1286</v>
      </c>
      <c r="N26" s="224">
        <v>1</v>
      </c>
      <c r="O26" s="221">
        <v>6</v>
      </c>
      <c r="P26" s="222">
        <v>7</v>
      </c>
      <c r="Q26" s="213">
        <v>0</v>
      </c>
      <c r="R26" s="221">
        <v>6</v>
      </c>
      <c r="S26" s="221">
        <v>13</v>
      </c>
      <c r="T26" s="221">
        <v>3</v>
      </c>
      <c r="U26" s="221">
        <v>2</v>
      </c>
      <c r="V26" s="221">
        <v>2</v>
      </c>
      <c r="W26" s="222">
        <v>26</v>
      </c>
      <c r="X26" s="223">
        <v>33</v>
      </c>
      <c r="Y26" s="220">
        <v>99</v>
      </c>
      <c r="Z26" s="221">
        <v>174</v>
      </c>
      <c r="AA26" s="222">
        <v>273</v>
      </c>
      <c r="AB26" s="213">
        <v>0</v>
      </c>
      <c r="AC26" s="221">
        <v>362</v>
      </c>
      <c r="AD26" s="221">
        <v>305</v>
      </c>
      <c r="AE26" s="221">
        <v>169</v>
      </c>
      <c r="AF26" s="221">
        <v>145</v>
      </c>
      <c r="AG26" s="221">
        <v>65</v>
      </c>
      <c r="AH26" s="222">
        <v>1046</v>
      </c>
      <c r="AI26" s="223">
        <v>1319</v>
      </c>
    </row>
    <row r="27" spans="2:35" ht="21" customHeight="1" x14ac:dyDescent="0.2">
      <c r="B27" s="49" t="s">
        <v>26</v>
      </c>
      <c r="C27" s="220">
        <v>81</v>
      </c>
      <c r="D27" s="221">
        <v>106</v>
      </c>
      <c r="E27" s="222">
        <v>187</v>
      </c>
      <c r="F27" s="213">
        <v>0</v>
      </c>
      <c r="G27" s="221">
        <v>303</v>
      </c>
      <c r="H27" s="221">
        <v>265</v>
      </c>
      <c r="I27" s="221">
        <v>177</v>
      </c>
      <c r="J27" s="221">
        <v>105</v>
      </c>
      <c r="K27" s="221">
        <v>75</v>
      </c>
      <c r="L27" s="222">
        <v>925</v>
      </c>
      <c r="M27" s="223">
        <v>1112</v>
      </c>
      <c r="N27" s="224">
        <v>1</v>
      </c>
      <c r="O27" s="221">
        <v>0</v>
      </c>
      <c r="P27" s="222">
        <v>1</v>
      </c>
      <c r="Q27" s="213">
        <v>0</v>
      </c>
      <c r="R27" s="221">
        <v>7</v>
      </c>
      <c r="S27" s="221">
        <v>6</v>
      </c>
      <c r="T27" s="221">
        <v>5</v>
      </c>
      <c r="U27" s="221">
        <v>3</v>
      </c>
      <c r="V27" s="221">
        <v>1</v>
      </c>
      <c r="W27" s="222">
        <v>22</v>
      </c>
      <c r="X27" s="223">
        <v>23</v>
      </c>
      <c r="Y27" s="220">
        <v>82</v>
      </c>
      <c r="Z27" s="221">
        <v>106</v>
      </c>
      <c r="AA27" s="222">
        <v>188</v>
      </c>
      <c r="AB27" s="213">
        <v>0</v>
      </c>
      <c r="AC27" s="221">
        <v>310</v>
      </c>
      <c r="AD27" s="221">
        <v>271</v>
      </c>
      <c r="AE27" s="221">
        <v>182</v>
      </c>
      <c r="AF27" s="221">
        <v>108</v>
      </c>
      <c r="AG27" s="221">
        <v>76</v>
      </c>
      <c r="AH27" s="222">
        <v>947</v>
      </c>
      <c r="AI27" s="223">
        <v>1135</v>
      </c>
    </row>
    <row r="28" spans="2:35" ht="21" customHeight="1" x14ac:dyDescent="0.2">
      <c r="B28" s="49" t="s">
        <v>27</v>
      </c>
      <c r="C28" s="220">
        <v>123</v>
      </c>
      <c r="D28" s="221">
        <v>176</v>
      </c>
      <c r="E28" s="222">
        <v>299</v>
      </c>
      <c r="F28" s="213">
        <v>0</v>
      </c>
      <c r="G28" s="221">
        <v>258</v>
      </c>
      <c r="H28" s="221">
        <v>185</v>
      </c>
      <c r="I28" s="221">
        <v>158</v>
      </c>
      <c r="J28" s="221">
        <v>110</v>
      </c>
      <c r="K28" s="221">
        <v>61</v>
      </c>
      <c r="L28" s="222">
        <v>772</v>
      </c>
      <c r="M28" s="223">
        <v>1071</v>
      </c>
      <c r="N28" s="224">
        <v>2</v>
      </c>
      <c r="O28" s="221">
        <v>3</v>
      </c>
      <c r="P28" s="222">
        <v>5</v>
      </c>
      <c r="Q28" s="213">
        <v>0</v>
      </c>
      <c r="R28" s="221">
        <v>5</v>
      </c>
      <c r="S28" s="221">
        <v>5</v>
      </c>
      <c r="T28" s="221">
        <v>3</v>
      </c>
      <c r="U28" s="221">
        <v>1</v>
      </c>
      <c r="V28" s="221">
        <v>3</v>
      </c>
      <c r="W28" s="222">
        <v>17</v>
      </c>
      <c r="X28" s="223">
        <v>22</v>
      </c>
      <c r="Y28" s="220">
        <v>125</v>
      </c>
      <c r="Z28" s="221">
        <v>179</v>
      </c>
      <c r="AA28" s="222">
        <v>304</v>
      </c>
      <c r="AB28" s="213">
        <v>0</v>
      </c>
      <c r="AC28" s="221">
        <v>263</v>
      </c>
      <c r="AD28" s="221">
        <v>190</v>
      </c>
      <c r="AE28" s="221">
        <v>161</v>
      </c>
      <c r="AF28" s="221">
        <v>111</v>
      </c>
      <c r="AG28" s="221">
        <v>64</v>
      </c>
      <c r="AH28" s="222">
        <v>789</v>
      </c>
      <c r="AI28" s="223">
        <v>1093</v>
      </c>
    </row>
    <row r="29" spans="2:35" ht="21" customHeight="1" x14ac:dyDescent="0.2">
      <c r="B29" s="49" t="s">
        <v>28</v>
      </c>
      <c r="C29" s="220">
        <v>10</v>
      </c>
      <c r="D29" s="221">
        <v>20</v>
      </c>
      <c r="E29" s="222">
        <v>30</v>
      </c>
      <c r="F29" s="213">
        <v>0</v>
      </c>
      <c r="G29" s="221">
        <v>76</v>
      </c>
      <c r="H29" s="221">
        <v>93</v>
      </c>
      <c r="I29" s="221">
        <v>53</v>
      </c>
      <c r="J29" s="221">
        <v>41</v>
      </c>
      <c r="K29" s="221">
        <v>17</v>
      </c>
      <c r="L29" s="222">
        <v>280</v>
      </c>
      <c r="M29" s="223">
        <v>310</v>
      </c>
      <c r="N29" s="224">
        <v>0</v>
      </c>
      <c r="O29" s="221">
        <v>1</v>
      </c>
      <c r="P29" s="222">
        <v>1</v>
      </c>
      <c r="Q29" s="213">
        <v>0</v>
      </c>
      <c r="R29" s="221">
        <v>0</v>
      </c>
      <c r="S29" s="221">
        <v>1</v>
      </c>
      <c r="T29" s="221">
        <v>0</v>
      </c>
      <c r="U29" s="221">
        <v>1</v>
      </c>
      <c r="V29" s="221">
        <v>3</v>
      </c>
      <c r="W29" s="222">
        <v>5</v>
      </c>
      <c r="X29" s="223">
        <v>6</v>
      </c>
      <c r="Y29" s="220">
        <v>10</v>
      </c>
      <c r="Z29" s="221">
        <v>21</v>
      </c>
      <c r="AA29" s="222">
        <v>31</v>
      </c>
      <c r="AB29" s="213">
        <v>0</v>
      </c>
      <c r="AC29" s="221">
        <v>76</v>
      </c>
      <c r="AD29" s="221">
        <v>94</v>
      </c>
      <c r="AE29" s="221">
        <v>53</v>
      </c>
      <c r="AF29" s="221">
        <v>42</v>
      </c>
      <c r="AG29" s="221">
        <v>20</v>
      </c>
      <c r="AH29" s="222">
        <v>285</v>
      </c>
      <c r="AI29" s="223">
        <v>316</v>
      </c>
    </row>
    <row r="30" spans="2:35" ht="21" customHeight="1" x14ac:dyDescent="0.2">
      <c r="B30" s="49" t="s">
        <v>29</v>
      </c>
      <c r="C30" s="220">
        <v>30</v>
      </c>
      <c r="D30" s="221">
        <v>36</v>
      </c>
      <c r="E30" s="222">
        <v>66</v>
      </c>
      <c r="F30" s="213">
        <v>0</v>
      </c>
      <c r="G30" s="221">
        <v>105</v>
      </c>
      <c r="H30" s="221">
        <v>101</v>
      </c>
      <c r="I30" s="221">
        <v>68</v>
      </c>
      <c r="J30" s="221">
        <v>48</v>
      </c>
      <c r="K30" s="221">
        <v>29</v>
      </c>
      <c r="L30" s="222">
        <v>351</v>
      </c>
      <c r="M30" s="223">
        <v>417</v>
      </c>
      <c r="N30" s="224">
        <v>1</v>
      </c>
      <c r="O30" s="221">
        <v>2</v>
      </c>
      <c r="P30" s="222">
        <v>3</v>
      </c>
      <c r="Q30" s="213">
        <v>0</v>
      </c>
      <c r="R30" s="221">
        <v>2</v>
      </c>
      <c r="S30" s="221">
        <v>4</v>
      </c>
      <c r="T30" s="221">
        <v>2</v>
      </c>
      <c r="U30" s="221">
        <v>1</v>
      </c>
      <c r="V30" s="221">
        <v>1</v>
      </c>
      <c r="W30" s="222">
        <v>10</v>
      </c>
      <c r="X30" s="223">
        <v>13</v>
      </c>
      <c r="Y30" s="220">
        <v>31</v>
      </c>
      <c r="Z30" s="221">
        <v>38</v>
      </c>
      <c r="AA30" s="222">
        <v>69</v>
      </c>
      <c r="AB30" s="213">
        <v>0</v>
      </c>
      <c r="AC30" s="221">
        <v>107</v>
      </c>
      <c r="AD30" s="221">
        <v>105</v>
      </c>
      <c r="AE30" s="221">
        <v>70</v>
      </c>
      <c r="AF30" s="221">
        <v>49</v>
      </c>
      <c r="AG30" s="221">
        <v>30</v>
      </c>
      <c r="AH30" s="222">
        <v>361</v>
      </c>
      <c r="AI30" s="223">
        <v>430</v>
      </c>
    </row>
    <row r="31" spans="2:35" ht="21" customHeight="1" x14ac:dyDescent="0.2">
      <c r="B31" s="49" t="s">
        <v>30</v>
      </c>
      <c r="C31" s="220">
        <v>39</v>
      </c>
      <c r="D31" s="221">
        <v>29</v>
      </c>
      <c r="E31" s="222">
        <v>68</v>
      </c>
      <c r="F31" s="213">
        <v>0</v>
      </c>
      <c r="G31" s="221">
        <v>101</v>
      </c>
      <c r="H31" s="221">
        <v>78</v>
      </c>
      <c r="I31" s="221">
        <v>59</v>
      </c>
      <c r="J31" s="221">
        <v>47</v>
      </c>
      <c r="K31" s="221">
        <v>20</v>
      </c>
      <c r="L31" s="222">
        <v>305</v>
      </c>
      <c r="M31" s="223">
        <v>373</v>
      </c>
      <c r="N31" s="224">
        <v>0</v>
      </c>
      <c r="O31" s="221">
        <v>0</v>
      </c>
      <c r="P31" s="222">
        <v>0</v>
      </c>
      <c r="Q31" s="213">
        <v>0</v>
      </c>
      <c r="R31" s="221">
        <v>3</v>
      </c>
      <c r="S31" s="221">
        <v>0</v>
      </c>
      <c r="T31" s="221">
        <v>3</v>
      </c>
      <c r="U31" s="221">
        <v>1</v>
      </c>
      <c r="V31" s="221">
        <v>0</v>
      </c>
      <c r="W31" s="222">
        <v>7</v>
      </c>
      <c r="X31" s="223">
        <v>7</v>
      </c>
      <c r="Y31" s="220">
        <v>39</v>
      </c>
      <c r="Z31" s="221">
        <v>29</v>
      </c>
      <c r="AA31" s="222">
        <v>68</v>
      </c>
      <c r="AB31" s="213">
        <v>0</v>
      </c>
      <c r="AC31" s="221">
        <v>104</v>
      </c>
      <c r="AD31" s="221">
        <v>78</v>
      </c>
      <c r="AE31" s="221">
        <v>62</v>
      </c>
      <c r="AF31" s="221">
        <v>48</v>
      </c>
      <c r="AG31" s="221">
        <v>20</v>
      </c>
      <c r="AH31" s="222">
        <v>312</v>
      </c>
      <c r="AI31" s="223">
        <v>380</v>
      </c>
    </row>
    <row r="32" spans="2:35" ht="21" customHeight="1" x14ac:dyDescent="0.2">
      <c r="B32" s="49" t="s">
        <v>31</v>
      </c>
      <c r="C32" s="220">
        <v>25</v>
      </c>
      <c r="D32" s="221">
        <v>61</v>
      </c>
      <c r="E32" s="222">
        <v>86</v>
      </c>
      <c r="F32" s="213">
        <v>0</v>
      </c>
      <c r="G32" s="221">
        <v>113</v>
      </c>
      <c r="H32" s="221">
        <v>97</v>
      </c>
      <c r="I32" s="221">
        <v>60</v>
      </c>
      <c r="J32" s="221">
        <v>38</v>
      </c>
      <c r="K32" s="221">
        <v>18</v>
      </c>
      <c r="L32" s="222">
        <v>326</v>
      </c>
      <c r="M32" s="223">
        <v>412</v>
      </c>
      <c r="N32" s="224">
        <v>0</v>
      </c>
      <c r="O32" s="221">
        <v>3</v>
      </c>
      <c r="P32" s="222">
        <v>3</v>
      </c>
      <c r="Q32" s="213">
        <v>0</v>
      </c>
      <c r="R32" s="221">
        <v>2</v>
      </c>
      <c r="S32" s="221">
        <v>0</v>
      </c>
      <c r="T32" s="221">
        <v>0</v>
      </c>
      <c r="U32" s="221">
        <v>2</v>
      </c>
      <c r="V32" s="221">
        <v>1</v>
      </c>
      <c r="W32" s="222">
        <v>5</v>
      </c>
      <c r="X32" s="223">
        <v>8</v>
      </c>
      <c r="Y32" s="220">
        <v>25</v>
      </c>
      <c r="Z32" s="221">
        <v>64</v>
      </c>
      <c r="AA32" s="222">
        <v>89</v>
      </c>
      <c r="AB32" s="213">
        <v>0</v>
      </c>
      <c r="AC32" s="221">
        <v>115</v>
      </c>
      <c r="AD32" s="221">
        <v>97</v>
      </c>
      <c r="AE32" s="221">
        <v>60</v>
      </c>
      <c r="AF32" s="221">
        <v>40</v>
      </c>
      <c r="AG32" s="221">
        <v>19</v>
      </c>
      <c r="AH32" s="222">
        <v>331</v>
      </c>
      <c r="AI32" s="223">
        <v>420</v>
      </c>
    </row>
    <row r="33" spans="2:35" ht="21" customHeight="1" x14ac:dyDescent="0.2">
      <c r="B33" s="49" t="s">
        <v>32</v>
      </c>
      <c r="C33" s="220">
        <v>26</v>
      </c>
      <c r="D33" s="221">
        <v>51</v>
      </c>
      <c r="E33" s="222">
        <v>77</v>
      </c>
      <c r="F33" s="213">
        <v>0</v>
      </c>
      <c r="G33" s="221">
        <v>138</v>
      </c>
      <c r="H33" s="221">
        <v>117</v>
      </c>
      <c r="I33" s="221">
        <v>69</v>
      </c>
      <c r="J33" s="221">
        <v>56</v>
      </c>
      <c r="K33" s="221">
        <v>31</v>
      </c>
      <c r="L33" s="222">
        <v>411</v>
      </c>
      <c r="M33" s="223">
        <v>488</v>
      </c>
      <c r="N33" s="224">
        <v>0</v>
      </c>
      <c r="O33" s="221">
        <v>1</v>
      </c>
      <c r="P33" s="222">
        <v>1</v>
      </c>
      <c r="Q33" s="213">
        <v>0</v>
      </c>
      <c r="R33" s="221">
        <v>7</v>
      </c>
      <c r="S33" s="221">
        <v>6</v>
      </c>
      <c r="T33" s="221">
        <v>2</v>
      </c>
      <c r="U33" s="221">
        <v>2</v>
      </c>
      <c r="V33" s="221">
        <v>4</v>
      </c>
      <c r="W33" s="222">
        <v>21</v>
      </c>
      <c r="X33" s="223">
        <v>22</v>
      </c>
      <c r="Y33" s="220">
        <v>26</v>
      </c>
      <c r="Z33" s="221">
        <v>52</v>
      </c>
      <c r="AA33" s="222">
        <v>78</v>
      </c>
      <c r="AB33" s="213">
        <v>0</v>
      </c>
      <c r="AC33" s="221">
        <v>145</v>
      </c>
      <c r="AD33" s="221">
        <v>123</v>
      </c>
      <c r="AE33" s="221">
        <v>71</v>
      </c>
      <c r="AF33" s="221">
        <v>58</v>
      </c>
      <c r="AG33" s="221">
        <v>35</v>
      </c>
      <c r="AH33" s="222">
        <v>432</v>
      </c>
      <c r="AI33" s="223">
        <v>510</v>
      </c>
    </row>
    <row r="34" spans="2:35" ht="21" customHeight="1" x14ac:dyDescent="0.2">
      <c r="B34" s="49" t="s">
        <v>33</v>
      </c>
      <c r="C34" s="220">
        <v>43</v>
      </c>
      <c r="D34" s="221">
        <v>60</v>
      </c>
      <c r="E34" s="222">
        <v>103</v>
      </c>
      <c r="F34" s="213">
        <v>0</v>
      </c>
      <c r="G34" s="221">
        <v>134</v>
      </c>
      <c r="H34" s="221">
        <v>94</v>
      </c>
      <c r="I34" s="221">
        <v>58</v>
      </c>
      <c r="J34" s="221">
        <v>27</v>
      </c>
      <c r="K34" s="221">
        <v>24</v>
      </c>
      <c r="L34" s="222">
        <v>337</v>
      </c>
      <c r="M34" s="223">
        <v>440</v>
      </c>
      <c r="N34" s="224">
        <v>0</v>
      </c>
      <c r="O34" s="221">
        <v>0</v>
      </c>
      <c r="P34" s="222">
        <v>0</v>
      </c>
      <c r="Q34" s="213">
        <v>0</v>
      </c>
      <c r="R34" s="221">
        <v>2</v>
      </c>
      <c r="S34" s="221">
        <v>1</v>
      </c>
      <c r="T34" s="221">
        <v>0</v>
      </c>
      <c r="U34" s="221">
        <v>0</v>
      </c>
      <c r="V34" s="221">
        <v>2</v>
      </c>
      <c r="W34" s="222">
        <v>5</v>
      </c>
      <c r="X34" s="223">
        <v>5</v>
      </c>
      <c r="Y34" s="220">
        <v>43</v>
      </c>
      <c r="Z34" s="221">
        <v>60</v>
      </c>
      <c r="AA34" s="222">
        <v>103</v>
      </c>
      <c r="AB34" s="213">
        <v>0</v>
      </c>
      <c r="AC34" s="221">
        <v>136</v>
      </c>
      <c r="AD34" s="221">
        <v>95</v>
      </c>
      <c r="AE34" s="221">
        <v>58</v>
      </c>
      <c r="AF34" s="221">
        <v>27</v>
      </c>
      <c r="AG34" s="221">
        <v>26</v>
      </c>
      <c r="AH34" s="222">
        <v>342</v>
      </c>
      <c r="AI34" s="223">
        <v>445</v>
      </c>
    </row>
    <row r="35" spans="2:35" ht="21" customHeight="1" x14ac:dyDescent="0.2">
      <c r="B35" s="49" t="s">
        <v>34</v>
      </c>
      <c r="C35" s="220">
        <v>20</v>
      </c>
      <c r="D35" s="221">
        <v>27</v>
      </c>
      <c r="E35" s="222">
        <v>47</v>
      </c>
      <c r="F35" s="213">
        <v>0</v>
      </c>
      <c r="G35" s="221">
        <v>97</v>
      </c>
      <c r="H35" s="221">
        <v>70</v>
      </c>
      <c r="I35" s="221">
        <v>33</v>
      </c>
      <c r="J35" s="221">
        <v>38</v>
      </c>
      <c r="K35" s="221">
        <v>17</v>
      </c>
      <c r="L35" s="222">
        <v>255</v>
      </c>
      <c r="M35" s="223">
        <v>302</v>
      </c>
      <c r="N35" s="224">
        <v>0</v>
      </c>
      <c r="O35" s="221">
        <v>0</v>
      </c>
      <c r="P35" s="222">
        <v>0</v>
      </c>
      <c r="Q35" s="213">
        <v>0</v>
      </c>
      <c r="R35" s="221">
        <v>3</v>
      </c>
      <c r="S35" s="221">
        <v>3</v>
      </c>
      <c r="T35" s="221">
        <v>1</v>
      </c>
      <c r="U35" s="221">
        <v>1</v>
      </c>
      <c r="V35" s="221">
        <v>1</v>
      </c>
      <c r="W35" s="222">
        <v>9</v>
      </c>
      <c r="X35" s="223">
        <v>9</v>
      </c>
      <c r="Y35" s="220">
        <v>20</v>
      </c>
      <c r="Z35" s="221">
        <v>27</v>
      </c>
      <c r="AA35" s="222">
        <v>47</v>
      </c>
      <c r="AB35" s="213">
        <v>0</v>
      </c>
      <c r="AC35" s="221">
        <v>100</v>
      </c>
      <c r="AD35" s="221">
        <v>73</v>
      </c>
      <c r="AE35" s="221">
        <v>34</v>
      </c>
      <c r="AF35" s="221">
        <v>39</v>
      </c>
      <c r="AG35" s="221">
        <v>18</v>
      </c>
      <c r="AH35" s="222">
        <v>264</v>
      </c>
      <c r="AI35" s="223">
        <v>311</v>
      </c>
    </row>
    <row r="36" spans="2:35" ht="21" customHeight="1" x14ac:dyDescent="0.2">
      <c r="B36" s="49" t="s">
        <v>35</v>
      </c>
      <c r="C36" s="220">
        <v>78</v>
      </c>
      <c r="D36" s="221">
        <v>116</v>
      </c>
      <c r="E36" s="222">
        <v>194</v>
      </c>
      <c r="F36" s="213">
        <v>0</v>
      </c>
      <c r="G36" s="221">
        <v>385</v>
      </c>
      <c r="H36" s="221">
        <v>232</v>
      </c>
      <c r="I36" s="221">
        <v>131</v>
      </c>
      <c r="J36" s="221">
        <v>129</v>
      </c>
      <c r="K36" s="221">
        <v>51</v>
      </c>
      <c r="L36" s="222">
        <v>928</v>
      </c>
      <c r="M36" s="223">
        <v>1122</v>
      </c>
      <c r="N36" s="224">
        <v>0</v>
      </c>
      <c r="O36" s="221">
        <v>1</v>
      </c>
      <c r="P36" s="222">
        <v>1</v>
      </c>
      <c r="Q36" s="213">
        <v>0</v>
      </c>
      <c r="R36" s="221">
        <v>2</v>
      </c>
      <c r="S36" s="221">
        <v>5</v>
      </c>
      <c r="T36" s="221">
        <v>2</v>
      </c>
      <c r="U36" s="221">
        <v>2</v>
      </c>
      <c r="V36" s="221">
        <v>1</v>
      </c>
      <c r="W36" s="222">
        <v>12</v>
      </c>
      <c r="X36" s="223">
        <v>13</v>
      </c>
      <c r="Y36" s="220">
        <v>78</v>
      </c>
      <c r="Z36" s="221">
        <v>117</v>
      </c>
      <c r="AA36" s="222">
        <v>195</v>
      </c>
      <c r="AB36" s="213">
        <v>0</v>
      </c>
      <c r="AC36" s="221">
        <v>387</v>
      </c>
      <c r="AD36" s="221">
        <v>237</v>
      </c>
      <c r="AE36" s="221">
        <v>133</v>
      </c>
      <c r="AF36" s="221">
        <v>131</v>
      </c>
      <c r="AG36" s="221">
        <v>52</v>
      </c>
      <c r="AH36" s="222">
        <v>940</v>
      </c>
      <c r="AI36" s="223">
        <v>1135</v>
      </c>
    </row>
    <row r="37" spans="2:35" ht="21" customHeight="1" x14ac:dyDescent="0.2">
      <c r="B37" s="49" t="s">
        <v>36</v>
      </c>
      <c r="C37" s="220">
        <v>47</v>
      </c>
      <c r="D37" s="221">
        <v>116</v>
      </c>
      <c r="E37" s="222">
        <v>163</v>
      </c>
      <c r="F37" s="213">
        <v>0</v>
      </c>
      <c r="G37" s="221">
        <v>290</v>
      </c>
      <c r="H37" s="221">
        <v>266</v>
      </c>
      <c r="I37" s="221">
        <v>142</v>
      </c>
      <c r="J37" s="221">
        <v>121</v>
      </c>
      <c r="K37" s="221">
        <v>77</v>
      </c>
      <c r="L37" s="222">
        <v>896</v>
      </c>
      <c r="M37" s="223">
        <v>1059</v>
      </c>
      <c r="N37" s="224">
        <v>1</v>
      </c>
      <c r="O37" s="221">
        <v>5</v>
      </c>
      <c r="P37" s="222">
        <v>6</v>
      </c>
      <c r="Q37" s="213">
        <v>0</v>
      </c>
      <c r="R37" s="221">
        <v>8</v>
      </c>
      <c r="S37" s="221">
        <v>3</v>
      </c>
      <c r="T37" s="221">
        <v>7</v>
      </c>
      <c r="U37" s="221">
        <v>2</v>
      </c>
      <c r="V37" s="221">
        <v>2</v>
      </c>
      <c r="W37" s="222">
        <v>22</v>
      </c>
      <c r="X37" s="223">
        <v>28</v>
      </c>
      <c r="Y37" s="220">
        <v>48</v>
      </c>
      <c r="Z37" s="221">
        <v>121</v>
      </c>
      <c r="AA37" s="222">
        <v>169</v>
      </c>
      <c r="AB37" s="213">
        <v>0</v>
      </c>
      <c r="AC37" s="221">
        <v>298</v>
      </c>
      <c r="AD37" s="221">
        <v>269</v>
      </c>
      <c r="AE37" s="221">
        <v>149</v>
      </c>
      <c r="AF37" s="221">
        <v>123</v>
      </c>
      <c r="AG37" s="221">
        <v>79</v>
      </c>
      <c r="AH37" s="222">
        <v>918</v>
      </c>
      <c r="AI37" s="223">
        <v>1087</v>
      </c>
    </row>
    <row r="38" spans="2:35" ht="21" customHeight="1" thickBot="1" x14ac:dyDescent="0.25">
      <c r="B38" s="50" t="s">
        <v>37</v>
      </c>
      <c r="C38" s="225">
        <v>14</v>
      </c>
      <c r="D38" s="226">
        <v>8</v>
      </c>
      <c r="E38" s="227">
        <v>22</v>
      </c>
      <c r="F38" s="214">
        <v>0</v>
      </c>
      <c r="G38" s="226">
        <v>24</v>
      </c>
      <c r="H38" s="226">
        <v>16</v>
      </c>
      <c r="I38" s="226">
        <v>26</v>
      </c>
      <c r="J38" s="226">
        <v>10</v>
      </c>
      <c r="K38" s="226">
        <v>4</v>
      </c>
      <c r="L38" s="227">
        <v>80</v>
      </c>
      <c r="M38" s="228">
        <v>102</v>
      </c>
      <c r="N38" s="229">
        <v>0</v>
      </c>
      <c r="O38" s="226">
        <v>0</v>
      </c>
      <c r="P38" s="227">
        <v>0</v>
      </c>
      <c r="Q38" s="214">
        <v>0</v>
      </c>
      <c r="R38" s="226">
        <v>1</v>
      </c>
      <c r="S38" s="226">
        <v>1</v>
      </c>
      <c r="T38" s="226">
        <v>1</v>
      </c>
      <c r="U38" s="226">
        <v>2</v>
      </c>
      <c r="V38" s="226">
        <v>0</v>
      </c>
      <c r="W38" s="227">
        <v>5</v>
      </c>
      <c r="X38" s="228">
        <v>5</v>
      </c>
      <c r="Y38" s="225">
        <v>14</v>
      </c>
      <c r="Z38" s="226">
        <v>8</v>
      </c>
      <c r="AA38" s="227">
        <v>22</v>
      </c>
      <c r="AB38" s="214">
        <v>0</v>
      </c>
      <c r="AC38" s="226">
        <v>25</v>
      </c>
      <c r="AD38" s="226">
        <v>17</v>
      </c>
      <c r="AE38" s="226">
        <v>27</v>
      </c>
      <c r="AF38" s="226">
        <v>12</v>
      </c>
      <c r="AG38" s="226">
        <v>4</v>
      </c>
      <c r="AH38" s="227">
        <v>85</v>
      </c>
      <c r="AI38" s="228">
        <v>107</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view="pageBreakPreview" zoomScale="60" zoomScaleNormal="100" workbookViewId="0">
      <pane xSplit="2" ySplit="6" topLeftCell="C16" activePane="bottomRight" state="frozen"/>
      <selection pane="topRight" activeCell="B1" sqref="B1"/>
      <selection pane="bottomLeft" activeCell="A7" sqref="A7"/>
      <selection pane="bottomRight" sqref="A1:A1048576"/>
    </sheetView>
  </sheetViews>
  <sheetFormatPr defaultColWidth="9" defaultRowHeight="13.2" x14ac:dyDescent="0.2"/>
  <cols>
    <col min="1" max="1" width="2.21875" style="255" customWidth="1"/>
    <col min="2" max="2" width="10.77734375" style="255" customWidth="1"/>
    <col min="3"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5</v>
      </c>
      <c r="J1" s="524"/>
      <c r="K1" s="248">
        <f>第１表!G2</f>
        <v>5</v>
      </c>
      <c r="L1" s="529">
        <f>IF(K1&lt;3,K1+12-2,K1-2)</f>
        <v>3</v>
      </c>
      <c r="M1" s="529"/>
    </row>
    <row r="2" spans="2:156" ht="24" customHeight="1" thickBot="1" x14ac:dyDescent="0.25">
      <c r="B2" s="290" t="s">
        <v>138</v>
      </c>
      <c r="G2" s="247"/>
      <c r="H2" s="248"/>
      <c r="J2" s="254"/>
      <c r="K2" s="254"/>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263" t="s">
        <v>43</v>
      </c>
      <c r="D5" s="259" t="s">
        <v>44</v>
      </c>
      <c r="E5" s="380" t="s">
        <v>45</v>
      </c>
      <c r="F5" s="267" t="s">
        <v>83</v>
      </c>
      <c r="G5" s="259" t="s">
        <v>47</v>
      </c>
      <c r="H5" s="259" t="s">
        <v>48</v>
      </c>
      <c r="I5" s="259" t="s">
        <v>49</v>
      </c>
      <c r="J5" s="259" t="s">
        <v>50</v>
      </c>
      <c r="K5" s="259" t="s">
        <v>51</v>
      </c>
      <c r="L5" s="268" t="s">
        <v>45</v>
      </c>
      <c r="M5" s="531"/>
      <c r="N5" s="263" t="s">
        <v>43</v>
      </c>
      <c r="O5" s="259" t="s">
        <v>44</v>
      </c>
      <c r="P5" s="265" t="s">
        <v>45</v>
      </c>
      <c r="Q5" s="267" t="s">
        <v>83</v>
      </c>
      <c r="R5" s="259" t="s">
        <v>47</v>
      </c>
      <c r="S5" s="259" t="s">
        <v>48</v>
      </c>
      <c r="T5" s="259" t="s">
        <v>49</v>
      </c>
      <c r="U5" s="259" t="s">
        <v>50</v>
      </c>
      <c r="V5" s="259" t="s">
        <v>51</v>
      </c>
      <c r="W5" s="265" t="s">
        <v>45</v>
      </c>
      <c r="X5" s="531"/>
      <c r="Y5" s="263" t="s">
        <v>43</v>
      </c>
      <c r="Z5" s="259" t="s">
        <v>44</v>
      </c>
      <c r="AA5" s="265" t="s">
        <v>45</v>
      </c>
      <c r="AB5" s="267" t="s">
        <v>83</v>
      </c>
      <c r="AC5" s="259" t="s">
        <v>47</v>
      </c>
      <c r="AD5" s="259" t="s">
        <v>48</v>
      </c>
      <c r="AE5" s="259" t="s">
        <v>49</v>
      </c>
      <c r="AF5" s="259" t="s">
        <v>50</v>
      </c>
      <c r="AG5" s="259" t="s">
        <v>51</v>
      </c>
      <c r="AH5" s="265" t="s">
        <v>45</v>
      </c>
      <c r="AI5" s="531"/>
      <c r="AJ5" s="263" t="s">
        <v>43</v>
      </c>
      <c r="AK5" s="259" t="s">
        <v>44</v>
      </c>
      <c r="AL5" s="265" t="s">
        <v>45</v>
      </c>
      <c r="AM5" s="267" t="s">
        <v>83</v>
      </c>
      <c r="AN5" s="259" t="s">
        <v>47</v>
      </c>
      <c r="AO5" s="259" t="s">
        <v>48</v>
      </c>
      <c r="AP5" s="259" t="s">
        <v>49</v>
      </c>
      <c r="AQ5" s="259" t="s">
        <v>50</v>
      </c>
      <c r="AR5" s="259" t="s">
        <v>51</v>
      </c>
      <c r="AS5" s="265" t="s">
        <v>45</v>
      </c>
      <c r="AT5" s="531"/>
      <c r="AU5" s="263" t="s">
        <v>43</v>
      </c>
      <c r="AV5" s="259" t="s">
        <v>44</v>
      </c>
      <c r="AW5" s="265" t="s">
        <v>45</v>
      </c>
      <c r="AX5" s="267" t="s">
        <v>83</v>
      </c>
      <c r="AY5" s="259" t="s">
        <v>47</v>
      </c>
      <c r="AZ5" s="259" t="s">
        <v>48</v>
      </c>
      <c r="BA5" s="259" t="s">
        <v>49</v>
      </c>
      <c r="BB5" s="259" t="s">
        <v>50</v>
      </c>
      <c r="BC5" s="259" t="s">
        <v>51</v>
      </c>
      <c r="BD5" s="268" t="s">
        <v>45</v>
      </c>
      <c r="BE5" s="531"/>
      <c r="BF5" s="263" t="s">
        <v>43</v>
      </c>
      <c r="BG5" s="259" t="s">
        <v>44</v>
      </c>
      <c r="BH5" s="265" t="s">
        <v>45</v>
      </c>
      <c r="BI5" s="267" t="s">
        <v>83</v>
      </c>
      <c r="BJ5" s="259" t="s">
        <v>47</v>
      </c>
      <c r="BK5" s="259" t="s">
        <v>48</v>
      </c>
      <c r="BL5" s="259" t="s">
        <v>49</v>
      </c>
      <c r="BM5" s="259" t="s">
        <v>50</v>
      </c>
      <c r="BN5" s="259" t="s">
        <v>51</v>
      </c>
      <c r="BO5" s="265" t="s">
        <v>45</v>
      </c>
      <c r="BP5" s="531"/>
      <c r="BQ5" s="263" t="s">
        <v>43</v>
      </c>
      <c r="BR5" s="259" t="s">
        <v>44</v>
      </c>
      <c r="BS5" s="265" t="s">
        <v>45</v>
      </c>
      <c r="BT5" s="267" t="s">
        <v>83</v>
      </c>
      <c r="BU5" s="259" t="s">
        <v>47</v>
      </c>
      <c r="BV5" s="259" t="s">
        <v>48</v>
      </c>
      <c r="BW5" s="259" t="s">
        <v>49</v>
      </c>
      <c r="BX5" s="259" t="s">
        <v>50</v>
      </c>
      <c r="BY5" s="259" t="s">
        <v>51</v>
      </c>
      <c r="BZ5" s="265" t="s">
        <v>45</v>
      </c>
      <c r="CA5" s="531"/>
      <c r="CB5" s="263" t="s">
        <v>43</v>
      </c>
      <c r="CC5" s="259" t="s">
        <v>44</v>
      </c>
      <c r="CD5" s="265" t="s">
        <v>45</v>
      </c>
      <c r="CE5" s="267" t="s">
        <v>83</v>
      </c>
      <c r="CF5" s="259" t="s">
        <v>47</v>
      </c>
      <c r="CG5" s="259" t="s">
        <v>48</v>
      </c>
      <c r="CH5" s="259" t="s">
        <v>49</v>
      </c>
      <c r="CI5" s="259" t="s">
        <v>50</v>
      </c>
      <c r="CJ5" s="259" t="s">
        <v>51</v>
      </c>
      <c r="CK5" s="265" t="s">
        <v>45</v>
      </c>
      <c r="CL5" s="531"/>
      <c r="CM5" s="263" t="s">
        <v>43</v>
      </c>
      <c r="CN5" s="259" t="s">
        <v>44</v>
      </c>
      <c r="CO5" s="265" t="s">
        <v>45</v>
      </c>
      <c r="CP5" s="267" t="s">
        <v>83</v>
      </c>
      <c r="CQ5" s="259" t="s">
        <v>47</v>
      </c>
      <c r="CR5" s="259" t="s">
        <v>48</v>
      </c>
      <c r="CS5" s="259" t="s">
        <v>49</v>
      </c>
      <c r="CT5" s="259" t="s">
        <v>50</v>
      </c>
      <c r="CU5" s="259" t="s">
        <v>51</v>
      </c>
      <c r="CV5" s="265" t="s">
        <v>45</v>
      </c>
      <c r="CW5" s="531"/>
      <c r="CX5" s="263" t="s">
        <v>43</v>
      </c>
      <c r="CY5" s="259" t="s">
        <v>44</v>
      </c>
      <c r="CZ5" s="265" t="s">
        <v>45</v>
      </c>
      <c r="DA5" s="267" t="s">
        <v>83</v>
      </c>
      <c r="DB5" s="259" t="s">
        <v>47</v>
      </c>
      <c r="DC5" s="259" t="s">
        <v>48</v>
      </c>
      <c r="DD5" s="259" t="s">
        <v>49</v>
      </c>
      <c r="DE5" s="259" t="s">
        <v>50</v>
      </c>
      <c r="DF5" s="259" t="s">
        <v>51</v>
      </c>
      <c r="DG5" s="265" t="s">
        <v>45</v>
      </c>
      <c r="DH5" s="531"/>
      <c r="DI5" s="342" t="s">
        <v>43</v>
      </c>
      <c r="DJ5" s="259" t="s">
        <v>44</v>
      </c>
      <c r="DK5" s="265" t="s">
        <v>45</v>
      </c>
      <c r="DL5" s="267" t="s">
        <v>83</v>
      </c>
      <c r="DM5" s="259" t="s">
        <v>47</v>
      </c>
      <c r="DN5" s="259" t="s">
        <v>48</v>
      </c>
      <c r="DO5" s="259" t="s">
        <v>49</v>
      </c>
      <c r="DP5" s="259" t="s">
        <v>50</v>
      </c>
      <c r="DQ5" s="259" t="s">
        <v>51</v>
      </c>
      <c r="DR5" s="265" t="s">
        <v>45</v>
      </c>
      <c r="DS5" s="531"/>
      <c r="DT5" s="263" t="s">
        <v>43</v>
      </c>
      <c r="DU5" s="259" t="s">
        <v>44</v>
      </c>
      <c r="DV5" s="265" t="s">
        <v>45</v>
      </c>
      <c r="DW5" s="267" t="s">
        <v>83</v>
      </c>
      <c r="DX5" s="259" t="s">
        <v>47</v>
      </c>
      <c r="DY5" s="259" t="s">
        <v>48</v>
      </c>
      <c r="DZ5" s="259" t="s">
        <v>49</v>
      </c>
      <c r="EA5" s="259" t="s">
        <v>50</v>
      </c>
      <c r="EB5" s="259" t="s">
        <v>51</v>
      </c>
      <c r="EC5" s="265" t="s">
        <v>45</v>
      </c>
      <c r="ED5" s="531"/>
      <c r="EE5" s="263" t="s">
        <v>43</v>
      </c>
      <c r="EF5" s="259" t="s">
        <v>44</v>
      </c>
      <c r="EG5" s="265" t="s">
        <v>45</v>
      </c>
      <c r="EH5" s="267" t="s">
        <v>83</v>
      </c>
      <c r="EI5" s="259" t="s">
        <v>47</v>
      </c>
      <c r="EJ5" s="259" t="s">
        <v>48</v>
      </c>
      <c r="EK5" s="259" t="s">
        <v>49</v>
      </c>
      <c r="EL5" s="259" t="s">
        <v>50</v>
      </c>
      <c r="EM5" s="259" t="s">
        <v>51</v>
      </c>
      <c r="EN5" s="265" t="s">
        <v>45</v>
      </c>
      <c r="EO5" s="531"/>
      <c r="EP5" s="263"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1</v>
      </c>
      <c r="D6" s="273">
        <v>2</v>
      </c>
      <c r="E6" s="381">
        <v>3</v>
      </c>
      <c r="F6" s="272">
        <v>0</v>
      </c>
      <c r="G6" s="273">
        <v>18913</v>
      </c>
      <c r="H6" s="273">
        <v>22557</v>
      </c>
      <c r="I6" s="273">
        <v>12550</v>
      </c>
      <c r="J6" s="273">
        <v>10028</v>
      </c>
      <c r="K6" s="273">
        <v>7576</v>
      </c>
      <c r="L6" s="274">
        <v>71624</v>
      </c>
      <c r="M6" s="275">
        <v>71627</v>
      </c>
      <c r="N6" s="269">
        <v>3</v>
      </c>
      <c r="O6" s="273">
        <v>19</v>
      </c>
      <c r="P6" s="270">
        <v>22</v>
      </c>
      <c r="Q6" s="272">
        <v>0</v>
      </c>
      <c r="R6" s="273">
        <v>126</v>
      </c>
      <c r="S6" s="273">
        <v>489</v>
      </c>
      <c r="T6" s="273">
        <v>839</v>
      </c>
      <c r="U6" s="273">
        <v>1954</v>
      </c>
      <c r="V6" s="273">
        <v>3404</v>
      </c>
      <c r="W6" s="270">
        <v>6812</v>
      </c>
      <c r="X6" s="275">
        <v>6834</v>
      </c>
      <c r="Y6" s="269">
        <v>2256</v>
      </c>
      <c r="Z6" s="273">
        <v>5395</v>
      </c>
      <c r="AA6" s="270">
        <v>7651</v>
      </c>
      <c r="AB6" s="272">
        <v>0</v>
      </c>
      <c r="AC6" s="273">
        <v>11524</v>
      </c>
      <c r="AD6" s="273">
        <v>16227</v>
      </c>
      <c r="AE6" s="273">
        <v>9990</v>
      </c>
      <c r="AF6" s="273">
        <v>8714</v>
      </c>
      <c r="AG6" s="273">
        <v>6618</v>
      </c>
      <c r="AH6" s="270">
        <v>53073</v>
      </c>
      <c r="AI6" s="275">
        <v>60724</v>
      </c>
      <c r="AJ6" s="269">
        <v>240</v>
      </c>
      <c r="AK6" s="273">
        <v>788</v>
      </c>
      <c r="AL6" s="270">
        <v>1028</v>
      </c>
      <c r="AM6" s="272">
        <v>0</v>
      </c>
      <c r="AN6" s="273">
        <v>1079</v>
      </c>
      <c r="AO6" s="273">
        <v>1704</v>
      </c>
      <c r="AP6" s="273">
        <v>1129</v>
      </c>
      <c r="AQ6" s="273">
        <v>982</v>
      </c>
      <c r="AR6" s="273">
        <v>603</v>
      </c>
      <c r="AS6" s="270">
        <v>5497</v>
      </c>
      <c r="AT6" s="275">
        <v>6525</v>
      </c>
      <c r="AU6" s="269">
        <v>2820</v>
      </c>
      <c r="AV6" s="273">
        <v>3855</v>
      </c>
      <c r="AW6" s="270">
        <v>6675</v>
      </c>
      <c r="AX6" s="272">
        <v>0</v>
      </c>
      <c r="AY6" s="273">
        <v>17818</v>
      </c>
      <c r="AZ6" s="273">
        <v>22060</v>
      </c>
      <c r="BA6" s="273">
        <v>19639</v>
      </c>
      <c r="BB6" s="273">
        <v>19128</v>
      </c>
      <c r="BC6" s="273">
        <v>14598</v>
      </c>
      <c r="BD6" s="274">
        <v>93243</v>
      </c>
      <c r="BE6" s="275">
        <v>99918</v>
      </c>
      <c r="BF6" s="269">
        <v>0</v>
      </c>
      <c r="BG6" s="273">
        <v>0</v>
      </c>
      <c r="BH6" s="270">
        <v>0</v>
      </c>
      <c r="BI6" s="272">
        <v>0</v>
      </c>
      <c r="BJ6" s="273">
        <v>21572</v>
      </c>
      <c r="BK6" s="273">
        <v>20330</v>
      </c>
      <c r="BL6" s="273">
        <v>10851</v>
      </c>
      <c r="BM6" s="273">
        <v>6467</v>
      </c>
      <c r="BN6" s="273">
        <v>3064</v>
      </c>
      <c r="BO6" s="270">
        <v>62284</v>
      </c>
      <c r="BP6" s="275">
        <v>62284</v>
      </c>
      <c r="BQ6" s="269">
        <v>1626</v>
      </c>
      <c r="BR6" s="273">
        <v>2553</v>
      </c>
      <c r="BS6" s="270">
        <v>4179</v>
      </c>
      <c r="BT6" s="272">
        <v>0</v>
      </c>
      <c r="BU6" s="273">
        <v>4393</v>
      </c>
      <c r="BV6" s="273">
        <v>6412</v>
      </c>
      <c r="BW6" s="273">
        <v>3695</v>
      </c>
      <c r="BX6" s="273">
        <v>2346</v>
      </c>
      <c r="BY6" s="273">
        <v>874</v>
      </c>
      <c r="BZ6" s="270">
        <v>17720</v>
      </c>
      <c r="CA6" s="275">
        <v>21899</v>
      </c>
      <c r="CB6" s="269">
        <v>80</v>
      </c>
      <c r="CC6" s="273">
        <v>202</v>
      </c>
      <c r="CD6" s="270">
        <v>282</v>
      </c>
      <c r="CE6" s="272">
        <v>0</v>
      </c>
      <c r="CF6" s="273">
        <v>2171</v>
      </c>
      <c r="CG6" s="273">
        <v>3634</v>
      </c>
      <c r="CH6" s="273">
        <v>4548</v>
      </c>
      <c r="CI6" s="273">
        <v>3206</v>
      </c>
      <c r="CJ6" s="273">
        <v>1773</v>
      </c>
      <c r="CK6" s="270">
        <v>15332</v>
      </c>
      <c r="CL6" s="275">
        <v>15614</v>
      </c>
      <c r="CM6" s="269">
        <v>2</v>
      </c>
      <c r="CN6" s="273">
        <v>18</v>
      </c>
      <c r="CO6" s="270">
        <v>20</v>
      </c>
      <c r="CP6" s="272">
        <v>0</v>
      </c>
      <c r="CQ6" s="273">
        <v>208</v>
      </c>
      <c r="CR6" s="273">
        <v>489</v>
      </c>
      <c r="CS6" s="273">
        <v>544</v>
      </c>
      <c r="CT6" s="273">
        <v>488</v>
      </c>
      <c r="CU6" s="273">
        <v>319</v>
      </c>
      <c r="CV6" s="270">
        <v>2048</v>
      </c>
      <c r="CW6" s="275">
        <v>2068</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10773</v>
      </c>
      <c r="DU6" s="273">
        <v>22774</v>
      </c>
      <c r="DV6" s="270">
        <v>33547</v>
      </c>
      <c r="DW6" s="272">
        <v>0</v>
      </c>
      <c r="DX6" s="273">
        <v>26746</v>
      </c>
      <c r="DY6" s="273">
        <v>44867</v>
      </c>
      <c r="DZ6" s="273">
        <v>26728</v>
      </c>
      <c r="EA6" s="273">
        <v>20629</v>
      </c>
      <c r="EB6" s="273">
        <v>13138</v>
      </c>
      <c r="EC6" s="270">
        <v>132108</v>
      </c>
      <c r="ED6" s="275">
        <v>165655</v>
      </c>
      <c r="EE6" s="269">
        <v>1638</v>
      </c>
      <c r="EF6" s="273">
        <v>1258</v>
      </c>
      <c r="EG6" s="270">
        <v>2896</v>
      </c>
      <c r="EH6" s="272">
        <v>0</v>
      </c>
      <c r="EI6" s="273">
        <v>5935</v>
      </c>
      <c r="EJ6" s="273">
        <v>5316</v>
      </c>
      <c r="EK6" s="273">
        <v>4771</v>
      </c>
      <c r="EL6" s="273">
        <v>5481</v>
      </c>
      <c r="EM6" s="273">
        <v>3166</v>
      </c>
      <c r="EN6" s="270">
        <v>24669</v>
      </c>
      <c r="EO6" s="275">
        <v>27565</v>
      </c>
      <c r="EP6" s="269">
        <v>13878</v>
      </c>
      <c r="EQ6" s="273">
        <v>27101</v>
      </c>
      <c r="ER6" s="270">
        <v>40979</v>
      </c>
      <c r="ES6" s="272">
        <v>0</v>
      </c>
      <c r="ET6" s="273">
        <v>56743</v>
      </c>
      <c r="EU6" s="273">
        <v>59923</v>
      </c>
      <c r="EV6" s="273">
        <v>31797</v>
      </c>
      <c r="EW6" s="273">
        <v>22143</v>
      </c>
      <c r="EX6" s="273">
        <v>13490</v>
      </c>
      <c r="EY6" s="270">
        <v>184096</v>
      </c>
      <c r="EZ6" s="275">
        <v>225075</v>
      </c>
    </row>
    <row r="7" spans="2:156" ht="21" customHeight="1" x14ac:dyDescent="0.2">
      <c r="B7" s="261" t="s">
        <v>5</v>
      </c>
      <c r="C7" s="276">
        <v>1</v>
      </c>
      <c r="D7" s="280">
        <v>1</v>
      </c>
      <c r="E7" s="382">
        <v>2</v>
      </c>
      <c r="F7" s="279">
        <v>0</v>
      </c>
      <c r="G7" s="280">
        <v>6747</v>
      </c>
      <c r="H7" s="280">
        <v>11100</v>
      </c>
      <c r="I7" s="280">
        <v>5466</v>
      </c>
      <c r="J7" s="280">
        <v>4156</v>
      </c>
      <c r="K7" s="280">
        <v>3093</v>
      </c>
      <c r="L7" s="281">
        <v>30562</v>
      </c>
      <c r="M7" s="282">
        <v>30564</v>
      </c>
      <c r="N7" s="276">
        <v>2</v>
      </c>
      <c r="O7" s="280">
        <v>4</v>
      </c>
      <c r="P7" s="277">
        <v>6</v>
      </c>
      <c r="Q7" s="279">
        <v>0</v>
      </c>
      <c r="R7" s="280">
        <v>23</v>
      </c>
      <c r="S7" s="280">
        <v>175</v>
      </c>
      <c r="T7" s="280">
        <v>306</v>
      </c>
      <c r="U7" s="280">
        <v>772</v>
      </c>
      <c r="V7" s="280">
        <v>1457</v>
      </c>
      <c r="W7" s="277">
        <v>2733</v>
      </c>
      <c r="X7" s="282">
        <v>2739</v>
      </c>
      <c r="Y7" s="276">
        <v>984</v>
      </c>
      <c r="Z7" s="280">
        <v>2774</v>
      </c>
      <c r="AA7" s="277">
        <v>3758</v>
      </c>
      <c r="AB7" s="279">
        <v>0</v>
      </c>
      <c r="AC7" s="280">
        <v>4183</v>
      </c>
      <c r="AD7" s="280">
        <v>8156</v>
      </c>
      <c r="AE7" s="280">
        <v>4669</v>
      </c>
      <c r="AF7" s="280">
        <v>3888</v>
      </c>
      <c r="AG7" s="280">
        <v>2923</v>
      </c>
      <c r="AH7" s="277">
        <v>23819</v>
      </c>
      <c r="AI7" s="282">
        <v>27577</v>
      </c>
      <c r="AJ7" s="276">
        <v>106</v>
      </c>
      <c r="AK7" s="280">
        <v>403</v>
      </c>
      <c r="AL7" s="277">
        <v>509</v>
      </c>
      <c r="AM7" s="279">
        <v>0</v>
      </c>
      <c r="AN7" s="280">
        <v>274</v>
      </c>
      <c r="AO7" s="280">
        <v>688</v>
      </c>
      <c r="AP7" s="280">
        <v>466</v>
      </c>
      <c r="AQ7" s="280">
        <v>400</v>
      </c>
      <c r="AR7" s="280">
        <v>220</v>
      </c>
      <c r="AS7" s="277">
        <v>2048</v>
      </c>
      <c r="AT7" s="282">
        <v>2557</v>
      </c>
      <c r="AU7" s="276">
        <v>1187</v>
      </c>
      <c r="AV7" s="280">
        <v>1858</v>
      </c>
      <c r="AW7" s="277">
        <v>3045</v>
      </c>
      <c r="AX7" s="279">
        <v>0</v>
      </c>
      <c r="AY7" s="280">
        <v>6525</v>
      </c>
      <c r="AZ7" s="280">
        <v>9643</v>
      </c>
      <c r="BA7" s="280">
        <v>7942</v>
      </c>
      <c r="BB7" s="280">
        <v>7732</v>
      </c>
      <c r="BC7" s="280">
        <v>6004</v>
      </c>
      <c r="BD7" s="281">
        <v>37846</v>
      </c>
      <c r="BE7" s="282">
        <v>40891</v>
      </c>
      <c r="BF7" s="276">
        <v>0</v>
      </c>
      <c r="BG7" s="280">
        <v>0</v>
      </c>
      <c r="BH7" s="277">
        <v>0</v>
      </c>
      <c r="BI7" s="279">
        <v>0</v>
      </c>
      <c r="BJ7" s="280">
        <v>6804</v>
      </c>
      <c r="BK7" s="280">
        <v>8323</v>
      </c>
      <c r="BL7" s="280">
        <v>4067</v>
      </c>
      <c r="BM7" s="280">
        <v>2282</v>
      </c>
      <c r="BN7" s="280">
        <v>1099</v>
      </c>
      <c r="BO7" s="277">
        <v>22575</v>
      </c>
      <c r="BP7" s="282">
        <v>22575</v>
      </c>
      <c r="BQ7" s="276">
        <v>698</v>
      </c>
      <c r="BR7" s="280">
        <v>1145</v>
      </c>
      <c r="BS7" s="277">
        <v>1843</v>
      </c>
      <c r="BT7" s="279">
        <v>0</v>
      </c>
      <c r="BU7" s="280">
        <v>1357</v>
      </c>
      <c r="BV7" s="280">
        <v>2893</v>
      </c>
      <c r="BW7" s="280">
        <v>1642</v>
      </c>
      <c r="BX7" s="280">
        <v>1009</v>
      </c>
      <c r="BY7" s="280">
        <v>388</v>
      </c>
      <c r="BZ7" s="277">
        <v>7289</v>
      </c>
      <c r="CA7" s="282">
        <v>9132</v>
      </c>
      <c r="CB7" s="276">
        <v>32</v>
      </c>
      <c r="CC7" s="280">
        <v>82</v>
      </c>
      <c r="CD7" s="277">
        <v>114</v>
      </c>
      <c r="CE7" s="279">
        <v>0</v>
      </c>
      <c r="CF7" s="280">
        <v>624</v>
      </c>
      <c r="CG7" s="280">
        <v>1343</v>
      </c>
      <c r="CH7" s="280">
        <v>1674</v>
      </c>
      <c r="CI7" s="280">
        <v>1184</v>
      </c>
      <c r="CJ7" s="280">
        <v>656</v>
      </c>
      <c r="CK7" s="277">
        <v>5481</v>
      </c>
      <c r="CL7" s="282">
        <v>5595</v>
      </c>
      <c r="CM7" s="276">
        <v>2</v>
      </c>
      <c r="CN7" s="280">
        <v>10</v>
      </c>
      <c r="CO7" s="277">
        <v>12</v>
      </c>
      <c r="CP7" s="279">
        <v>0</v>
      </c>
      <c r="CQ7" s="280">
        <v>87</v>
      </c>
      <c r="CR7" s="280">
        <v>293</v>
      </c>
      <c r="CS7" s="280">
        <v>295</v>
      </c>
      <c r="CT7" s="280">
        <v>257</v>
      </c>
      <c r="CU7" s="280">
        <v>184</v>
      </c>
      <c r="CV7" s="277">
        <v>1116</v>
      </c>
      <c r="CW7" s="282">
        <v>1128</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3677</v>
      </c>
      <c r="DU7" s="280">
        <v>9715</v>
      </c>
      <c r="DV7" s="277">
        <v>13392</v>
      </c>
      <c r="DW7" s="279">
        <v>0</v>
      </c>
      <c r="DX7" s="280">
        <v>7576</v>
      </c>
      <c r="DY7" s="280">
        <v>19855</v>
      </c>
      <c r="DZ7" s="280">
        <v>10862</v>
      </c>
      <c r="EA7" s="280">
        <v>8171</v>
      </c>
      <c r="EB7" s="280">
        <v>5311</v>
      </c>
      <c r="EC7" s="277">
        <v>51775</v>
      </c>
      <c r="ED7" s="282">
        <v>65167</v>
      </c>
      <c r="EE7" s="276">
        <v>690</v>
      </c>
      <c r="EF7" s="280">
        <v>541</v>
      </c>
      <c r="EG7" s="277">
        <v>1231</v>
      </c>
      <c r="EH7" s="279">
        <v>0</v>
      </c>
      <c r="EI7" s="280">
        <v>2383</v>
      </c>
      <c r="EJ7" s="280">
        <v>2534</v>
      </c>
      <c r="EK7" s="280">
        <v>2093</v>
      </c>
      <c r="EL7" s="280">
        <v>2424</v>
      </c>
      <c r="EM7" s="280">
        <v>1354</v>
      </c>
      <c r="EN7" s="277">
        <v>10788</v>
      </c>
      <c r="EO7" s="282">
        <v>12019</v>
      </c>
      <c r="EP7" s="276">
        <v>5064</v>
      </c>
      <c r="EQ7" s="280">
        <v>11910</v>
      </c>
      <c r="ER7" s="277">
        <v>16974</v>
      </c>
      <c r="ES7" s="279">
        <v>0</v>
      </c>
      <c r="ET7" s="280">
        <v>18606</v>
      </c>
      <c r="EU7" s="280">
        <v>26976</v>
      </c>
      <c r="EV7" s="280">
        <v>13150</v>
      </c>
      <c r="EW7" s="280">
        <v>8949</v>
      </c>
      <c r="EX7" s="280">
        <v>5517</v>
      </c>
      <c r="EY7" s="277">
        <v>73198</v>
      </c>
      <c r="EZ7" s="282">
        <v>90172</v>
      </c>
    </row>
    <row r="8" spans="2:156" ht="21" customHeight="1" x14ac:dyDescent="0.2">
      <c r="B8" s="261" t="s">
        <v>6</v>
      </c>
      <c r="C8" s="276">
        <v>0</v>
      </c>
      <c r="D8" s="280">
        <v>1</v>
      </c>
      <c r="E8" s="382">
        <v>1</v>
      </c>
      <c r="F8" s="279">
        <v>0</v>
      </c>
      <c r="G8" s="280">
        <v>3336</v>
      </c>
      <c r="H8" s="280">
        <v>2883</v>
      </c>
      <c r="I8" s="280">
        <v>1837</v>
      </c>
      <c r="J8" s="280">
        <v>1535</v>
      </c>
      <c r="K8" s="280">
        <v>1239</v>
      </c>
      <c r="L8" s="281">
        <v>10830</v>
      </c>
      <c r="M8" s="282">
        <v>10831</v>
      </c>
      <c r="N8" s="276">
        <v>0</v>
      </c>
      <c r="O8" s="280">
        <v>3</v>
      </c>
      <c r="P8" s="277">
        <v>3</v>
      </c>
      <c r="Q8" s="279">
        <v>0</v>
      </c>
      <c r="R8" s="280">
        <v>21</v>
      </c>
      <c r="S8" s="280">
        <v>65</v>
      </c>
      <c r="T8" s="280">
        <v>114</v>
      </c>
      <c r="U8" s="280">
        <v>274</v>
      </c>
      <c r="V8" s="280">
        <v>496</v>
      </c>
      <c r="W8" s="277">
        <v>970</v>
      </c>
      <c r="X8" s="282">
        <v>973</v>
      </c>
      <c r="Y8" s="276">
        <v>330</v>
      </c>
      <c r="Z8" s="280">
        <v>696</v>
      </c>
      <c r="AA8" s="277">
        <v>1026</v>
      </c>
      <c r="AB8" s="279">
        <v>0</v>
      </c>
      <c r="AC8" s="280">
        <v>2113</v>
      </c>
      <c r="AD8" s="280">
        <v>2097</v>
      </c>
      <c r="AE8" s="280">
        <v>1396</v>
      </c>
      <c r="AF8" s="280">
        <v>1302</v>
      </c>
      <c r="AG8" s="280">
        <v>997</v>
      </c>
      <c r="AH8" s="277">
        <v>7905</v>
      </c>
      <c r="AI8" s="282">
        <v>8931</v>
      </c>
      <c r="AJ8" s="276">
        <v>14</v>
      </c>
      <c r="AK8" s="280">
        <v>58</v>
      </c>
      <c r="AL8" s="277">
        <v>72</v>
      </c>
      <c r="AM8" s="279">
        <v>0</v>
      </c>
      <c r="AN8" s="280">
        <v>165</v>
      </c>
      <c r="AO8" s="280">
        <v>198</v>
      </c>
      <c r="AP8" s="280">
        <v>122</v>
      </c>
      <c r="AQ8" s="280">
        <v>132</v>
      </c>
      <c r="AR8" s="280">
        <v>68</v>
      </c>
      <c r="AS8" s="277">
        <v>685</v>
      </c>
      <c r="AT8" s="282">
        <v>757</v>
      </c>
      <c r="AU8" s="276">
        <v>470</v>
      </c>
      <c r="AV8" s="280">
        <v>541</v>
      </c>
      <c r="AW8" s="277">
        <v>1011</v>
      </c>
      <c r="AX8" s="279">
        <v>0</v>
      </c>
      <c r="AY8" s="280">
        <v>3344</v>
      </c>
      <c r="AZ8" s="280">
        <v>3467</v>
      </c>
      <c r="BA8" s="280">
        <v>3283</v>
      </c>
      <c r="BB8" s="280">
        <v>3184</v>
      </c>
      <c r="BC8" s="280">
        <v>2511</v>
      </c>
      <c r="BD8" s="281">
        <v>15789</v>
      </c>
      <c r="BE8" s="282">
        <v>16800</v>
      </c>
      <c r="BF8" s="276">
        <v>0</v>
      </c>
      <c r="BG8" s="280">
        <v>0</v>
      </c>
      <c r="BH8" s="277">
        <v>0</v>
      </c>
      <c r="BI8" s="279">
        <v>0</v>
      </c>
      <c r="BJ8" s="280">
        <v>3636</v>
      </c>
      <c r="BK8" s="280">
        <v>2629</v>
      </c>
      <c r="BL8" s="280">
        <v>1524</v>
      </c>
      <c r="BM8" s="280">
        <v>1039</v>
      </c>
      <c r="BN8" s="280">
        <v>496</v>
      </c>
      <c r="BO8" s="277">
        <v>9324</v>
      </c>
      <c r="BP8" s="282">
        <v>9324</v>
      </c>
      <c r="BQ8" s="276">
        <v>106</v>
      </c>
      <c r="BR8" s="280">
        <v>204</v>
      </c>
      <c r="BS8" s="277">
        <v>310</v>
      </c>
      <c r="BT8" s="279">
        <v>0</v>
      </c>
      <c r="BU8" s="280">
        <v>578</v>
      </c>
      <c r="BV8" s="280">
        <v>688</v>
      </c>
      <c r="BW8" s="280">
        <v>454</v>
      </c>
      <c r="BX8" s="280">
        <v>342</v>
      </c>
      <c r="BY8" s="280">
        <v>128</v>
      </c>
      <c r="BZ8" s="277">
        <v>2190</v>
      </c>
      <c r="CA8" s="282">
        <v>2500</v>
      </c>
      <c r="CB8" s="276">
        <v>7</v>
      </c>
      <c r="CC8" s="280">
        <v>22</v>
      </c>
      <c r="CD8" s="277">
        <v>29</v>
      </c>
      <c r="CE8" s="279">
        <v>0</v>
      </c>
      <c r="CF8" s="280">
        <v>282</v>
      </c>
      <c r="CG8" s="280">
        <v>404</v>
      </c>
      <c r="CH8" s="280">
        <v>545</v>
      </c>
      <c r="CI8" s="280">
        <v>397</v>
      </c>
      <c r="CJ8" s="280">
        <v>251</v>
      </c>
      <c r="CK8" s="277">
        <v>1879</v>
      </c>
      <c r="CL8" s="282">
        <v>1908</v>
      </c>
      <c r="CM8" s="276">
        <v>0</v>
      </c>
      <c r="CN8" s="280">
        <v>2</v>
      </c>
      <c r="CO8" s="277">
        <v>2</v>
      </c>
      <c r="CP8" s="279">
        <v>0</v>
      </c>
      <c r="CQ8" s="280">
        <v>32</v>
      </c>
      <c r="CR8" s="280">
        <v>50</v>
      </c>
      <c r="CS8" s="280">
        <v>69</v>
      </c>
      <c r="CT8" s="280">
        <v>68</v>
      </c>
      <c r="CU8" s="280">
        <v>43</v>
      </c>
      <c r="CV8" s="277">
        <v>262</v>
      </c>
      <c r="CW8" s="282">
        <v>264</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561</v>
      </c>
      <c r="DU8" s="280">
        <v>2778</v>
      </c>
      <c r="DV8" s="277">
        <v>4339</v>
      </c>
      <c r="DW8" s="279">
        <v>0</v>
      </c>
      <c r="DX8" s="280">
        <v>4892</v>
      </c>
      <c r="DY8" s="280">
        <v>5699</v>
      </c>
      <c r="DZ8" s="280">
        <v>3899</v>
      </c>
      <c r="EA8" s="280">
        <v>3225</v>
      </c>
      <c r="EB8" s="280">
        <v>2118</v>
      </c>
      <c r="EC8" s="277">
        <v>19833</v>
      </c>
      <c r="ED8" s="282">
        <v>24172</v>
      </c>
      <c r="EE8" s="276">
        <v>246</v>
      </c>
      <c r="EF8" s="280">
        <v>171</v>
      </c>
      <c r="EG8" s="277">
        <v>417</v>
      </c>
      <c r="EH8" s="279">
        <v>0</v>
      </c>
      <c r="EI8" s="280">
        <v>864</v>
      </c>
      <c r="EJ8" s="280">
        <v>677</v>
      </c>
      <c r="EK8" s="280">
        <v>685</v>
      </c>
      <c r="EL8" s="280">
        <v>779</v>
      </c>
      <c r="EM8" s="280">
        <v>482</v>
      </c>
      <c r="EN8" s="277">
        <v>3487</v>
      </c>
      <c r="EO8" s="282">
        <v>3904</v>
      </c>
      <c r="EP8" s="276">
        <v>1885</v>
      </c>
      <c r="EQ8" s="280">
        <v>3258</v>
      </c>
      <c r="ER8" s="277">
        <v>5143</v>
      </c>
      <c r="ES8" s="279">
        <v>0</v>
      </c>
      <c r="ET8" s="280">
        <v>9441</v>
      </c>
      <c r="EU8" s="280">
        <v>7383</v>
      </c>
      <c r="EV8" s="280">
        <v>4470</v>
      </c>
      <c r="EW8" s="280">
        <v>3384</v>
      </c>
      <c r="EX8" s="280">
        <v>2166</v>
      </c>
      <c r="EY8" s="277">
        <v>26844</v>
      </c>
      <c r="EZ8" s="282">
        <v>31987</v>
      </c>
    </row>
    <row r="9" spans="2:156" ht="21" customHeight="1" x14ac:dyDescent="0.2">
      <c r="B9" s="261" t="s">
        <v>14</v>
      </c>
      <c r="C9" s="276">
        <v>0</v>
      </c>
      <c r="D9" s="280">
        <v>0</v>
      </c>
      <c r="E9" s="382">
        <v>0</v>
      </c>
      <c r="F9" s="279">
        <v>0</v>
      </c>
      <c r="G9" s="280">
        <v>1113</v>
      </c>
      <c r="H9" s="280">
        <v>1689</v>
      </c>
      <c r="I9" s="280">
        <v>976</v>
      </c>
      <c r="J9" s="280">
        <v>681</v>
      </c>
      <c r="K9" s="280">
        <v>499</v>
      </c>
      <c r="L9" s="281">
        <v>4958</v>
      </c>
      <c r="M9" s="282">
        <v>4958</v>
      </c>
      <c r="N9" s="276">
        <v>0</v>
      </c>
      <c r="O9" s="280">
        <v>2</v>
      </c>
      <c r="P9" s="277">
        <v>2</v>
      </c>
      <c r="Q9" s="279">
        <v>0</v>
      </c>
      <c r="R9" s="280">
        <v>4</v>
      </c>
      <c r="S9" s="280">
        <v>34</v>
      </c>
      <c r="T9" s="280">
        <v>53</v>
      </c>
      <c r="U9" s="280">
        <v>122</v>
      </c>
      <c r="V9" s="280">
        <v>203</v>
      </c>
      <c r="W9" s="277">
        <v>416</v>
      </c>
      <c r="X9" s="282">
        <v>418</v>
      </c>
      <c r="Y9" s="276">
        <v>112</v>
      </c>
      <c r="Z9" s="280">
        <v>410</v>
      </c>
      <c r="AA9" s="277">
        <v>522</v>
      </c>
      <c r="AB9" s="279">
        <v>0</v>
      </c>
      <c r="AC9" s="280">
        <v>647</v>
      </c>
      <c r="AD9" s="280">
        <v>1157</v>
      </c>
      <c r="AE9" s="280">
        <v>734</v>
      </c>
      <c r="AF9" s="280">
        <v>601</v>
      </c>
      <c r="AG9" s="280">
        <v>444</v>
      </c>
      <c r="AH9" s="277">
        <v>3583</v>
      </c>
      <c r="AI9" s="282">
        <v>4105</v>
      </c>
      <c r="AJ9" s="276">
        <v>6</v>
      </c>
      <c r="AK9" s="280">
        <v>42</v>
      </c>
      <c r="AL9" s="277">
        <v>48</v>
      </c>
      <c r="AM9" s="279">
        <v>0</v>
      </c>
      <c r="AN9" s="280">
        <v>24</v>
      </c>
      <c r="AO9" s="280">
        <v>73</v>
      </c>
      <c r="AP9" s="280">
        <v>52</v>
      </c>
      <c r="AQ9" s="280">
        <v>48</v>
      </c>
      <c r="AR9" s="280">
        <v>21</v>
      </c>
      <c r="AS9" s="277">
        <v>218</v>
      </c>
      <c r="AT9" s="282">
        <v>266</v>
      </c>
      <c r="AU9" s="276">
        <v>180</v>
      </c>
      <c r="AV9" s="280">
        <v>343</v>
      </c>
      <c r="AW9" s="277">
        <v>523</v>
      </c>
      <c r="AX9" s="279">
        <v>0</v>
      </c>
      <c r="AY9" s="280">
        <v>1204</v>
      </c>
      <c r="AZ9" s="280">
        <v>1720</v>
      </c>
      <c r="BA9" s="280">
        <v>1690</v>
      </c>
      <c r="BB9" s="280">
        <v>1417</v>
      </c>
      <c r="BC9" s="280">
        <v>1026</v>
      </c>
      <c r="BD9" s="281">
        <v>7057</v>
      </c>
      <c r="BE9" s="282">
        <v>7580</v>
      </c>
      <c r="BF9" s="276">
        <v>0</v>
      </c>
      <c r="BG9" s="280">
        <v>0</v>
      </c>
      <c r="BH9" s="277">
        <v>0</v>
      </c>
      <c r="BI9" s="279">
        <v>0</v>
      </c>
      <c r="BJ9" s="280">
        <v>1526</v>
      </c>
      <c r="BK9" s="280">
        <v>1780</v>
      </c>
      <c r="BL9" s="280">
        <v>1133</v>
      </c>
      <c r="BM9" s="280">
        <v>571</v>
      </c>
      <c r="BN9" s="280">
        <v>297</v>
      </c>
      <c r="BO9" s="277">
        <v>5307</v>
      </c>
      <c r="BP9" s="282">
        <v>5307</v>
      </c>
      <c r="BQ9" s="276">
        <v>76</v>
      </c>
      <c r="BR9" s="280">
        <v>168</v>
      </c>
      <c r="BS9" s="277">
        <v>244</v>
      </c>
      <c r="BT9" s="279">
        <v>0</v>
      </c>
      <c r="BU9" s="280">
        <v>158</v>
      </c>
      <c r="BV9" s="280">
        <v>419</v>
      </c>
      <c r="BW9" s="280">
        <v>253</v>
      </c>
      <c r="BX9" s="280">
        <v>137</v>
      </c>
      <c r="BY9" s="280">
        <v>46</v>
      </c>
      <c r="BZ9" s="277">
        <v>1013</v>
      </c>
      <c r="CA9" s="282">
        <v>1257</v>
      </c>
      <c r="CB9" s="276">
        <v>3</v>
      </c>
      <c r="CC9" s="280">
        <v>16</v>
      </c>
      <c r="CD9" s="277">
        <v>19</v>
      </c>
      <c r="CE9" s="279">
        <v>0</v>
      </c>
      <c r="CF9" s="280">
        <v>124</v>
      </c>
      <c r="CG9" s="280">
        <v>267</v>
      </c>
      <c r="CH9" s="280">
        <v>359</v>
      </c>
      <c r="CI9" s="280">
        <v>290</v>
      </c>
      <c r="CJ9" s="280">
        <v>159</v>
      </c>
      <c r="CK9" s="277">
        <v>1199</v>
      </c>
      <c r="CL9" s="282">
        <v>1218</v>
      </c>
      <c r="CM9" s="276">
        <v>0</v>
      </c>
      <c r="CN9" s="280">
        <v>0</v>
      </c>
      <c r="CO9" s="277">
        <v>0</v>
      </c>
      <c r="CP9" s="279">
        <v>0</v>
      </c>
      <c r="CQ9" s="280">
        <v>0</v>
      </c>
      <c r="CR9" s="280">
        <v>7</v>
      </c>
      <c r="CS9" s="280">
        <v>8</v>
      </c>
      <c r="CT9" s="280">
        <v>8</v>
      </c>
      <c r="CU9" s="280">
        <v>2</v>
      </c>
      <c r="CV9" s="277">
        <v>25</v>
      </c>
      <c r="CW9" s="282">
        <v>25</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819</v>
      </c>
      <c r="DU9" s="280">
        <v>2309</v>
      </c>
      <c r="DV9" s="277">
        <v>3128</v>
      </c>
      <c r="DW9" s="279">
        <v>0</v>
      </c>
      <c r="DX9" s="280">
        <v>1714</v>
      </c>
      <c r="DY9" s="280">
        <v>3757</v>
      </c>
      <c r="DZ9" s="280">
        <v>2341</v>
      </c>
      <c r="EA9" s="280">
        <v>1617</v>
      </c>
      <c r="EB9" s="280">
        <v>947</v>
      </c>
      <c r="EC9" s="277">
        <v>10376</v>
      </c>
      <c r="ED9" s="282">
        <v>13504</v>
      </c>
      <c r="EE9" s="276">
        <v>110</v>
      </c>
      <c r="EF9" s="280">
        <v>118</v>
      </c>
      <c r="EG9" s="277">
        <v>228</v>
      </c>
      <c r="EH9" s="279">
        <v>0</v>
      </c>
      <c r="EI9" s="280">
        <v>332</v>
      </c>
      <c r="EJ9" s="280">
        <v>281</v>
      </c>
      <c r="EK9" s="280">
        <v>284</v>
      </c>
      <c r="EL9" s="280">
        <v>305</v>
      </c>
      <c r="EM9" s="280">
        <v>165</v>
      </c>
      <c r="EN9" s="277">
        <v>1367</v>
      </c>
      <c r="EO9" s="282">
        <v>1595</v>
      </c>
      <c r="EP9" s="276">
        <v>960</v>
      </c>
      <c r="EQ9" s="280">
        <v>2588</v>
      </c>
      <c r="ER9" s="277">
        <v>3548</v>
      </c>
      <c r="ES9" s="279">
        <v>0</v>
      </c>
      <c r="ET9" s="280">
        <v>3733</v>
      </c>
      <c r="EU9" s="280">
        <v>4987</v>
      </c>
      <c r="EV9" s="280">
        <v>2804</v>
      </c>
      <c r="EW9" s="280">
        <v>1729</v>
      </c>
      <c r="EX9" s="280">
        <v>1012</v>
      </c>
      <c r="EY9" s="277">
        <v>14265</v>
      </c>
      <c r="EZ9" s="282">
        <v>17813</v>
      </c>
    </row>
    <row r="10" spans="2:156" ht="21" customHeight="1" x14ac:dyDescent="0.2">
      <c r="B10" s="261" t="s">
        <v>7</v>
      </c>
      <c r="C10" s="276">
        <v>0</v>
      </c>
      <c r="D10" s="280">
        <v>0</v>
      </c>
      <c r="E10" s="382">
        <v>0</v>
      </c>
      <c r="F10" s="279">
        <v>0</v>
      </c>
      <c r="G10" s="280">
        <v>1503</v>
      </c>
      <c r="H10" s="280">
        <v>1124</v>
      </c>
      <c r="I10" s="280">
        <v>602</v>
      </c>
      <c r="J10" s="280">
        <v>593</v>
      </c>
      <c r="K10" s="280">
        <v>402</v>
      </c>
      <c r="L10" s="281">
        <v>4224</v>
      </c>
      <c r="M10" s="282">
        <v>4224</v>
      </c>
      <c r="N10" s="276">
        <v>0</v>
      </c>
      <c r="O10" s="280">
        <v>0</v>
      </c>
      <c r="P10" s="277">
        <v>0</v>
      </c>
      <c r="Q10" s="279">
        <v>0</v>
      </c>
      <c r="R10" s="280">
        <v>15</v>
      </c>
      <c r="S10" s="280">
        <v>44</v>
      </c>
      <c r="T10" s="280">
        <v>71</v>
      </c>
      <c r="U10" s="280">
        <v>137</v>
      </c>
      <c r="V10" s="280">
        <v>189</v>
      </c>
      <c r="W10" s="277">
        <v>456</v>
      </c>
      <c r="X10" s="282">
        <v>456</v>
      </c>
      <c r="Y10" s="276">
        <v>14</v>
      </c>
      <c r="Z10" s="280">
        <v>18</v>
      </c>
      <c r="AA10" s="277">
        <v>32</v>
      </c>
      <c r="AB10" s="279">
        <v>0</v>
      </c>
      <c r="AC10" s="280">
        <v>525</v>
      </c>
      <c r="AD10" s="280">
        <v>514</v>
      </c>
      <c r="AE10" s="280">
        <v>332</v>
      </c>
      <c r="AF10" s="280">
        <v>371</v>
      </c>
      <c r="AG10" s="280">
        <v>277</v>
      </c>
      <c r="AH10" s="277">
        <v>2019</v>
      </c>
      <c r="AI10" s="282">
        <v>2051</v>
      </c>
      <c r="AJ10" s="276">
        <v>4</v>
      </c>
      <c r="AK10" s="280">
        <v>6</v>
      </c>
      <c r="AL10" s="277">
        <v>10</v>
      </c>
      <c r="AM10" s="279">
        <v>0</v>
      </c>
      <c r="AN10" s="280">
        <v>62</v>
      </c>
      <c r="AO10" s="280">
        <v>69</v>
      </c>
      <c r="AP10" s="280">
        <v>54</v>
      </c>
      <c r="AQ10" s="280">
        <v>58</v>
      </c>
      <c r="AR10" s="280">
        <v>31</v>
      </c>
      <c r="AS10" s="277">
        <v>274</v>
      </c>
      <c r="AT10" s="282">
        <v>284</v>
      </c>
      <c r="AU10" s="276">
        <v>124</v>
      </c>
      <c r="AV10" s="280">
        <v>101</v>
      </c>
      <c r="AW10" s="277">
        <v>225</v>
      </c>
      <c r="AX10" s="279">
        <v>0</v>
      </c>
      <c r="AY10" s="280">
        <v>1175</v>
      </c>
      <c r="AZ10" s="280">
        <v>1106</v>
      </c>
      <c r="BA10" s="280">
        <v>975</v>
      </c>
      <c r="BB10" s="280">
        <v>1029</v>
      </c>
      <c r="BC10" s="280">
        <v>673</v>
      </c>
      <c r="BD10" s="281">
        <v>4958</v>
      </c>
      <c r="BE10" s="282">
        <v>5183</v>
      </c>
      <c r="BF10" s="276">
        <v>0</v>
      </c>
      <c r="BG10" s="280">
        <v>0</v>
      </c>
      <c r="BH10" s="277">
        <v>0</v>
      </c>
      <c r="BI10" s="279">
        <v>0</v>
      </c>
      <c r="BJ10" s="280">
        <v>1720</v>
      </c>
      <c r="BK10" s="280">
        <v>1092</v>
      </c>
      <c r="BL10" s="280">
        <v>524</v>
      </c>
      <c r="BM10" s="280">
        <v>319</v>
      </c>
      <c r="BN10" s="280">
        <v>132</v>
      </c>
      <c r="BO10" s="277">
        <v>3787</v>
      </c>
      <c r="BP10" s="282">
        <v>3787</v>
      </c>
      <c r="BQ10" s="276">
        <v>38</v>
      </c>
      <c r="BR10" s="280">
        <v>59</v>
      </c>
      <c r="BS10" s="277">
        <v>97</v>
      </c>
      <c r="BT10" s="279">
        <v>0</v>
      </c>
      <c r="BU10" s="280">
        <v>246</v>
      </c>
      <c r="BV10" s="280">
        <v>219</v>
      </c>
      <c r="BW10" s="280">
        <v>141</v>
      </c>
      <c r="BX10" s="280">
        <v>76</v>
      </c>
      <c r="BY10" s="280">
        <v>24</v>
      </c>
      <c r="BZ10" s="277">
        <v>706</v>
      </c>
      <c r="CA10" s="282">
        <v>803</v>
      </c>
      <c r="CB10" s="276">
        <v>1</v>
      </c>
      <c r="CC10" s="280">
        <v>2</v>
      </c>
      <c r="CD10" s="277">
        <v>3</v>
      </c>
      <c r="CE10" s="279">
        <v>0</v>
      </c>
      <c r="CF10" s="280">
        <v>199</v>
      </c>
      <c r="CG10" s="280">
        <v>287</v>
      </c>
      <c r="CH10" s="280">
        <v>280</v>
      </c>
      <c r="CI10" s="280">
        <v>193</v>
      </c>
      <c r="CJ10" s="280">
        <v>87</v>
      </c>
      <c r="CK10" s="277">
        <v>1046</v>
      </c>
      <c r="CL10" s="282">
        <v>1049</v>
      </c>
      <c r="CM10" s="276">
        <v>0</v>
      </c>
      <c r="CN10" s="280">
        <v>0</v>
      </c>
      <c r="CO10" s="277">
        <v>0</v>
      </c>
      <c r="CP10" s="279">
        <v>0</v>
      </c>
      <c r="CQ10" s="280">
        <v>3</v>
      </c>
      <c r="CR10" s="280">
        <v>11</v>
      </c>
      <c r="CS10" s="280">
        <v>18</v>
      </c>
      <c r="CT10" s="280">
        <v>14</v>
      </c>
      <c r="CU10" s="280">
        <v>5</v>
      </c>
      <c r="CV10" s="277">
        <v>51</v>
      </c>
      <c r="CW10" s="282">
        <v>51</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53</v>
      </c>
      <c r="DU10" s="280">
        <v>691</v>
      </c>
      <c r="DV10" s="277">
        <v>1044</v>
      </c>
      <c r="DW10" s="279">
        <v>0</v>
      </c>
      <c r="DX10" s="280">
        <v>2029</v>
      </c>
      <c r="DY10" s="280">
        <v>2221</v>
      </c>
      <c r="DZ10" s="280">
        <v>1281</v>
      </c>
      <c r="EA10" s="280">
        <v>1060</v>
      </c>
      <c r="EB10" s="280">
        <v>608</v>
      </c>
      <c r="EC10" s="277">
        <v>7199</v>
      </c>
      <c r="ED10" s="282">
        <v>8243</v>
      </c>
      <c r="EE10" s="276">
        <v>94</v>
      </c>
      <c r="EF10" s="280">
        <v>48</v>
      </c>
      <c r="EG10" s="277">
        <v>142</v>
      </c>
      <c r="EH10" s="279">
        <v>0</v>
      </c>
      <c r="EI10" s="280">
        <v>472</v>
      </c>
      <c r="EJ10" s="280">
        <v>278</v>
      </c>
      <c r="EK10" s="280">
        <v>244</v>
      </c>
      <c r="EL10" s="280">
        <v>282</v>
      </c>
      <c r="EM10" s="280">
        <v>144</v>
      </c>
      <c r="EN10" s="277">
        <v>1420</v>
      </c>
      <c r="EO10" s="282">
        <v>1562</v>
      </c>
      <c r="EP10" s="276">
        <v>403</v>
      </c>
      <c r="EQ10" s="280">
        <v>745</v>
      </c>
      <c r="ER10" s="277">
        <v>1148</v>
      </c>
      <c r="ES10" s="279">
        <v>0</v>
      </c>
      <c r="ET10" s="280">
        <v>4430</v>
      </c>
      <c r="EU10" s="280">
        <v>3058</v>
      </c>
      <c r="EV10" s="280">
        <v>1560</v>
      </c>
      <c r="EW10" s="280">
        <v>1172</v>
      </c>
      <c r="EX10" s="280">
        <v>636</v>
      </c>
      <c r="EY10" s="277">
        <v>10856</v>
      </c>
      <c r="EZ10" s="282">
        <v>12004</v>
      </c>
    </row>
    <row r="11" spans="2:156" ht="21" customHeight="1" x14ac:dyDescent="0.2">
      <c r="B11" s="261" t="s">
        <v>8</v>
      </c>
      <c r="C11" s="276">
        <v>0</v>
      </c>
      <c r="D11" s="280">
        <v>0</v>
      </c>
      <c r="E11" s="382">
        <v>0</v>
      </c>
      <c r="F11" s="279">
        <v>0</v>
      </c>
      <c r="G11" s="280">
        <v>472</v>
      </c>
      <c r="H11" s="280">
        <v>630</v>
      </c>
      <c r="I11" s="280">
        <v>384</v>
      </c>
      <c r="J11" s="280">
        <v>312</v>
      </c>
      <c r="K11" s="280">
        <v>237</v>
      </c>
      <c r="L11" s="281">
        <v>2035</v>
      </c>
      <c r="M11" s="282">
        <v>2035</v>
      </c>
      <c r="N11" s="276">
        <v>0</v>
      </c>
      <c r="O11" s="280">
        <v>0</v>
      </c>
      <c r="P11" s="277">
        <v>0</v>
      </c>
      <c r="Q11" s="279">
        <v>0</v>
      </c>
      <c r="R11" s="280">
        <v>4</v>
      </c>
      <c r="S11" s="280">
        <v>22</v>
      </c>
      <c r="T11" s="280">
        <v>25</v>
      </c>
      <c r="U11" s="280">
        <v>53</v>
      </c>
      <c r="V11" s="280">
        <v>108</v>
      </c>
      <c r="W11" s="277">
        <v>212</v>
      </c>
      <c r="X11" s="282">
        <v>212</v>
      </c>
      <c r="Y11" s="276">
        <v>50</v>
      </c>
      <c r="Z11" s="280">
        <v>71</v>
      </c>
      <c r="AA11" s="277">
        <v>121</v>
      </c>
      <c r="AB11" s="279">
        <v>0</v>
      </c>
      <c r="AC11" s="280">
        <v>280</v>
      </c>
      <c r="AD11" s="280">
        <v>410</v>
      </c>
      <c r="AE11" s="280">
        <v>254</v>
      </c>
      <c r="AF11" s="280">
        <v>230</v>
      </c>
      <c r="AG11" s="280">
        <v>179</v>
      </c>
      <c r="AH11" s="277">
        <v>1353</v>
      </c>
      <c r="AI11" s="282">
        <v>1474</v>
      </c>
      <c r="AJ11" s="276">
        <v>8</v>
      </c>
      <c r="AK11" s="280">
        <v>16</v>
      </c>
      <c r="AL11" s="277">
        <v>24</v>
      </c>
      <c r="AM11" s="279">
        <v>0</v>
      </c>
      <c r="AN11" s="280">
        <v>60</v>
      </c>
      <c r="AO11" s="280">
        <v>78</v>
      </c>
      <c r="AP11" s="280">
        <v>51</v>
      </c>
      <c r="AQ11" s="280">
        <v>39</v>
      </c>
      <c r="AR11" s="280">
        <v>27</v>
      </c>
      <c r="AS11" s="277">
        <v>255</v>
      </c>
      <c r="AT11" s="282">
        <v>279</v>
      </c>
      <c r="AU11" s="276">
        <v>69</v>
      </c>
      <c r="AV11" s="280">
        <v>61</v>
      </c>
      <c r="AW11" s="277">
        <v>130</v>
      </c>
      <c r="AX11" s="279">
        <v>0</v>
      </c>
      <c r="AY11" s="280">
        <v>463</v>
      </c>
      <c r="AZ11" s="280">
        <v>580</v>
      </c>
      <c r="BA11" s="280">
        <v>530</v>
      </c>
      <c r="BB11" s="280">
        <v>518</v>
      </c>
      <c r="BC11" s="280">
        <v>371</v>
      </c>
      <c r="BD11" s="281">
        <v>2462</v>
      </c>
      <c r="BE11" s="282">
        <v>2592</v>
      </c>
      <c r="BF11" s="276">
        <v>0</v>
      </c>
      <c r="BG11" s="280">
        <v>0</v>
      </c>
      <c r="BH11" s="277">
        <v>0</v>
      </c>
      <c r="BI11" s="279">
        <v>0</v>
      </c>
      <c r="BJ11" s="280">
        <v>566</v>
      </c>
      <c r="BK11" s="280">
        <v>643</v>
      </c>
      <c r="BL11" s="280">
        <v>346</v>
      </c>
      <c r="BM11" s="280">
        <v>205</v>
      </c>
      <c r="BN11" s="280">
        <v>106</v>
      </c>
      <c r="BO11" s="277">
        <v>1866</v>
      </c>
      <c r="BP11" s="282">
        <v>1866</v>
      </c>
      <c r="BQ11" s="276">
        <v>57</v>
      </c>
      <c r="BR11" s="280">
        <v>59</v>
      </c>
      <c r="BS11" s="277">
        <v>116</v>
      </c>
      <c r="BT11" s="279">
        <v>0</v>
      </c>
      <c r="BU11" s="280">
        <v>123</v>
      </c>
      <c r="BV11" s="280">
        <v>164</v>
      </c>
      <c r="BW11" s="280">
        <v>108</v>
      </c>
      <c r="BX11" s="280">
        <v>56</v>
      </c>
      <c r="BY11" s="280">
        <v>16</v>
      </c>
      <c r="BZ11" s="277">
        <v>467</v>
      </c>
      <c r="CA11" s="282">
        <v>583</v>
      </c>
      <c r="CB11" s="276">
        <v>3</v>
      </c>
      <c r="CC11" s="280">
        <v>5</v>
      </c>
      <c r="CD11" s="277">
        <v>8</v>
      </c>
      <c r="CE11" s="279">
        <v>0</v>
      </c>
      <c r="CF11" s="280">
        <v>91</v>
      </c>
      <c r="CG11" s="280">
        <v>171</v>
      </c>
      <c r="CH11" s="280">
        <v>214</v>
      </c>
      <c r="CI11" s="280">
        <v>108</v>
      </c>
      <c r="CJ11" s="280">
        <v>52</v>
      </c>
      <c r="CK11" s="277">
        <v>636</v>
      </c>
      <c r="CL11" s="282">
        <v>644</v>
      </c>
      <c r="CM11" s="276">
        <v>0</v>
      </c>
      <c r="CN11" s="280">
        <v>0</v>
      </c>
      <c r="CO11" s="277">
        <v>0</v>
      </c>
      <c r="CP11" s="279">
        <v>0</v>
      </c>
      <c r="CQ11" s="280">
        <v>5</v>
      </c>
      <c r="CR11" s="280">
        <v>3</v>
      </c>
      <c r="CS11" s="280">
        <v>7</v>
      </c>
      <c r="CT11" s="280">
        <v>3</v>
      </c>
      <c r="CU11" s="280">
        <v>1</v>
      </c>
      <c r="CV11" s="277">
        <v>19</v>
      </c>
      <c r="CW11" s="282">
        <v>19</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426</v>
      </c>
      <c r="DU11" s="280">
        <v>563</v>
      </c>
      <c r="DV11" s="277">
        <v>989</v>
      </c>
      <c r="DW11" s="279">
        <v>0</v>
      </c>
      <c r="DX11" s="280">
        <v>963</v>
      </c>
      <c r="DY11" s="280">
        <v>1518</v>
      </c>
      <c r="DZ11" s="280">
        <v>892</v>
      </c>
      <c r="EA11" s="280">
        <v>604</v>
      </c>
      <c r="EB11" s="280">
        <v>386</v>
      </c>
      <c r="EC11" s="277">
        <v>4363</v>
      </c>
      <c r="ED11" s="282">
        <v>5352</v>
      </c>
      <c r="EE11" s="276">
        <v>49</v>
      </c>
      <c r="EF11" s="280">
        <v>16</v>
      </c>
      <c r="EG11" s="277">
        <v>65</v>
      </c>
      <c r="EH11" s="279">
        <v>0</v>
      </c>
      <c r="EI11" s="280">
        <v>153</v>
      </c>
      <c r="EJ11" s="280">
        <v>124</v>
      </c>
      <c r="EK11" s="280">
        <v>111</v>
      </c>
      <c r="EL11" s="280">
        <v>120</v>
      </c>
      <c r="EM11" s="280">
        <v>76</v>
      </c>
      <c r="EN11" s="277">
        <v>584</v>
      </c>
      <c r="EO11" s="282">
        <v>649</v>
      </c>
      <c r="EP11" s="276">
        <v>508</v>
      </c>
      <c r="EQ11" s="280">
        <v>632</v>
      </c>
      <c r="ER11" s="277">
        <v>1140</v>
      </c>
      <c r="ES11" s="279">
        <v>0</v>
      </c>
      <c r="ET11" s="280">
        <v>1804</v>
      </c>
      <c r="EU11" s="280">
        <v>1938</v>
      </c>
      <c r="EV11" s="280">
        <v>1050</v>
      </c>
      <c r="EW11" s="280">
        <v>648</v>
      </c>
      <c r="EX11" s="280">
        <v>402</v>
      </c>
      <c r="EY11" s="277">
        <v>5842</v>
      </c>
      <c r="EZ11" s="282">
        <v>6982</v>
      </c>
    </row>
    <row r="12" spans="2:156" ht="21" customHeight="1" x14ac:dyDescent="0.2">
      <c r="B12" s="261" t="s">
        <v>9</v>
      </c>
      <c r="C12" s="276">
        <v>0</v>
      </c>
      <c r="D12" s="280">
        <v>0</v>
      </c>
      <c r="E12" s="382">
        <v>0</v>
      </c>
      <c r="F12" s="279">
        <v>0</v>
      </c>
      <c r="G12" s="280">
        <v>622</v>
      </c>
      <c r="H12" s="280">
        <v>515</v>
      </c>
      <c r="I12" s="280">
        <v>360</v>
      </c>
      <c r="J12" s="280">
        <v>318</v>
      </c>
      <c r="K12" s="280">
        <v>249</v>
      </c>
      <c r="L12" s="281">
        <v>2064</v>
      </c>
      <c r="M12" s="282">
        <v>2064</v>
      </c>
      <c r="N12" s="276">
        <v>0</v>
      </c>
      <c r="O12" s="280">
        <v>0</v>
      </c>
      <c r="P12" s="277">
        <v>0</v>
      </c>
      <c r="Q12" s="279">
        <v>0</v>
      </c>
      <c r="R12" s="280">
        <v>5</v>
      </c>
      <c r="S12" s="280">
        <v>8</v>
      </c>
      <c r="T12" s="280">
        <v>20</v>
      </c>
      <c r="U12" s="280">
        <v>54</v>
      </c>
      <c r="V12" s="280">
        <v>97</v>
      </c>
      <c r="W12" s="277">
        <v>184</v>
      </c>
      <c r="X12" s="282">
        <v>184</v>
      </c>
      <c r="Y12" s="276">
        <v>36</v>
      </c>
      <c r="Z12" s="280">
        <v>81</v>
      </c>
      <c r="AA12" s="277">
        <v>117</v>
      </c>
      <c r="AB12" s="279">
        <v>0</v>
      </c>
      <c r="AC12" s="280">
        <v>350</v>
      </c>
      <c r="AD12" s="280">
        <v>306</v>
      </c>
      <c r="AE12" s="280">
        <v>237</v>
      </c>
      <c r="AF12" s="280">
        <v>251</v>
      </c>
      <c r="AG12" s="280">
        <v>185</v>
      </c>
      <c r="AH12" s="277">
        <v>1329</v>
      </c>
      <c r="AI12" s="282">
        <v>1446</v>
      </c>
      <c r="AJ12" s="276">
        <v>3</v>
      </c>
      <c r="AK12" s="280">
        <v>12</v>
      </c>
      <c r="AL12" s="277">
        <v>15</v>
      </c>
      <c r="AM12" s="279">
        <v>0</v>
      </c>
      <c r="AN12" s="280">
        <v>52</v>
      </c>
      <c r="AO12" s="280">
        <v>59</v>
      </c>
      <c r="AP12" s="280">
        <v>53</v>
      </c>
      <c r="AQ12" s="280">
        <v>40</v>
      </c>
      <c r="AR12" s="280">
        <v>33</v>
      </c>
      <c r="AS12" s="277">
        <v>237</v>
      </c>
      <c r="AT12" s="282">
        <v>252</v>
      </c>
      <c r="AU12" s="276">
        <v>79</v>
      </c>
      <c r="AV12" s="280">
        <v>66</v>
      </c>
      <c r="AW12" s="277">
        <v>145</v>
      </c>
      <c r="AX12" s="279">
        <v>0</v>
      </c>
      <c r="AY12" s="280">
        <v>515</v>
      </c>
      <c r="AZ12" s="280">
        <v>515</v>
      </c>
      <c r="BA12" s="280">
        <v>518</v>
      </c>
      <c r="BB12" s="280">
        <v>546</v>
      </c>
      <c r="BC12" s="280">
        <v>406</v>
      </c>
      <c r="BD12" s="281">
        <v>2500</v>
      </c>
      <c r="BE12" s="282">
        <v>2645</v>
      </c>
      <c r="BF12" s="276">
        <v>0</v>
      </c>
      <c r="BG12" s="280">
        <v>0</v>
      </c>
      <c r="BH12" s="277">
        <v>0</v>
      </c>
      <c r="BI12" s="279">
        <v>0</v>
      </c>
      <c r="BJ12" s="280">
        <v>593</v>
      </c>
      <c r="BK12" s="280">
        <v>402</v>
      </c>
      <c r="BL12" s="280">
        <v>239</v>
      </c>
      <c r="BM12" s="280">
        <v>150</v>
      </c>
      <c r="BN12" s="280">
        <v>51</v>
      </c>
      <c r="BO12" s="277">
        <v>1435</v>
      </c>
      <c r="BP12" s="282">
        <v>1435</v>
      </c>
      <c r="BQ12" s="276">
        <v>43</v>
      </c>
      <c r="BR12" s="280">
        <v>64</v>
      </c>
      <c r="BS12" s="277">
        <v>107</v>
      </c>
      <c r="BT12" s="279">
        <v>0</v>
      </c>
      <c r="BU12" s="280">
        <v>150</v>
      </c>
      <c r="BV12" s="280">
        <v>121</v>
      </c>
      <c r="BW12" s="280">
        <v>81</v>
      </c>
      <c r="BX12" s="280">
        <v>78</v>
      </c>
      <c r="BY12" s="280">
        <v>26</v>
      </c>
      <c r="BZ12" s="277">
        <v>456</v>
      </c>
      <c r="CA12" s="282">
        <v>563</v>
      </c>
      <c r="CB12" s="276">
        <v>4</v>
      </c>
      <c r="CC12" s="280">
        <v>3</v>
      </c>
      <c r="CD12" s="277">
        <v>7</v>
      </c>
      <c r="CE12" s="279">
        <v>0</v>
      </c>
      <c r="CF12" s="280">
        <v>73</v>
      </c>
      <c r="CG12" s="280">
        <v>97</v>
      </c>
      <c r="CH12" s="280">
        <v>142</v>
      </c>
      <c r="CI12" s="280">
        <v>89</v>
      </c>
      <c r="CJ12" s="280">
        <v>53</v>
      </c>
      <c r="CK12" s="277">
        <v>454</v>
      </c>
      <c r="CL12" s="282">
        <v>461</v>
      </c>
      <c r="CM12" s="276">
        <v>0</v>
      </c>
      <c r="CN12" s="280">
        <v>1</v>
      </c>
      <c r="CO12" s="277">
        <v>1</v>
      </c>
      <c r="CP12" s="279">
        <v>0</v>
      </c>
      <c r="CQ12" s="280">
        <v>9</v>
      </c>
      <c r="CR12" s="280">
        <v>9</v>
      </c>
      <c r="CS12" s="280">
        <v>25</v>
      </c>
      <c r="CT12" s="280">
        <v>23</v>
      </c>
      <c r="CU12" s="280">
        <v>10</v>
      </c>
      <c r="CV12" s="277">
        <v>76</v>
      </c>
      <c r="CW12" s="282">
        <v>77</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50</v>
      </c>
      <c r="DU12" s="280">
        <v>459</v>
      </c>
      <c r="DV12" s="277">
        <v>809</v>
      </c>
      <c r="DW12" s="279">
        <v>0</v>
      </c>
      <c r="DX12" s="280">
        <v>966</v>
      </c>
      <c r="DY12" s="280">
        <v>968</v>
      </c>
      <c r="DZ12" s="280">
        <v>649</v>
      </c>
      <c r="EA12" s="280">
        <v>545</v>
      </c>
      <c r="EB12" s="280">
        <v>352</v>
      </c>
      <c r="EC12" s="277">
        <v>3480</v>
      </c>
      <c r="ED12" s="282">
        <v>4289</v>
      </c>
      <c r="EE12" s="276">
        <v>48</v>
      </c>
      <c r="EF12" s="280">
        <v>24</v>
      </c>
      <c r="EG12" s="277">
        <v>72</v>
      </c>
      <c r="EH12" s="279">
        <v>0</v>
      </c>
      <c r="EI12" s="280">
        <v>186</v>
      </c>
      <c r="EJ12" s="280">
        <v>149</v>
      </c>
      <c r="EK12" s="280">
        <v>131</v>
      </c>
      <c r="EL12" s="280">
        <v>175</v>
      </c>
      <c r="EM12" s="280">
        <v>117</v>
      </c>
      <c r="EN12" s="277">
        <v>758</v>
      </c>
      <c r="EO12" s="282">
        <v>830</v>
      </c>
      <c r="EP12" s="276">
        <v>403</v>
      </c>
      <c r="EQ12" s="280">
        <v>534</v>
      </c>
      <c r="ER12" s="277">
        <v>937</v>
      </c>
      <c r="ES12" s="279">
        <v>0</v>
      </c>
      <c r="ET12" s="280">
        <v>1716</v>
      </c>
      <c r="EU12" s="280">
        <v>1264</v>
      </c>
      <c r="EV12" s="280">
        <v>736</v>
      </c>
      <c r="EW12" s="280">
        <v>581</v>
      </c>
      <c r="EX12" s="280">
        <v>351</v>
      </c>
      <c r="EY12" s="277">
        <v>4648</v>
      </c>
      <c r="EZ12" s="282">
        <v>5585</v>
      </c>
    </row>
    <row r="13" spans="2:156" ht="21" customHeight="1" x14ac:dyDescent="0.2">
      <c r="B13" s="261" t="s">
        <v>10</v>
      </c>
      <c r="C13" s="276">
        <v>0</v>
      </c>
      <c r="D13" s="280">
        <v>0</v>
      </c>
      <c r="E13" s="382">
        <v>0</v>
      </c>
      <c r="F13" s="279">
        <v>0</v>
      </c>
      <c r="G13" s="280">
        <v>1328</v>
      </c>
      <c r="H13" s="280">
        <v>743</v>
      </c>
      <c r="I13" s="280">
        <v>500</v>
      </c>
      <c r="J13" s="280">
        <v>463</v>
      </c>
      <c r="K13" s="280">
        <v>359</v>
      </c>
      <c r="L13" s="281">
        <v>3393</v>
      </c>
      <c r="M13" s="282">
        <v>3393</v>
      </c>
      <c r="N13" s="276">
        <v>1</v>
      </c>
      <c r="O13" s="280">
        <v>0</v>
      </c>
      <c r="P13" s="277">
        <v>1</v>
      </c>
      <c r="Q13" s="279">
        <v>0</v>
      </c>
      <c r="R13" s="280">
        <v>14</v>
      </c>
      <c r="S13" s="280">
        <v>26</v>
      </c>
      <c r="T13" s="280">
        <v>35</v>
      </c>
      <c r="U13" s="280">
        <v>85</v>
      </c>
      <c r="V13" s="280">
        <v>173</v>
      </c>
      <c r="W13" s="277">
        <v>333</v>
      </c>
      <c r="X13" s="282">
        <v>334</v>
      </c>
      <c r="Y13" s="276">
        <v>165</v>
      </c>
      <c r="Z13" s="280">
        <v>304</v>
      </c>
      <c r="AA13" s="277">
        <v>469</v>
      </c>
      <c r="AB13" s="279">
        <v>0</v>
      </c>
      <c r="AC13" s="280">
        <v>764</v>
      </c>
      <c r="AD13" s="280">
        <v>537</v>
      </c>
      <c r="AE13" s="280">
        <v>349</v>
      </c>
      <c r="AF13" s="280">
        <v>304</v>
      </c>
      <c r="AG13" s="280">
        <v>296</v>
      </c>
      <c r="AH13" s="277">
        <v>2250</v>
      </c>
      <c r="AI13" s="282">
        <v>2719</v>
      </c>
      <c r="AJ13" s="276">
        <v>25</v>
      </c>
      <c r="AK13" s="280">
        <v>53</v>
      </c>
      <c r="AL13" s="277">
        <v>78</v>
      </c>
      <c r="AM13" s="279">
        <v>0</v>
      </c>
      <c r="AN13" s="280">
        <v>113</v>
      </c>
      <c r="AO13" s="280">
        <v>92</v>
      </c>
      <c r="AP13" s="280">
        <v>62</v>
      </c>
      <c r="AQ13" s="280">
        <v>46</v>
      </c>
      <c r="AR13" s="280">
        <v>56</v>
      </c>
      <c r="AS13" s="277">
        <v>369</v>
      </c>
      <c r="AT13" s="282">
        <v>447</v>
      </c>
      <c r="AU13" s="276">
        <v>183</v>
      </c>
      <c r="AV13" s="280">
        <v>275</v>
      </c>
      <c r="AW13" s="277">
        <v>458</v>
      </c>
      <c r="AX13" s="279">
        <v>0</v>
      </c>
      <c r="AY13" s="280">
        <v>1233</v>
      </c>
      <c r="AZ13" s="280">
        <v>1062</v>
      </c>
      <c r="BA13" s="280">
        <v>935</v>
      </c>
      <c r="BB13" s="280">
        <v>948</v>
      </c>
      <c r="BC13" s="280">
        <v>775</v>
      </c>
      <c r="BD13" s="281">
        <v>4953</v>
      </c>
      <c r="BE13" s="282">
        <v>5411</v>
      </c>
      <c r="BF13" s="276">
        <v>0</v>
      </c>
      <c r="BG13" s="280">
        <v>0</v>
      </c>
      <c r="BH13" s="277">
        <v>0</v>
      </c>
      <c r="BI13" s="279">
        <v>0</v>
      </c>
      <c r="BJ13" s="280">
        <v>1560</v>
      </c>
      <c r="BK13" s="280">
        <v>834</v>
      </c>
      <c r="BL13" s="280">
        <v>476</v>
      </c>
      <c r="BM13" s="280">
        <v>302</v>
      </c>
      <c r="BN13" s="280">
        <v>140</v>
      </c>
      <c r="BO13" s="277">
        <v>3312</v>
      </c>
      <c r="BP13" s="282">
        <v>3312</v>
      </c>
      <c r="BQ13" s="276">
        <v>62</v>
      </c>
      <c r="BR13" s="280">
        <v>94</v>
      </c>
      <c r="BS13" s="277">
        <v>156</v>
      </c>
      <c r="BT13" s="279">
        <v>0</v>
      </c>
      <c r="BU13" s="280">
        <v>257</v>
      </c>
      <c r="BV13" s="280">
        <v>193</v>
      </c>
      <c r="BW13" s="280">
        <v>93</v>
      </c>
      <c r="BX13" s="280">
        <v>67</v>
      </c>
      <c r="BY13" s="280">
        <v>26</v>
      </c>
      <c r="BZ13" s="277">
        <v>636</v>
      </c>
      <c r="CA13" s="282">
        <v>792</v>
      </c>
      <c r="CB13" s="276">
        <v>6</v>
      </c>
      <c r="CC13" s="280">
        <v>17</v>
      </c>
      <c r="CD13" s="277">
        <v>23</v>
      </c>
      <c r="CE13" s="279">
        <v>0</v>
      </c>
      <c r="CF13" s="280">
        <v>165</v>
      </c>
      <c r="CG13" s="280">
        <v>165</v>
      </c>
      <c r="CH13" s="280">
        <v>188</v>
      </c>
      <c r="CI13" s="280">
        <v>156</v>
      </c>
      <c r="CJ13" s="280">
        <v>103</v>
      </c>
      <c r="CK13" s="277">
        <v>777</v>
      </c>
      <c r="CL13" s="282">
        <v>800</v>
      </c>
      <c r="CM13" s="276">
        <v>0</v>
      </c>
      <c r="CN13" s="280">
        <v>2</v>
      </c>
      <c r="CO13" s="277">
        <v>2</v>
      </c>
      <c r="CP13" s="279">
        <v>0</v>
      </c>
      <c r="CQ13" s="280">
        <v>12</v>
      </c>
      <c r="CR13" s="280">
        <v>15</v>
      </c>
      <c r="CS13" s="280">
        <v>22</v>
      </c>
      <c r="CT13" s="280">
        <v>8</v>
      </c>
      <c r="CU13" s="280">
        <v>10</v>
      </c>
      <c r="CV13" s="277">
        <v>67</v>
      </c>
      <c r="CW13" s="282">
        <v>69</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929</v>
      </c>
      <c r="DU13" s="280">
        <v>1265</v>
      </c>
      <c r="DV13" s="277">
        <v>2194</v>
      </c>
      <c r="DW13" s="279">
        <v>0</v>
      </c>
      <c r="DX13" s="280">
        <v>1955</v>
      </c>
      <c r="DY13" s="280">
        <v>1557</v>
      </c>
      <c r="DZ13" s="280">
        <v>1021</v>
      </c>
      <c r="EA13" s="280">
        <v>865</v>
      </c>
      <c r="EB13" s="280">
        <v>630</v>
      </c>
      <c r="EC13" s="277">
        <v>6028</v>
      </c>
      <c r="ED13" s="282">
        <v>8222</v>
      </c>
      <c r="EE13" s="276">
        <v>71</v>
      </c>
      <c r="EF13" s="280">
        <v>63</v>
      </c>
      <c r="EG13" s="277">
        <v>134</v>
      </c>
      <c r="EH13" s="279">
        <v>0</v>
      </c>
      <c r="EI13" s="280">
        <v>286</v>
      </c>
      <c r="EJ13" s="280">
        <v>214</v>
      </c>
      <c r="EK13" s="280">
        <v>214</v>
      </c>
      <c r="EL13" s="280">
        <v>214</v>
      </c>
      <c r="EM13" s="280">
        <v>153</v>
      </c>
      <c r="EN13" s="277">
        <v>1081</v>
      </c>
      <c r="EO13" s="282">
        <v>1215</v>
      </c>
      <c r="EP13" s="276">
        <v>1110</v>
      </c>
      <c r="EQ13" s="280">
        <v>1476</v>
      </c>
      <c r="ER13" s="277">
        <v>2586</v>
      </c>
      <c r="ES13" s="279">
        <v>0</v>
      </c>
      <c r="ET13" s="280">
        <v>3458</v>
      </c>
      <c r="EU13" s="280">
        <v>1945</v>
      </c>
      <c r="EV13" s="280">
        <v>1135</v>
      </c>
      <c r="EW13" s="280">
        <v>867</v>
      </c>
      <c r="EX13" s="280">
        <v>597</v>
      </c>
      <c r="EY13" s="277">
        <v>8002</v>
      </c>
      <c r="EZ13" s="282">
        <v>10588</v>
      </c>
    </row>
    <row r="14" spans="2:156" ht="21" customHeight="1" x14ac:dyDescent="0.2">
      <c r="B14" s="261" t="s">
        <v>11</v>
      </c>
      <c r="C14" s="276">
        <v>0</v>
      </c>
      <c r="D14" s="280">
        <v>0</v>
      </c>
      <c r="E14" s="382">
        <v>0</v>
      </c>
      <c r="F14" s="279">
        <v>0</v>
      </c>
      <c r="G14" s="280">
        <v>498</v>
      </c>
      <c r="H14" s="280">
        <v>377</v>
      </c>
      <c r="I14" s="280">
        <v>263</v>
      </c>
      <c r="J14" s="280">
        <v>231</v>
      </c>
      <c r="K14" s="280">
        <v>152</v>
      </c>
      <c r="L14" s="281">
        <v>1521</v>
      </c>
      <c r="M14" s="282">
        <v>1521</v>
      </c>
      <c r="N14" s="276">
        <v>0</v>
      </c>
      <c r="O14" s="280">
        <v>1</v>
      </c>
      <c r="P14" s="277">
        <v>1</v>
      </c>
      <c r="Q14" s="279">
        <v>0</v>
      </c>
      <c r="R14" s="280">
        <v>6</v>
      </c>
      <c r="S14" s="280">
        <v>12</v>
      </c>
      <c r="T14" s="280">
        <v>29</v>
      </c>
      <c r="U14" s="280">
        <v>48</v>
      </c>
      <c r="V14" s="280">
        <v>65</v>
      </c>
      <c r="W14" s="277">
        <v>160</v>
      </c>
      <c r="X14" s="282">
        <v>161</v>
      </c>
      <c r="Y14" s="276">
        <v>40</v>
      </c>
      <c r="Z14" s="280">
        <v>56</v>
      </c>
      <c r="AA14" s="277">
        <v>96</v>
      </c>
      <c r="AB14" s="279">
        <v>0</v>
      </c>
      <c r="AC14" s="280">
        <v>315</v>
      </c>
      <c r="AD14" s="280">
        <v>233</v>
      </c>
      <c r="AE14" s="280">
        <v>189</v>
      </c>
      <c r="AF14" s="280">
        <v>177</v>
      </c>
      <c r="AG14" s="280">
        <v>142</v>
      </c>
      <c r="AH14" s="277">
        <v>1056</v>
      </c>
      <c r="AI14" s="282">
        <v>1152</v>
      </c>
      <c r="AJ14" s="276">
        <v>3</v>
      </c>
      <c r="AK14" s="280">
        <v>6</v>
      </c>
      <c r="AL14" s="277">
        <v>9</v>
      </c>
      <c r="AM14" s="279">
        <v>0</v>
      </c>
      <c r="AN14" s="280">
        <v>28</v>
      </c>
      <c r="AO14" s="280">
        <v>30</v>
      </c>
      <c r="AP14" s="280">
        <v>23</v>
      </c>
      <c r="AQ14" s="280">
        <v>24</v>
      </c>
      <c r="AR14" s="280">
        <v>6</v>
      </c>
      <c r="AS14" s="277">
        <v>111</v>
      </c>
      <c r="AT14" s="282">
        <v>120</v>
      </c>
      <c r="AU14" s="276">
        <v>49</v>
      </c>
      <c r="AV14" s="280">
        <v>48</v>
      </c>
      <c r="AW14" s="277">
        <v>97</v>
      </c>
      <c r="AX14" s="279">
        <v>0</v>
      </c>
      <c r="AY14" s="280">
        <v>446</v>
      </c>
      <c r="AZ14" s="280">
        <v>451</v>
      </c>
      <c r="BA14" s="280">
        <v>432</v>
      </c>
      <c r="BB14" s="280">
        <v>422</v>
      </c>
      <c r="BC14" s="280">
        <v>270</v>
      </c>
      <c r="BD14" s="281">
        <v>2021</v>
      </c>
      <c r="BE14" s="282">
        <v>2118</v>
      </c>
      <c r="BF14" s="276">
        <v>0</v>
      </c>
      <c r="BG14" s="280">
        <v>0</v>
      </c>
      <c r="BH14" s="277">
        <v>0</v>
      </c>
      <c r="BI14" s="279">
        <v>0</v>
      </c>
      <c r="BJ14" s="280">
        <v>683</v>
      </c>
      <c r="BK14" s="280">
        <v>395</v>
      </c>
      <c r="BL14" s="280">
        <v>246</v>
      </c>
      <c r="BM14" s="280">
        <v>173</v>
      </c>
      <c r="BN14" s="280">
        <v>88</v>
      </c>
      <c r="BO14" s="277">
        <v>1585</v>
      </c>
      <c r="BP14" s="282">
        <v>1585</v>
      </c>
      <c r="BQ14" s="276">
        <v>101</v>
      </c>
      <c r="BR14" s="280">
        <v>70</v>
      </c>
      <c r="BS14" s="277">
        <v>171</v>
      </c>
      <c r="BT14" s="279">
        <v>0</v>
      </c>
      <c r="BU14" s="280">
        <v>217</v>
      </c>
      <c r="BV14" s="280">
        <v>148</v>
      </c>
      <c r="BW14" s="280">
        <v>98</v>
      </c>
      <c r="BX14" s="280">
        <v>59</v>
      </c>
      <c r="BY14" s="280">
        <v>17</v>
      </c>
      <c r="BZ14" s="277">
        <v>539</v>
      </c>
      <c r="CA14" s="282">
        <v>710</v>
      </c>
      <c r="CB14" s="276">
        <v>7</v>
      </c>
      <c r="CC14" s="280">
        <v>6</v>
      </c>
      <c r="CD14" s="277">
        <v>13</v>
      </c>
      <c r="CE14" s="279">
        <v>0</v>
      </c>
      <c r="CF14" s="280">
        <v>93</v>
      </c>
      <c r="CG14" s="280">
        <v>94</v>
      </c>
      <c r="CH14" s="280">
        <v>106</v>
      </c>
      <c r="CI14" s="280">
        <v>77</v>
      </c>
      <c r="CJ14" s="280">
        <v>43</v>
      </c>
      <c r="CK14" s="277">
        <v>413</v>
      </c>
      <c r="CL14" s="282">
        <v>426</v>
      </c>
      <c r="CM14" s="276">
        <v>0</v>
      </c>
      <c r="CN14" s="280">
        <v>0</v>
      </c>
      <c r="CO14" s="277">
        <v>0</v>
      </c>
      <c r="CP14" s="279">
        <v>0</v>
      </c>
      <c r="CQ14" s="280">
        <v>4</v>
      </c>
      <c r="CR14" s="280">
        <v>9</v>
      </c>
      <c r="CS14" s="280">
        <v>10</v>
      </c>
      <c r="CT14" s="280">
        <v>8</v>
      </c>
      <c r="CU14" s="280">
        <v>13</v>
      </c>
      <c r="CV14" s="277">
        <v>44</v>
      </c>
      <c r="CW14" s="282">
        <v>44</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389</v>
      </c>
      <c r="DU14" s="280">
        <v>473</v>
      </c>
      <c r="DV14" s="277">
        <v>862</v>
      </c>
      <c r="DW14" s="279">
        <v>0</v>
      </c>
      <c r="DX14" s="280">
        <v>976</v>
      </c>
      <c r="DY14" s="280">
        <v>827</v>
      </c>
      <c r="DZ14" s="280">
        <v>610</v>
      </c>
      <c r="EA14" s="280">
        <v>500</v>
      </c>
      <c r="EB14" s="280">
        <v>279</v>
      </c>
      <c r="EC14" s="277">
        <v>3192</v>
      </c>
      <c r="ED14" s="282">
        <v>4054</v>
      </c>
      <c r="EE14" s="276">
        <v>32</v>
      </c>
      <c r="EF14" s="280">
        <v>33</v>
      </c>
      <c r="EG14" s="277">
        <v>65</v>
      </c>
      <c r="EH14" s="279">
        <v>0</v>
      </c>
      <c r="EI14" s="280">
        <v>197</v>
      </c>
      <c r="EJ14" s="280">
        <v>130</v>
      </c>
      <c r="EK14" s="280">
        <v>132</v>
      </c>
      <c r="EL14" s="280">
        <v>153</v>
      </c>
      <c r="EM14" s="280">
        <v>67</v>
      </c>
      <c r="EN14" s="277">
        <v>679</v>
      </c>
      <c r="EO14" s="282">
        <v>744</v>
      </c>
      <c r="EP14" s="276">
        <v>495</v>
      </c>
      <c r="EQ14" s="280">
        <v>539</v>
      </c>
      <c r="ER14" s="277">
        <v>1034</v>
      </c>
      <c r="ES14" s="279">
        <v>0</v>
      </c>
      <c r="ET14" s="280">
        <v>1899</v>
      </c>
      <c r="EU14" s="280">
        <v>1127</v>
      </c>
      <c r="EV14" s="280">
        <v>724</v>
      </c>
      <c r="EW14" s="280">
        <v>522</v>
      </c>
      <c r="EX14" s="280">
        <v>292</v>
      </c>
      <c r="EY14" s="277">
        <v>4564</v>
      </c>
      <c r="EZ14" s="282">
        <v>5598</v>
      </c>
    </row>
    <row r="15" spans="2:156" ht="21" customHeight="1" x14ac:dyDescent="0.2">
      <c r="B15" s="261" t="s">
        <v>12</v>
      </c>
      <c r="C15" s="276">
        <v>0</v>
      </c>
      <c r="D15" s="280">
        <v>0</v>
      </c>
      <c r="E15" s="382">
        <v>0</v>
      </c>
      <c r="F15" s="279">
        <v>0</v>
      </c>
      <c r="G15" s="280">
        <v>502</v>
      </c>
      <c r="H15" s="280">
        <v>473</v>
      </c>
      <c r="I15" s="280">
        <v>309</v>
      </c>
      <c r="J15" s="280">
        <v>295</v>
      </c>
      <c r="K15" s="280">
        <v>229</v>
      </c>
      <c r="L15" s="281">
        <v>1808</v>
      </c>
      <c r="M15" s="282">
        <v>1808</v>
      </c>
      <c r="N15" s="276">
        <v>0</v>
      </c>
      <c r="O15" s="280">
        <v>6</v>
      </c>
      <c r="P15" s="277">
        <v>6</v>
      </c>
      <c r="Q15" s="279">
        <v>0</v>
      </c>
      <c r="R15" s="280">
        <v>3</v>
      </c>
      <c r="S15" s="280">
        <v>17</v>
      </c>
      <c r="T15" s="280">
        <v>22</v>
      </c>
      <c r="U15" s="280">
        <v>71</v>
      </c>
      <c r="V15" s="280">
        <v>82</v>
      </c>
      <c r="W15" s="277">
        <v>195</v>
      </c>
      <c r="X15" s="282">
        <v>201</v>
      </c>
      <c r="Y15" s="276">
        <v>116</v>
      </c>
      <c r="Z15" s="280">
        <v>235</v>
      </c>
      <c r="AA15" s="277">
        <v>351</v>
      </c>
      <c r="AB15" s="279">
        <v>0</v>
      </c>
      <c r="AC15" s="280">
        <v>312</v>
      </c>
      <c r="AD15" s="280">
        <v>394</v>
      </c>
      <c r="AE15" s="280">
        <v>242</v>
      </c>
      <c r="AF15" s="280">
        <v>249</v>
      </c>
      <c r="AG15" s="280">
        <v>175</v>
      </c>
      <c r="AH15" s="277">
        <v>1372</v>
      </c>
      <c r="AI15" s="282">
        <v>1723</v>
      </c>
      <c r="AJ15" s="276">
        <v>3</v>
      </c>
      <c r="AK15" s="280">
        <v>23</v>
      </c>
      <c r="AL15" s="277">
        <v>26</v>
      </c>
      <c r="AM15" s="279">
        <v>0</v>
      </c>
      <c r="AN15" s="280">
        <v>17</v>
      </c>
      <c r="AO15" s="280">
        <v>41</v>
      </c>
      <c r="AP15" s="280">
        <v>31</v>
      </c>
      <c r="AQ15" s="280">
        <v>23</v>
      </c>
      <c r="AR15" s="280">
        <v>18</v>
      </c>
      <c r="AS15" s="277">
        <v>130</v>
      </c>
      <c r="AT15" s="282">
        <v>156</v>
      </c>
      <c r="AU15" s="276">
        <v>81</v>
      </c>
      <c r="AV15" s="280">
        <v>115</v>
      </c>
      <c r="AW15" s="277">
        <v>196</v>
      </c>
      <c r="AX15" s="279">
        <v>0</v>
      </c>
      <c r="AY15" s="280">
        <v>314</v>
      </c>
      <c r="AZ15" s="280">
        <v>388</v>
      </c>
      <c r="BA15" s="280">
        <v>352</v>
      </c>
      <c r="BB15" s="280">
        <v>462</v>
      </c>
      <c r="BC15" s="280">
        <v>352</v>
      </c>
      <c r="BD15" s="281">
        <v>1868</v>
      </c>
      <c r="BE15" s="282">
        <v>2064</v>
      </c>
      <c r="BF15" s="276">
        <v>0</v>
      </c>
      <c r="BG15" s="280">
        <v>0</v>
      </c>
      <c r="BH15" s="277">
        <v>0</v>
      </c>
      <c r="BI15" s="279">
        <v>0</v>
      </c>
      <c r="BJ15" s="280">
        <v>606</v>
      </c>
      <c r="BK15" s="280">
        <v>438</v>
      </c>
      <c r="BL15" s="280">
        <v>257</v>
      </c>
      <c r="BM15" s="280">
        <v>214</v>
      </c>
      <c r="BN15" s="280">
        <v>88</v>
      </c>
      <c r="BO15" s="277">
        <v>1603</v>
      </c>
      <c r="BP15" s="282">
        <v>1603</v>
      </c>
      <c r="BQ15" s="276">
        <v>147</v>
      </c>
      <c r="BR15" s="280">
        <v>131</v>
      </c>
      <c r="BS15" s="277">
        <v>278</v>
      </c>
      <c r="BT15" s="279">
        <v>0</v>
      </c>
      <c r="BU15" s="280">
        <v>132</v>
      </c>
      <c r="BV15" s="280">
        <v>178</v>
      </c>
      <c r="BW15" s="280">
        <v>111</v>
      </c>
      <c r="BX15" s="280">
        <v>86</v>
      </c>
      <c r="BY15" s="280">
        <v>34</v>
      </c>
      <c r="BZ15" s="277">
        <v>541</v>
      </c>
      <c r="CA15" s="282">
        <v>819</v>
      </c>
      <c r="CB15" s="276">
        <v>6</v>
      </c>
      <c r="CC15" s="280">
        <v>13</v>
      </c>
      <c r="CD15" s="277">
        <v>19</v>
      </c>
      <c r="CE15" s="279">
        <v>0</v>
      </c>
      <c r="CF15" s="280">
        <v>92</v>
      </c>
      <c r="CG15" s="280">
        <v>96</v>
      </c>
      <c r="CH15" s="280">
        <v>135</v>
      </c>
      <c r="CI15" s="280">
        <v>92</v>
      </c>
      <c r="CJ15" s="280">
        <v>56</v>
      </c>
      <c r="CK15" s="277">
        <v>471</v>
      </c>
      <c r="CL15" s="282">
        <v>490</v>
      </c>
      <c r="CM15" s="276">
        <v>0</v>
      </c>
      <c r="CN15" s="280">
        <v>0</v>
      </c>
      <c r="CO15" s="277">
        <v>0</v>
      </c>
      <c r="CP15" s="279">
        <v>0</v>
      </c>
      <c r="CQ15" s="280">
        <v>4</v>
      </c>
      <c r="CR15" s="280">
        <v>8</v>
      </c>
      <c r="CS15" s="280">
        <v>5</v>
      </c>
      <c r="CT15" s="280">
        <v>4</v>
      </c>
      <c r="CU15" s="280">
        <v>2</v>
      </c>
      <c r="CV15" s="277">
        <v>23</v>
      </c>
      <c r="CW15" s="282">
        <v>23</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483</v>
      </c>
      <c r="DU15" s="280">
        <v>841</v>
      </c>
      <c r="DV15" s="277">
        <v>1324</v>
      </c>
      <c r="DW15" s="279">
        <v>0</v>
      </c>
      <c r="DX15" s="280">
        <v>582</v>
      </c>
      <c r="DY15" s="280">
        <v>990</v>
      </c>
      <c r="DZ15" s="280">
        <v>671</v>
      </c>
      <c r="EA15" s="280">
        <v>641</v>
      </c>
      <c r="EB15" s="280">
        <v>371</v>
      </c>
      <c r="EC15" s="277">
        <v>3255</v>
      </c>
      <c r="ED15" s="282">
        <v>4579</v>
      </c>
      <c r="EE15" s="276">
        <v>45</v>
      </c>
      <c r="EF15" s="280">
        <v>45</v>
      </c>
      <c r="EG15" s="277">
        <v>90</v>
      </c>
      <c r="EH15" s="279">
        <v>0</v>
      </c>
      <c r="EI15" s="280">
        <v>101</v>
      </c>
      <c r="EJ15" s="280">
        <v>97</v>
      </c>
      <c r="EK15" s="280">
        <v>100</v>
      </c>
      <c r="EL15" s="280">
        <v>138</v>
      </c>
      <c r="EM15" s="280">
        <v>89</v>
      </c>
      <c r="EN15" s="277">
        <v>525</v>
      </c>
      <c r="EO15" s="282">
        <v>615</v>
      </c>
      <c r="EP15" s="276">
        <v>688</v>
      </c>
      <c r="EQ15" s="280">
        <v>1012</v>
      </c>
      <c r="ER15" s="277">
        <v>1700</v>
      </c>
      <c r="ES15" s="279">
        <v>0</v>
      </c>
      <c r="ET15" s="280">
        <v>1420</v>
      </c>
      <c r="EU15" s="280">
        <v>1216</v>
      </c>
      <c r="EV15" s="280">
        <v>740</v>
      </c>
      <c r="EW15" s="280">
        <v>619</v>
      </c>
      <c r="EX15" s="280">
        <v>338</v>
      </c>
      <c r="EY15" s="277">
        <v>4333</v>
      </c>
      <c r="EZ15" s="282">
        <v>6033</v>
      </c>
    </row>
    <row r="16" spans="2:156" ht="21" customHeight="1" x14ac:dyDescent="0.2">
      <c r="B16" s="261" t="s">
        <v>13</v>
      </c>
      <c r="C16" s="276">
        <v>0</v>
      </c>
      <c r="D16" s="280">
        <v>0</v>
      </c>
      <c r="E16" s="382">
        <v>0</v>
      </c>
      <c r="F16" s="279">
        <v>0</v>
      </c>
      <c r="G16" s="280">
        <v>225</v>
      </c>
      <c r="H16" s="280">
        <v>200</v>
      </c>
      <c r="I16" s="280">
        <v>132</v>
      </c>
      <c r="J16" s="280">
        <v>117</v>
      </c>
      <c r="K16" s="280">
        <v>104</v>
      </c>
      <c r="L16" s="281">
        <v>778</v>
      </c>
      <c r="M16" s="282">
        <v>778</v>
      </c>
      <c r="N16" s="276">
        <v>0</v>
      </c>
      <c r="O16" s="280">
        <v>0</v>
      </c>
      <c r="P16" s="277">
        <v>0</v>
      </c>
      <c r="Q16" s="279">
        <v>0</v>
      </c>
      <c r="R16" s="280">
        <v>1</v>
      </c>
      <c r="S16" s="280">
        <v>2</v>
      </c>
      <c r="T16" s="280">
        <v>5</v>
      </c>
      <c r="U16" s="280">
        <v>14</v>
      </c>
      <c r="V16" s="280">
        <v>36</v>
      </c>
      <c r="W16" s="277">
        <v>58</v>
      </c>
      <c r="X16" s="282">
        <v>58</v>
      </c>
      <c r="Y16" s="276">
        <v>11</v>
      </c>
      <c r="Z16" s="280">
        <v>21</v>
      </c>
      <c r="AA16" s="277">
        <v>32</v>
      </c>
      <c r="AB16" s="279">
        <v>0</v>
      </c>
      <c r="AC16" s="280">
        <v>112</v>
      </c>
      <c r="AD16" s="280">
        <v>125</v>
      </c>
      <c r="AE16" s="280">
        <v>89</v>
      </c>
      <c r="AF16" s="280">
        <v>82</v>
      </c>
      <c r="AG16" s="280">
        <v>73</v>
      </c>
      <c r="AH16" s="277">
        <v>481</v>
      </c>
      <c r="AI16" s="282">
        <v>513</v>
      </c>
      <c r="AJ16" s="276">
        <v>1</v>
      </c>
      <c r="AK16" s="280">
        <v>9</v>
      </c>
      <c r="AL16" s="277">
        <v>10</v>
      </c>
      <c r="AM16" s="279">
        <v>0</v>
      </c>
      <c r="AN16" s="280">
        <v>20</v>
      </c>
      <c r="AO16" s="280">
        <v>19</v>
      </c>
      <c r="AP16" s="280">
        <v>13</v>
      </c>
      <c r="AQ16" s="280">
        <v>13</v>
      </c>
      <c r="AR16" s="280">
        <v>10</v>
      </c>
      <c r="AS16" s="277">
        <v>75</v>
      </c>
      <c r="AT16" s="282">
        <v>85</v>
      </c>
      <c r="AU16" s="276">
        <v>36</v>
      </c>
      <c r="AV16" s="280">
        <v>30</v>
      </c>
      <c r="AW16" s="277">
        <v>66</v>
      </c>
      <c r="AX16" s="279">
        <v>0</v>
      </c>
      <c r="AY16" s="280">
        <v>170</v>
      </c>
      <c r="AZ16" s="280">
        <v>183</v>
      </c>
      <c r="BA16" s="280">
        <v>176</v>
      </c>
      <c r="BB16" s="280">
        <v>192</v>
      </c>
      <c r="BC16" s="280">
        <v>159</v>
      </c>
      <c r="BD16" s="281">
        <v>880</v>
      </c>
      <c r="BE16" s="282">
        <v>946</v>
      </c>
      <c r="BF16" s="276">
        <v>0</v>
      </c>
      <c r="BG16" s="280">
        <v>0</v>
      </c>
      <c r="BH16" s="277">
        <v>0</v>
      </c>
      <c r="BI16" s="279">
        <v>0</v>
      </c>
      <c r="BJ16" s="280">
        <v>184</v>
      </c>
      <c r="BK16" s="280">
        <v>168</v>
      </c>
      <c r="BL16" s="280">
        <v>101</v>
      </c>
      <c r="BM16" s="280">
        <v>57</v>
      </c>
      <c r="BN16" s="280">
        <v>26</v>
      </c>
      <c r="BO16" s="277">
        <v>536</v>
      </c>
      <c r="BP16" s="282">
        <v>536</v>
      </c>
      <c r="BQ16" s="276">
        <v>12</v>
      </c>
      <c r="BR16" s="280">
        <v>23</v>
      </c>
      <c r="BS16" s="277">
        <v>35</v>
      </c>
      <c r="BT16" s="279">
        <v>0</v>
      </c>
      <c r="BU16" s="280">
        <v>33</v>
      </c>
      <c r="BV16" s="280">
        <v>38</v>
      </c>
      <c r="BW16" s="280">
        <v>23</v>
      </c>
      <c r="BX16" s="280">
        <v>24</v>
      </c>
      <c r="BY16" s="280">
        <v>9</v>
      </c>
      <c r="BZ16" s="277">
        <v>127</v>
      </c>
      <c r="CA16" s="282">
        <v>162</v>
      </c>
      <c r="CB16" s="276">
        <v>0</v>
      </c>
      <c r="CC16" s="280">
        <v>1</v>
      </c>
      <c r="CD16" s="277">
        <v>1</v>
      </c>
      <c r="CE16" s="279">
        <v>0</v>
      </c>
      <c r="CF16" s="280">
        <v>20</v>
      </c>
      <c r="CG16" s="280">
        <v>23</v>
      </c>
      <c r="CH16" s="280">
        <v>38</v>
      </c>
      <c r="CI16" s="280">
        <v>29</v>
      </c>
      <c r="CJ16" s="280">
        <v>15</v>
      </c>
      <c r="CK16" s="277">
        <v>125</v>
      </c>
      <c r="CL16" s="282">
        <v>126</v>
      </c>
      <c r="CM16" s="276">
        <v>0</v>
      </c>
      <c r="CN16" s="280">
        <v>0</v>
      </c>
      <c r="CO16" s="277">
        <v>0</v>
      </c>
      <c r="CP16" s="279">
        <v>0</v>
      </c>
      <c r="CQ16" s="280">
        <v>2</v>
      </c>
      <c r="CR16" s="280">
        <v>3</v>
      </c>
      <c r="CS16" s="280">
        <v>5</v>
      </c>
      <c r="CT16" s="280">
        <v>7</v>
      </c>
      <c r="CU16" s="280">
        <v>1</v>
      </c>
      <c r="CV16" s="277">
        <v>18</v>
      </c>
      <c r="CW16" s="282">
        <v>18</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72</v>
      </c>
      <c r="DU16" s="280">
        <v>162</v>
      </c>
      <c r="DV16" s="277">
        <v>234</v>
      </c>
      <c r="DW16" s="279">
        <v>0</v>
      </c>
      <c r="DX16" s="280">
        <v>262</v>
      </c>
      <c r="DY16" s="280">
        <v>365</v>
      </c>
      <c r="DZ16" s="280">
        <v>239</v>
      </c>
      <c r="EA16" s="280">
        <v>214</v>
      </c>
      <c r="EB16" s="280">
        <v>131</v>
      </c>
      <c r="EC16" s="277">
        <v>1211</v>
      </c>
      <c r="ED16" s="282">
        <v>1445</v>
      </c>
      <c r="EE16" s="276">
        <v>24</v>
      </c>
      <c r="EF16" s="280">
        <v>13</v>
      </c>
      <c r="EG16" s="277">
        <v>37</v>
      </c>
      <c r="EH16" s="279">
        <v>0</v>
      </c>
      <c r="EI16" s="280">
        <v>79</v>
      </c>
      <c r="EJ16" s="280">
        <v>63</v>
      </c>
      <c r="EK16" s="280">
        <v>61</v>
      </c>
      <c r="EL16" s="280">
        <v>69</v>
      </c>
      <c r="EM16" s="280">
        <v>48</v>
      </c>
      <c r="EN16" s="277">
        <v>320</v>
      </c>
      <c r="EO16" s="282">
        <v>357</v>
      </c>
      <c r="EP16" s="276">
        <v>90</v>
      </c>
      <c r="EQ16" s="280">
        <v>189</v>
      </c>
      <c r="ER16" s="277">
        <v>279</v>
      </c>
      <c r="ES16" s="279">
        <v>0</v>
      </c>
      <c r="ET16" s="280">
        <v>561</v>
      </c>
      <c r="EU16" s="280">
        <v>505</v>
      </c>
      <c r="EV16" s="280">
        <v>308</v>
      </c>
      <c r="EW16" s="280">
        <v>231</v>
      </c>
      <c r="EX16" s="280">
        <v>149</v>
      </c>
      <c r="EY16" s="277">
        <v>1754</v>
      </c>
      <c r="EZ16" s="282">
        <v>2033</v>
      </c>
    </row>
    <row r="17" spans="2:156" ht="21" customHeight="1" x14ac:dyDescent="0.2">
      <c r="B17" s="261" t="s">
        <v>15</v>
      </c>
      <c r="C17" s="276">
        <v>0</v>
      </c>
      <c r="D17" s="280">
        <v>0</v>
      </c>
      <c r="E17" s="382">
        <v>0</v>
      </c>
      <c r="F17" s="279">
        <v>0</v>
      </c>
      <c r="G17" s="280">
        <v>110</v>
      </c>
      <c r="H17" s="280">
        <v>174</v>
      </c>
      <c r="I17" s="280">
        <v>76</v>
      </c>
      <c r="J17" s="280">
        <v>52</v>
      </c>
      <c r="K17" s="280">
        <v>46</v>
      </c>
      <c r="L17" s="281">
        <v>458</v>
      </c>
      <c r="M17" s="282">
        <v>458</v>
      </c>
      <c r="N17" s="276">
        <v>0</v>
      </c>
      <c r="O17" s="280">
        <v>0</v>
      </c>
      <c r="P17" s="277">
        <v>0</v>
      </c>
      <c r="Q17" s="279">
        <v>0</v>
      </c>
      <c r="R17" s="280">
        <v>0</v>
      </c>
      <c r="S17" s="280">
        <v>2</v>
      </c>
      <c r="T17" s="280">
        <v>10</v>
      </c>
      <c r="U17" s="280">
        <v>19</v>
      </c>
      <c r="V17" s="280">
        <v>25</v>
      </c>
      <c r="W17" s="277">
        <v>56</v>
      </c>
      <c r="X17" s="282">
        <v>56</v>
      </c>
      <c r="Y17" s="276">
        <v>2</v>
      </c>
      <c r="Z17" s="280">
        <v>14</v>
      </c>
      <c r="AA17" s="277">
        <v>16</v>
      </c>
      <c r="AB17" s="279">
        <v>0</v>
      </c>
      <c r="AC17" s="280">
        <v>50</v>
      </c>
      <c r="AD17" s="280">
        <v>77</v>
      </c>
      <c r="AE17" s="280">
        <v>49</v>
      </c>
      <c r="AF17" s="280">
        <v>47</v>
      </c>
      <c r="AG17" s="280">
        <v>38</v>
      </c>
      <c r="AH17" s="277">
        <v>261</v>
      </c>
      <c r="AI17" s="282">
        <v>277</v>
      </c>
      <c r="AJ17" s="276">
        <v>0</v>
      </c>
      <c r="AK17" s="280">
        <v>0</v>
      </c>
      <c r="AL17" s="277">
        <v>0</v>
      </c>
      <c r="AM17" s="279">
        <v>0</v>
      </c>
      <c r="AN17" s="280">
        <v>9</v>
      </c>
      <c r="AO17" s="280">
        <v>15</v>
      </c>
      <c r="AP17" s="280">
        <v>4</v>
      </c>
      <c r="AQ17" s="280">
        <v>3</v>
      </c>
      <c r="AR17" s="280">
        <v>5</v>
      </c>
      <c r="AS17" s="277">
        <v>36</v>
      </c>
      <c r="AT17" s="282">
        <v>36</v>
      </c>
      <c r="AU17" s="276">
        <v>10</v>
      </c>
      <c r="AV17" s="280">
        <v>12</v>
      </c>
      <c r="AW17" s="277">
        <v>22</v>
      </c>
      <c r="AX17" s="279">
        <v>0</v>
      </c>
      <c r="AY17" s="280">
        <v>115</v>
      </c>
      <c r="AZ17" s="280">
        <v>107</v>
      </c>
      <c r="BA17" s="280">
        <v>109</v>
      </c>
      <c r="BB17" s="280">
        <v>101</v>
      </c>
      <c r="BC17" s="280">
        <v>81</v>
      </c>
      <c r="BD17" s="281">
        <v>513</v>
      </c>
      <c r="BE17" s="282">
        <v>535</v>
      </c>
      <c r="BF17" s="276">
        <v>0</v>
      </c>
      <c r="BG17" s="280">
        <v>0</v>
      </c>
      <c r="BH17" s="277">
        <v>0</v>
      </c>
      <c r="BI17" s="279">
        <v>0</v>
      </c>
      <c r="BJ17" s="280">
        <v>121</v>
      </c>
      <c r="BK17" s="280">
        <v>138</v>
      </c>
      <c r="BL17" s="280">
        <v>55</v>
      </c>
      <c r="BM17" s="280">
        <v>30</v>
      </c>
      <c r="BN17" s="280">
        <v>12</v>
      </c>
      <c r="BO17" s="277">
        <v>356</v>
      </c>
      <c r="BP17" s="282">
        <v>356</v>
      </c>
      <c r="BQ17" s="276">
        <v>0</v>
      </c>
      <c r="BR17" s="280">
        <v>6</v>
      </c>
      <c r="BS17" s="277">
        <v>6</v>
      </c>
      <c r="BT17" s="279">
        <v>0</v>
      </c>
      <c r="BU17" s="280">
        <v>30</v>
      </c>
      <c r="BV17" s="280">
        <v>35</v>
      </c>
      <c r="BW17" s="280">
        <v>23</v>
      </c>
      <c r="BX17" s="280">
        <v>19</v>
      </c>
      <c r="BY17" s="280">
        <v>6</v>
      </c>
      <c r="BZ17" s="277">
        <v>113</v>
      </c>
      <c r="CA17" s="282">
        <v>119</v>
      </c>
      <c r="CB17" s="276">
        <v>0</v>
      </c>
      <c r="CC17" s="280">
        <v>3</v>
      </c>
      <c r="CD17" s="277">
        <v>3</v>
      </c>
      <c r="CE17" s="279">
        <v>0</v>
      </c>
      <c r="CF17" s="280">
        <v>9</v>
      </c>
      <c r="CG17" s="280">
        <v>33</v>
      </c>
      <c r="CH17" s="280">
        <v>48</v>
      </c>
      <c r="CI17" s="280">
        <v>45</v>
      </c>
      <c r="CJ17" s="280">
        <v>16</v>
      </c>
      <c r="CK17" s="277">
        <v>151</v>
      </c>
      <c r="CL17" s="282">
        <v>154</v>
      </c>
      <c r="CM17" s="276">
        <v>0</v>
      </c>
      <c r="CN17" s="280">
        <v>0</v>
      </c>
      <c r="CO17" s="277">
        <v>0</v>
      </c>
      <c r="CP17" s="279">
        <v>0</v>
      </c>
      <c r="CQ17" s="280">
        <v>2</v>
      </c>
      <c r="CR17" s="280">
        <v>1</v>
      </c>
      <c r="CS17" s="280">
        <v>2</v>
      </c>
      <c r="CT17" s="280">
        <v>3</v>
      </c>
      <c r="CU17" s="280">
        <v>1</v>
      </c>
      <c r="CV17" s="277">
        <v>9</v>
      </c>
      <c r="CW17" s="282">
        <v>9</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66</v>
      </c>
      <c r="DU17" s="280">
        <v>156</v>
      </c>
      <c r="DV17" s="277">
        <v>222</v>
      </c>
      <c r="DW17" s="279">
        <v>0</v>
      </c>
      <c r="DX17" s="280">
        <v>218</v>
      </c>
      <c r="DY17" s="280">
        <v>362</v>
      </c>
      <c r="DZ17" s="280">
        <v>183</v>
      </c>
      <c r="EA17" s="280">
        <v>129</v>
      </c>
      <c r="EB17" s="280">
        <v>81</v>
      </c>
      <c r="EC17" s="277">
        <v>973</v>
      </c>
      <c r="ED17" s="282">
        <v>1195</v>
      </c>
      <c r="EE17" s="276">
        <v>18</v>
      </c>
      <c r="EF17" s="280">
        <v>10</v>
      </c>
      <c r="EG17" s="277">
        <v>28</v>
      </c>
      <c r="EH17" s="279">
        <v>0</v>
      </c>
      <c r="EI17" s="280">
        <v>54</v>
      </c>
      <c r="EJ17" s="280">
        <v>31</v>
      </c>
      <c r="EK17" s="280">
        <v>28</v>
      </c>
      <c r="EL17" s="280">
        <v>40</v>
      </c>
      <c r="EM17" s="280">
        <v>19</v>
      </c>
      <c r="EN17" s="277">
        <v>172</v>
      </c>
      <c r="EO17" s="282">
        <v>200</v>
      </c>
      <c r="EP17" s="276">
        <v>68</v>
      </c>
      <c r="EQ17" s="280">
        <v>161</v>
      </c>
      <c r="ER17" s="277">
        <v>229</v>
      </c>
      <c r="ES17" s="279">
        <v>0</v>
      </c>
      <c r="ET17" s="280">
        <v>414</v>
      </c>
      <c r="EU17" s="280">
        <v>498</v>
      </c>
      <c r="EV17" s="280">
        <v>225</v>
      </c>
      <c r="EW17" s="280">
        <v>156</v>
      </c>
      <c r="EX17" s="280">
        <v>86</v>
      </c>
      <c r="EY17" s="277">
        <v>1379</v>
      </c>
      <c r="EZ17" s="282">
        <v>1608</v>
      </c>
    </row>
    <row r="18" spans="2:156" ht="21" customHeight="1" x14ac:dyDescent="0.2">
      <c r="B18" s="261" t="s">
        <v>16</v>
      </c>
      <c r="C18" s="276">
        <v>0</v>
      </c>
      <c r="D18" s="280">
        <v>0</v>
      </c>
      <c r="E18" s="382">
        <v>0</v>
      </c>
      <c r="F18" s="279">
        <v>0</v>
      </c>
      <c r="G18" s="280">
        <v>215</v>
      </c>
      <c r="H18" s="280">
        <v>311</v>
      </c>
      <c r="I18" s="280">
        <v>173</v>
      </c>
      <c r="J18" s="280">
        <v>138</v>
      </c>
      <c r="K18" s="280">
        <v>92</v>
      </c>
      <c r="L18" s="281">
        <v>929</v>
      </c>
      <c r="M18" s="282">
        <v>929</v>
      </c>
      <c r="N18" s="276">
        <v>0</v>
      </c>
      <c r="O18" s="280">
        <v>0</v>
      </c>
      <c r="P18" s="277">
        <v>0</v>
      </c>
      <c r="Q18" s="279">
        <v>0</v>
      </c>
      <c r="R18" s="280">
        <v>2</v>
      </c>
      <c r="S18" s="280">
        <v>7</v>
      </c>
      <c r="T18" s="280">
        <v>15</v>
      </c>
      <c r="U18" s="280">
        <v>27</v>
      </c>
      <c r="V18" s="280">
        <v>45</v>
      </c>
      <c r="W18" s="277">
        <v>96</v>
      </c>
      <c r="X18" s="282">
        <v>96</v>
      </c>
      <c r="Y18" s="276">
        <v>37</v>
      </c>
      <c r="Z18" s="280">
        <v>51</v>
      </c>
      <c r="AA18" s="277">
        <v>88</v>
      </c>
      <c r="AB18" s="279">
        <v>0</v>
      </c>
      <c r="AC18" s="280">
        <v>182</v>
      </c>
      <c r="AD18" s="280">
        <v>306</v>
      </c>
      <c r="AE18" s="280">
        <v>177</v>
      </c>
      <c r="AF18" s="280">
        <v>157</v>
      </c>
      <c r="AG18" s="280">
        <v>115</v>
      </c>
      <c r="AH18" s="277">
        <v>937</v>
      </c>
      <c r="AI18" s="282">
        <v>1025</v>
      </c>
      <c r="AJ18" s="276">
        <v>1</v>
      </c>
      <c r="AK18" s="280">
        <v>10</v>
      </c>
      <c r="AL18" s="277">
        <v>11</v>
      </c>
      <c r="AM18" s="279">
        <v>0</v>
      </c>
      <c r="AN18" s="280">
        <v>7</v>
      </c>
      <c r="AO18" s="280">
        <v>29</v>
      </c>
      <c r="AP18" s="280">
        <v>10</v>
      </c>
      <c r="AQ18" s="280">
        <v>9</v>
      </c>
      <c r="AR18" s="280">
        <v>10</v>
      </c>
      <c r="AS18" s="277">
        <v>65</v>
      </c>
      <c r="AT18" s="282">
        <v>76</v>
      </c>
      <c r="AU18" s="276">
        <v>44</v>
      </c>
      <c r="AV18" s="280">
        <v>38</v>
      </c>
      <c r="AW18" s="277">
        <v>82</v>
      </c>
      <c r="AX18" s="279">
        <v>0</v>
      </c>
      <c r="AY18" s="280">
        <v>204</v>
      </c>
      <c r="AZ18" s="280">
        <v>293</v>
      </c>
      <c r="BA18" s="280">
        <v>265</v>
      </c>
      <c r="BB18" s="280">
        <v>282</v>
      </c>
      <c r="BC18" s="280">
        <v>236</v>
      </c>
      <c r="BD18" s="281">
        <v>1280</v>
      </c>
      <c r="BE18" s="282">
        <v>1362</v>
      </c>
      <c r="BF18" s="276">
        <v>0</v>
      </c>
      <c r="BG18" s="280">
        <v>0</v>
      </c>
      <c r="BH18" s="277">
        <v>0</v>
      </c>
      <c r="BI18" s="279">
        <v>0</v>
      </c>
      <c r="BJ18" s="280">
        <v>325</v>
      </c>
      <c r="BK18" s="280">
        <v>446</v>
      </c>
      <c r="BL18" s="280">
        <v>221</v>
      </c>
      <c r="BM18" s="280">
        <v>141</v>
      </c>
      <c r="BN18" s="280">
        <v>88</v>
      </c>
      <c r="BO18" s="277">
        <v>1221</v>
      </c>
      <c r="BP18" s="282">
        <v>1221</v>
      </c>
      <c r="BQ18" s="276">
        <v>41</v>
      </c>
      <c r="BR18" s="280">
        <v>88</v>
      </c>
      <c r="BS18" s="277">
        <v>129</v>
      </c>
      <c r="BT18" s="279">
        <v>0</v>
      </c>
      <c r="BU18" s="280">
        <v>187</v>
      </c>
      <c r="BV18" s="280">
        <v>260</v>
      </c>
      <c r="BW18" s="280">
        <v>115</v>
      </c>
      <c r="BX18" s="280">
        <v>52</v>
      </c>
      <c r="BY18" s="280">
        <v>17</v>
      </c>
      <c r="BZ18" s="277">
        <v>631</v>
      </c>
      <c r="CA18" s="282">
        <v>760</v>
      </c>
      <c r="CB18" s="276">
        <v>0</v>
      </c>
      <c r="CC18" s="280">
        <v>2</v>
      </c>
      <c r="CD18" s="277">
        <v>2</v>
      </c>
      <c r="CE18" s="279">
        <v>0</v>
      </c>
      <c r="CF18" s="280">
        <v>43</v>
      </c>
      <c r="CG18" s="280">
        <v>81</v>
      </c>
      <c r="CH18" s="280">
        <v>90</v>
      </c>
      <c r="CI18" s="280">
        <v>48</v>
      </c>
      <c r="CJ18" s="280">
        <v>24</v>
      </c>
      <c r="CK18" s="277">
        <v>286</v>
      </c>
      <c r="CL18" s="282">
        <v>288</v>
      </c>
      <c r="CM18" s="276">
        <v>0</v>
      </c>
      <c r="CN18" s="280">
        <v>0</v>
      </c>
      <c r="CO18" s="277">
        <v>0</v>
      </c>
      <c r="CP18" s="279">
        <v>0</v>
      </c>
      <c r="CQ18" s="280">
        <v>2</v>
      </c>
      <c r="CR18" s="280">
        <v>6</v>
      </c>
      <c r="CS18" s="280">
        <v>10</v>
      </c>
      <c r="CT18" s="280">
        <v>7</v>
      </c>
      <c r="CU18" s="280">
        <v>5</v>
      </c>
      <c r="CV18" s="277">
        <v>30</v>
      </c>
      <c r="CW18" s="282">
        <v>30</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58</v>
      </c>
      <c r="DU18" s="280">
        <v>324</v>
      </c>
      <c r="DV18" s="277">
        <v>482</v>
      </c>
      <c r="DW18" s="279">
        <v>0</v>
      </c>
      <c r="DX18" s="280">
        <v>431</v>
      </c>
      <c r="DY18" s="280">
        <v>896</v>
      </c>
      <c r="DZ18" s="280">
        <v>469</v>
      </c>
      <c r="EA18" s="280">
        <v>344</v>
      </c>
      <c r="EB18" s="280">
        <v>232</v>
      </c>
      <c r="EC18" s="277">
        <v>2372</v>
      </c>
      <c r="ED18" s="282">
        <v>2854</v>
      </c>
      <c r="EE18" s="276">
        <v>24</v>
      </c>
      <c r="EF18" s="280">
        <v>25</v>
      </c>
      <c r="EG18" s="277">
        <v>49</v>
      </c>
      <c r="EH18" s="279">
        <v>0</v>
      </c>
      <c r="EI18" s="280">
        <v>105</v>
      </c>
      <c r="EJ18" s="280">
        <v>96</v>
      </c>
      <c r="EK18" s="280">
        <v>85</v>
      </c>
      <c r="EL18" s="280">
        <v>125</v>
      </c>
      <c r="EM18" s="280">
        <v>81</v>
      </c>
      <c r="EN18" s="277">
        <v>492</v>
      </c>
      <c r="EO18" s="282">
        <v>541</v>
      </c>
      <c r="EP18" s="276">
        <v>219</v>
      </c>
      <c r="EQ18" s="280">
        <v>399</v>
      </c>
      <c r="ER18" s="277">
        <v>618</v>
      </c>
      <c r="ES18" s="279">
        <v>0</v>
      </c>
      <c r="ET18" s="280">
        <v>884</v>
      </c>
      <c r="EU18" s="280">
        <v>1196</v>
      </c>
      <c r="EV18" s="280">
        <v>567</v>
      </c>
      <c r="EW18" s="280">
        <v>364</v>
      </c>
      <c r="EX18" s="280">
        <v>229</v>
      </c>
      <c r="EY18" s="277">
        <v>3240</v>
      </c>
      <c r="EZ18" s="282">
        <v>3858</v>
      </c>
    </row>
    <row r="19" spans="2:156" ht="21" customHeight="1" x14ac:dyDescent="0.2">
      <c r="B19" s="261" t="s">
        <v>17</v>
      </c>
      <c r="C19" s="276">
        <v>0</v>
      </c>
      <c r="D19" s="280">
        <v>0</v>
      </c>
      <c r="E19" s="382">
        <v>0</v>
      </c>
      <c r="F19" s="279">
        <v>0</v>
      </c>
      <c r="G19" s="280">
        <v>241</v>
      </c>
      <c r="H19" s="280">
        <v>451</v>
      </c>
      <c r="I19" s="280">
        <v>286</v>
      </c>
      <c r="J19" s="280">
        <v>218</v>
      </c>
      <c r="K19" s="280">
        <v>179</v>
      </c>
      <c r="L19" s="281">
        <v>1375</v>
      </c>
      <c r="M19" s="282">
        <v>1375</v>
      </c>
      <c r="N19" s="276">
        <v>0</v>
      </c>
      <c r="O19" s="280">
        <v>1</v>
      </c>
      <c r="P19" s="277">
        <v>1</v>
      </c>
      <c r="Q19" s="279">
        <v>0</v>
      </c>
      <c r="R19" s="280">
        <v>1</v>
      </c>
      <c r="S19" s="280">
        <v>8</v>
      </c>
      <c r="T19" s="280">
        <v>18</v>
      </c>
      <c r="U19" s="280">
        <v>43</v>
      </c>
      <c r="V19" s="280">
        <v>84</v>
      </c>
      <c r="W19" s="277">
        <v>154</v>
      </c>
      <c r="X19" s="282">
        <v>155</v>
      </c>
      <c r="Y19" s="276">
        <v>31</v>
      </c>
      <c r="Z19" s="280">
        <v>92</v>
      </c>
      <c r="AA19" s="277">
        <v>123</v>
      </c>
      <c r="AB19" s="279">
        <v>0</v>
      </c>
      <c r="AC19" s="280">
        <v>162</v>
      </c>
      <c r="AD19" s="280">
        <v>309</v>
      </c>
      <c r="AE19" s="280">
        <v>227</v>
      </c>
      <c r="AF19" s="280">
        <v>168</v>
      </c>
      <c r="AG19" s="280">
        <v>150</v>
      </c>
      <c r="AH19" s="277">
        <v>1016</v>
      </c>
      <c r="AI19" s="282">
        <v>1139</v>
      </c>
      <c r="AJ19" s="276">
        <v>6</v>
      </c>
      <c r="AK19" s="280">
        <v>11</v>
      </c>
      <c r="AL19" s="277">
        <v>17</v>
      </c>
      <c r="AM19" s="279">
        <v>0</v>
      </c>
      <c r="AN19" s="280">
        <v>10</v>
      </c>
      <c r="AO19" s="280">
        <v>32</v>
      </c>
      <c r="AP19" s="280">
        <v>27</v>
      </c>
      <c r="AQ19" s="280">
        <v>22</v>
      </c>
      <c r="AR19" s="280">
        <v>15</v>
      </c>
      <c r="AS19" s="277">
        <v>106</v>
      </c>
      <c r="AT19" s="282">
        <v>123</v>
      </c>
      <c r="AU19" s="276">
        <v>38</v>
      </c>
      <c r="AV19" s="280">
        <v>53</v>
      </c>
      <c r="AW19" s="277">
        <v>91</v>
      </c>
      <c r="AX19" s="279">
        <v>0</v>
      </c>
      <c r="AY19" s="280">
        <v>264</v>
      </c>
      <c r="AZ19" s="280">
        <v>441</v>
      </c>
      <c r="BA19" s="280">
        <v>407</v>
      </c>
      <c r="BB19" s="280">
        <v>411</v>
      </c>
      <c r="BC19" s="280">
        <v>341</v>
      </c>
      <c r="BD19" s="281">
        <v>1864</v>
      </c>
      <c r="BE19" s="282">
        <v>1955</v>
      </c>
      <c r="BF19" s="276">
        <v>0</v>
      </c>
      <c r="BG19" s="280">
        <v>0</v>
      </c>
      <c r="BH19" s="277">
        <v>0</v>
      </c>
      <c r="BI19" s="279">
        <v>0</v>
      </c>
      <c r="BJ19" s="280">
        <v>343</v>
      </c>
      <c r="BK19" s="280">
        <v>536</v>
      </c>
      <c r="BL19" s="280">
        <v>305</v>
      </c>
      <c r="BM19" s="280">
        <v>171</v>
      </c>
      <c r="BN19" s="280">
        <v>91</v>
      </c>
      <c r="BO19" s="277">
        <v>1446</v>
      </c>
      <c r="BP19" s="282">
        <v>1446</v>
      </c>
      <c r="BQ19" s="276">
        <v>36</v>
      </c>
      <c r="BR19" s="280">
        <v>79</v>
      </c>
      <c r="BS19" s="277">
        <v>115</v>
      </c>
      <c r="BT19" s="279">
        <v>0</v>
      </c>
      <c r="BU19" s="280">
        <v>66</v>
      </c>
      <c r="BV19" s="280">
        <v>188</v>
      </c>
      <c r="BW19" s="280">
        <v>97</v>
      </c>
      <c r="BX19" s="280">
        <v>46</v>
      </c>
      <c r="BY19" s="280">
        <v>25</v>
      </c>
      <c r="BZ19" s="277">
        <v>422</v>
      </c>
      <c r="CA19" s="282">
        <v>537</v>
      </c>
      <c r="CB19" s="276">
        <v>0</v>
      </c>
      <c r="CC19" s="280">
        <v>2</v>
      </c>
      <c r="CD19" s="277">
        <v>2</v>
      </c>
      <c r="CE19" s="279">
        <v>0</v>
      </c>
      <c r="CF19" s="280">
        <v>44</v>
      </c>
      <c r="CG19" s="280">
        <v>90</v>
      </c>
      <c r="CH19" s="280">
        <v>115</v>
      </c>
      <c r="CI19" s="280">
        <v>80</v>
      </c>
      <c r="CJ19" s="280">
        <v>40</v>
      </c>
      <c r="CK19" s="277">
        <v>369</v>
      </c>
      <c r="CL19" s="282">
        <v>371</v>
      </c>
      <c r="CM19" s="276">
        <v>0</v>
      </c>
      <c r="CN19" s="280">
        <v>0</v>
      </c>
      <c r="CO19" s="277">
        <v>0</v>
      </c>
      <c r="CP19" s="279">
        <v>0</v>
      </c>
      <c r="CQ19" s="280">
        <v>6</v>
      </c>
      <c r="CR19" s="280">
        <v>15</v>
      </c>
      <c r="CS19" s="280">
        <v>9</v>
      </c>
      <c r="CT19" s="280">
        <v>10</v>
      </c>
      <c r="CU19" s="280">
        <v>12</v>
      </c>
      <c r="CV19" s="277">
        <v>52</v>
      </c>
      <c r="CW19" s="282">
        <v>52</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83</v>
      </c>
      <c r="DU19" s="280">
        <v>486</v>
      </c>
      <c r="DV19" s="277">
        <v>669</v>
      </c>
      <c r="DW19" s="279">
        <v>0</v>
      </c>
      <c r="DX19" s="280">
        <v>420</v>
      </c>
      <c r="DY19" s="280">
        <v>1131</v>
      </c>
      <c r="DZ19" s="280">
        <v>707</v>
      </c>
      <c r="EA19" s="280">
        <v>522</v>
      </c>
      <c r="EB19" s="280">
        <v>368</v>
      </c>
      <c r="EC19" s="277">
        <v>3148</v>
      </c>
      <c r="ED19" s="282">
        <v>3817</v>
      </c>
      <c r="EE19" s="276">
        <v>30</v>
      </c>
      <c r="EF19" s="280">
        <v>29</v>
      </c>
      <c r="EG19" s="277">
        <v>59</v>
      </c>
      <c r="EH19" s="279">
        <v>0</v>
      </c>
      <c r="EI19" s="280">
        <v>91</v>
      </c>
      <c r="EJ19" s="280">
        <v>114</v>
      </c>
      <c r="EK19" s="280">
        <v>87</v>
      </c>
      <c r="EL19" s="280">
        <v>104</v>
      </c>
      <c r="EM19" s="280">
        <v>65</v>
      </c>
      <c r="EN19" s="277">
        <v>461</v>
      </c>
      <c r="EO19" s="282">
        <v>520</v>
      </c>
      <c r="EP19" s="276">
        <v>249</v>
      </c>
      <c r="EQ19" s="280">
        <v>567</v>
      </c>
      <c r="ER19" s="277">
        <v>816</v>
      </c>
      <c r="ES19" s="279">
        <v>0</v>
      </c>
      <c r="ET19" s="280">
        <v>960</v>
      </c>
      <c r="EU19" s="280">
        <v>1504</v>
      </c>
      <c r="EV19" s="280">
        <v>836</v>
      </c>
      <c r="EW19" s="280">
        <v>568</v>
      </c>
      <c r="EX19" s="280">
        <v>372</v>
      </c>
      <c r="EY19" s="277">
        <v>4240</v>
      </c>
      <c r="EZ19" s="282">
        <v>5056</v>
      </c>
    </row>
    <row r="20" spans="2:156" ht="21" customHeight="1" x14ac:dyDescent="0.2">
      <c r="B20" s="261" t="s">
        <v>18</v>
      </c>
      <c r="C20" s="276">
        <v>0</v>
      </c>
      <c r="D20" s="280">
        <v>0</v>
      </c>
      <c r="E20" s="382">
        <v>0</v>
      </c>
      <c r="F20" s="279">
        <v>0</v>
      </c>
      <c r="G20" s="280">
        <v>465</v>
      </c>
      <c r="H20" s="280">
        <v>504</v>
      </c>
      <c r="I20" s="280">
        <v>296</v>
      </c>
      <c r="J20" s="280">
        <v>232</v>
      </c>
      <c r="K20" s="280">
        <v>171</v>
      </c>
      <c r="L20" s="281">
        <v>1668</v>
      </c>
      <c r="M20" s="282">
        <v>1668</v>
      </c>
      <c r="N20" s="276">
        <v>0</v>
      </c>
      <c r="O20" s="280">
        <v>0</v>
      </c>
      <c r="P20" s="277">
        <v>0</v>
      </c>
      <c r="Q20" s="279">
        <v>0</v>
      </c>
      <c r="R20" s="280">
        <v>3</v>
      </c>
      <c r="S20" s="280">
        <v>10</v>
      </c>
      <c r="T20" s="280">
        <v>18</v>
      </c>
      <c r="U20" s="280">
        <v>49</v>
      </c>
      <c r="V20" s="280">
        <v>85</v>
      </c>
      <c r="W20" s="277">
        <v>165</v>
      </c>
      <c r="X20" s="282">
        <v>165</v>
      </c>
      <c r="Y20" s="276">
        <v>53</v>
      </c>
      <c r="Z20" s="280">
        <v>96</v>
      </c>
      <c r="AA20" s="277">
        <v>149</v>
      </c>
      <c r="AB20" s="279">
        <v>0</v>
      </c>
      <c r="AC20" s="280">
        <v>344</v>
      </c>
      <c r="AD20" s="280">
        <v>365</v>
      </c>
      <c r="AE20" s="280">
        <v>250</v>
      </c>
      <c r="AF20" s="280">
        <v>191</v>
      </c>
      <c r="AG20" s="280">
        <v>156</v>
      </c>
      <c r="AH20" s="277">
        <v>1306</v>
      </c>
      <c r="AI20" s="282">
        <v>1455</v>
      </c>
      <c r="AJ20" s="276">
        <v>6</v>
      </c>
      <c r="AK20" s="280">
        <v>11</v>
      </c>
      <c r="AL20" s="277">
        <v>17</v>
      </c>
      <c r="AM20" s="279">
        <v>0</v>
      </c>
      <c r="AN20" s="280">
        <v>34</v>
      </c>
      <c r="AO20" s="280">
        <v>53</v>
      </c>
      <c r="AP20" s="280">
        <v>30</v>
      </c>
      <c r="AQ20" s="280">
        <v>22</v>
      </c>
      <c r="AR20" s="280">
        <v>15</v>
      </c>
      <c r="AS20" s="277">
        <v>154</v>
      </c>
      <c r="AT20" s="282">
        <v>171</v>
      </c>
      <c r="AU20" s="276">
        <v>53</v>
      </c>
      <c r="AV20" s="280">
        <v>72</v>
      </c>
      <c r="AW20" s="277">
        <v>125</v>
      </c>
      <c r="AX20" s="279">
        <v>0</v>
      </c>
      <c r="AY20" s="280">
        <v>433</v>
      </c>
      <c r="AZ20" s="280">
        <v>549</v>
      </c>
      <c r="BA20" s="280">
        <v>515</v>
      </c>
      <c r="BB20" s="280">
        <v>465</v>
      </c>
      <c r="BC20" s="280">
        <v>394</v>
      </c>
      <c r="BD20" s="281">
        <v>2356</v>
      </c>
      <c r="BE20" s="282">
        <v>2481</v>
      </c>
      <c r="BF20" s="276">
        <v>0</v>
      </c>
      <c r="BG20" s="280">
        <v>0</v>
      </c>
      <c r="BH20" s="277">
        <v>0</v>
      </c>
      <c r="BI20" s="279">
        <v>0</v>
      </c>
      <c r="BJ20" s="280">
        <v>701</v>
      </c>
      <c r="BK20" s="280">
        <v>649</v>
      </c>
      <c r="BL20" s="280">
        <v>351</v>
      </c>
      <c r="BM20" s="280">
        <v>207</v>
      </c>
      <c r="BN20" s="280">
        <v>92</v>
      </c>
      <c r="BO20" s="277">
        <v>2000</v>
      </c>
      <c r="BP20" s="282">
        <v>2000</v>
      </c>
      <c r="BQ20" s="276">
        <v>55</v>
      </c>
      <c r="BR20" s="280">
        <v>80</v>
      </c>
      <c r="BS20" s="277">
        <v>135</v>
      </c>
      <c r="BT20" s="279">
        <v>0</v>
      </c>
      <c r="BU20" s="280">
        <v>178</v>
      </c>
      <c r="BV20" s="280">
        <v>200</v>
      </c>
      <c r="BW20" s="280">
        <v>108</v>
      </c>
      <c r="BX20" s="280">
        <v>67</v>
      </c>
      <c r="BY20" s="280">
        <v>27</v>
      </c>
      <c r="BZ20" s="277">
        <v>580</v>
      </c>
      <c r="CA20" s="282">
        <v>715</v>
      </c>
      <c r="CB20" s="276">
        <v>0</v>
      </c>
      <c r="CC20" s="280">
        <v>4</v>
      </c>
      <c r="CD20" s="277">
        <v>4</v>
      </c>
      <c r="CE20" s="279">
        <v>0</v>
      </c>
      <c r="CF20" s="280">
        <v>47</v>
      </c>
      <c r="CG20" s="280">
        <v>98</v>
      </c>
      <c r="CH20" s="280">
        <v>147</v>
      </c>
      <c r="CI20" s="280">
        <v>102</v>
      </c>
      <c r="CJ20" s="280">
        <v>65</v>
      </c>
      <c r="CK20" s="277">
        <v>459</v>
      </c>
      <c r="CL20" s="282">
        <v>463</v>
      </c>
      <c r="CM20" s="276">
        <v>0</v>
      </c>
      <c r="CN20" s="280">
        <v>0</v>
      </c>
      <c r="CO20" s="277">
        <v>0</v>
      </c>
      <c r="CP20" s="279">
        <v>0</v>
      </c>
      <c r="CQ20" s="280">
        <v>1</v>
      </c>
      <c r="CR20" s="280">
        <v>3</v>
      </c>
      <c r="CS20" s="280">
        <v>0</v>
      </c>
      <c r="CT20" s="280">
        <v>3</v>
      </c>
      <c r="CU20" s="280">
        <v>1</v>
      </c>
      <c r="CV20" s="277">
        <v>8</v>
      </c>
      <c r="CW20" s="282">
        <v>8</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227</v>
      </c>
      <c r="DU20" s="280">
        <v>490</v>
      </c>
      <c r="DV20" s="277">
        <v>717</v>
      </c>
      <c r="DW20" s="279">
        <v>0</v>
      </c>
      <c r="DX20" s="280">
        <v>800</v>
      </c>
      <c r="DY20" s="280">
        <v>1113</v>
      </c>
      <c r="DZ20" s="280">
        <v>696</v>
      </c>
      <c r="EA20" s="280">
        <v>526</v>
      </c>
      <c r="EB20" s="280">
        <v>353</v>
      </c>
      <c r="EC20" s="277">
        <v>3488</v>
      </c>
      <c r="ED20" s="282">
        <v>4205</v>
      </c>
      <c r="EE20" s="276">
        <v>27</v>
      </c>
      <c r="EF20" s="280">
        <v>14</v>
      </c>
      <c r="EG20" s="277">
        <v>41</v>
      </c>
      <c r="EH20" s="279">
        <v>0</v>
      </c>
      <c r="EI20" s="280">
        <v>118</v>
      </c>
      <c r="EJ20" s="280">
        <v>114</v>
      </c>
      <c r="EK20" s="280">
        <v>95</v>
      </c>
      <c r="EL20" s="280">
        <v>102</v>
      </c>
      <c r="EM20" s="280">
        <v>77</v>
      </c>
      <c r="EN20" s="277">
        <v>506</v>
      </c>
      <c r="EO20" s="282">
        <v>547</v>
      </c>
      <c r="EP20" s="276">
        <v>300</v>
      </c>
      <c r="EQ20" s="280">
        <v>600</v>
      </c>
      <c r="ER20" s="277">
        <v>900</v>
      </c>
      <c r="ES20" s="279">
        <v>0</v>
      </c>
      <c r="ET20" s="280">
        <v>1628</v>
      </c>
      <c r="EU20" s="280">
        <v>1488</v>
      </c>
      <c r="EV20" s="280">
        <v>844</v>
      </c>
      <c r="EW20" s="280">
        <v>544</v>
      </c>
      <c r="EX20" s="280">
        <v>336</v>
      </c>
      <c r="EY20" s="277">
        <v>4840</v>
      </c>
      <c r="EZ20" s="282">
        <v>5740</v>
      </c>
    </row>
    <row r="21" spans="2:156" ht="21" customHeight="1" x14ac:dyDescent="0.2">
      <c r="B21" s="261" t="s">
        <v>19</v>
      </c>
      <c r="C21" s="276">
        <v>0</v>
      </c>
      <c r="D21" s="280">
        <v>0</v>
      </c>
      <c r="E21" s="382">
        <v>0</v>
      </c>
      <c r="F21" s="279">
        <v>0</v>
      </c>
      <c r="G21" s="280">
        <v>179</v>
      </c>
      <c r="H21" s="280">
        <v>164</v>
      </c>
      <c r="I21" s="280">
        <v>94</v>
      </c>
      <c r="J21" s="280">
        <v>81</v>
      </c>
      <c r="K21" s="280">
        <v>54</v>
      </c>
      <c r="L21" s="281">
        <v>572</v>
      </c>
      <c r="M21" s="282">
        <v>572</v>
      </c>
      <c r="N21" s="276">
        <v>0</v>
      </c>
      <c r="O21" s="280">
        <v>1</v>
      </c>
      <c r="P21" s="277">
        <v>1</v>
      </c>
      <c r="Q21" s="279">
        <v>0</v>
      </c>
      <c r="R21" s="280">
        <v>5</v>
      </c>
      <c r="S21" s="280">
        <v>6</v>
      </c>
      <c r="T21" s="280">
        <v>16</v>
      </c>
      <c r="U21" s="280">
        <v>22</v>
      </c>
      <c r="V21" s="280">
        <v>31</v>
      </c>
      <c r="W21" s="277">
        <v>80</v>
      </c>
      <c r="X21" s="282">
        <v>81</v>
      </c>
      <c r="Y21" s="276">
        <v>34</v>
      </c>
      <c r="Z21" s="280">
        <v>52</v>
      </c>
      <c r="AA21" s="277">
        <v>86</v>
      </c>
      <c r="AB21" s="279">
        <v>0</v>
      </c>
      <c r="AC21" s="280">
        <v>138</v>
      </c>
      <c r="AD21" s="280">
        <v>149</v>
      </c>
      <c r="AE21" s="280">
        <v>108</v>
      </c>
      <c r="AF21" s="280">
        <v>71</v>
      </c>
      <c r="AG21" s="280">
        <v>67</v>
      </c>
      <c r="AH21" s="277">
        <v>533</v>
      </c>
      <c r="AI21" s="282">
        <v>619</v>
      </c>
      <c r="AJ21" s="276">
        <v>3</v>
      </c>
      <c r="AK21" s="280">
        <v>4</v>
      </c>
      <c r="AL21" s="277">
        <v>7</v>
      </c>
      <c r="AM21" s="279">
        <v>0</v>
      </c>
      <c r="AN21" s="280">
        <v>18</v>
      </c>
      <c r="AO21" s="280">
        <v>16</v>
      </c>
      <c r="AP21" s="280">
        <v>9</v>
      </c>
      <c r="AQ21" s="280">
        <v>10</v>
      </c>
      <c r="AR21" s="280">
        <v>5</v>
      </c>
      <c r="AS21" s="277">
        <v>58</v>
      </c>
      <c r="AT21" s="282">
        <v>65</v>
      </c>
      <c r="AU21" s="276">
        <v>38</v>
      </c>
      <c r="AV21" s="280">
        <v>34</v>
      </c>
      <c r="AW21" s="277">
        <v>72</v>
      </c>
      <c r="AX21" s="279">
        <v>0</v>
      </c>
      <c r="AY21" s="280">
        <v>180</v>
      </c>
      <c r="AZ21" s="280">
        <v>216</v>
      </c>
      <c r="BA21" s="280">
        <v>187</v>
      </c>
      <c r="BB21" s="280">
        <v>171</v>
      </c>
      <c r="BC21" s="280">
        <v>141</v>
      </c>
      <c r="BD21" s="281">
        <v>895</v>
      </c>
      <c r="BE21" s="282">
        <v>967</v>
      </c>
      <c r="BF21" s="276">
        <v>0</v>
      </c>
      <c r="BG21" s="280">
        <v>0</v>
      </c>
      <c r="BH21" s="277">
        <v>0</v>
      </c>
      <c r="BI21" s="279">
        <v>0</v>
      </c>
      <c r="BJ21" s="280">
        <v>265</v>
      </c>
      <c r="BK21" s="280">
        <v>234</v>
      </c>
      <c r="BL21" s="280">
        <v>129</v>
      </c>
      <c r="BM21" s="280">
        <v>50</v>
      </c>
      <c r="BN21" s="280">
        <v>37</v>
      </c>
      <c r="BO21" s="277">
        <v>715</v>
      </c>
      <c r="BP21" s="282">
        <v>715</v>
      </c>
      <c r="BQ21" s="276">
        <v>34</v>
      </c>
      <c r="BR21" s="280">
        <v>64</v>
      </c>
      <c r="BS21" s="277">
        <v>98</v>
      </c>
      <c r="BT21" s="279">
        <v>0</v>
      </c>
      <c r="BU21" s="280">
        <v>108</v>
      </c>
      <c r="BV21" s="280">
        <v>99</v>
      </c>
      <c r="BW21" s="280">
        <v>64</v>
      </c>
      <c r="BX21" s="280">
        <v>29</v>
      </c>
      <c r="BY21" s="280">
        <v>13</v>
      </c>
      <c r="BZ21" s="277">
        <v>313</v>
      </c>
      <c r="CA21" s="282">
        <v>411</v>
      </c>
      <c r="CB21" s="276">
        <v>2</v>
      </c>
      <c r="CC21" s="280">
        <v>2</v>
      </c>
      <c r="CD21" s="277">
        <v>4</v>
      </c>
      <c r="CE21" s="279">
        <v>0</v>
      </c>
      <c r="CF21" s="280">
        <v>25</v>
      </c>
      <c r="CG21" s="280">
        <v>49</v>
      </c>
      <c r="CH21" s="280">
        <v>57</v>
      </c>
      <c r="CI21" s="280">
        <v>21</v>
      </c>
      <c r="CJ21" s="280">
        <v>19</v>
      </c>
      <c r="CK21" s="277">
        <v>171</v>
      </c>
      <c r="CL21" s="282">
        <v>175</v>
      </c>
      <c r="CM21" s="276">
        <v>0</v>
      </c>
      <c r="CN21" s="280">
        <v>0</v>
      </c>
      <c r="CO21" s="277">
        <v>0</v>
      </c>
      <c r="CP21" s="279">
        <v>0</v>
      </c>
      <c r="CQ21" s="280">
        <v>5</v>
      </c>
      <c r="CR21" s="280">
        <v>11</v>
      </c>
      <c r="CS21" s="280">
        <v>12</v>
      </c>
      <c r="CT21" s="280">
        <v>13</v>
      </c>
      <c r="CU21" s="280">
        <v>6</v>
      </c>
      <c r="CV21" s="277">
        <v>47</v>
      </c>
      <c r="CW21" s="282">
        <v>47</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126</v>
      </c>
      <c r="DU21" s="280">
        <v>225</v>
      </c>
      <c r="DV21" s="277">
        <v>351</v>
      </c>
      <c r="DW21" s="279">
        <v>0</v>
      </c>
      <c r="DX21" s="280">
        <v>404</v>
      </c>
      <c r="DY21" s="280">
        <v>449</v>
      </c>
      <c r="DZ21" s="280">
        <v>278</v>
      </c>
      <c r="EA21" s="280">
        <v>177</v>
      </c>
      <c r="EB21" s="280">
        <v>135</v>
      </c>
      <c r="EC21" s="277">
        <v>1443</v>
      </c>
      <c r="ED21" s="282">
        <v>1794</v>
      </c>
      <c r="EE21" s="276">
        <v>14</v>
      </c>
      <c r="EF21" s="280">
        <v>15</v>
      </c>
      <c r="EG21" s="277">
        <v>29</v>
      </c>
      <c r="EH21" s="279">
        <v>0</v>
      </c>
      <c r="EI21" s="280">
        <v>67</v>
      </c>
      <c r="EJ21" s="280">
        <v>60</v>
      </c>
      <c r="EK21" s="280">
        <v>46</v>
      </c>
      <c r="EL21" s="280">
        <v>46</v>
      </c>
      <c r="EM21" s="280">
        <v>28</v>
      </c>
      <c r="EN21" s="277">
        <v>247</v>
      </c>
      <c r="EO21" s="282">
        <v>276</v>
      </c>
      <c r="EP21" s="276">
        <v>177</v>
      </c>
      <c r="EQ21" s="280">
        <v>288</v>
      </c>
      <c r="ER21" s="277">
        <v>465</v>
      </c>
      <c r="ES21" s="279">
        <v>0</v>
      </c>
      <c r="ET21" s="280">
        <v>713</v>
      </c>
      <c r="EU21" s="280">
        <v>589</v>
      </c>
      <c r="EV21" s="280">
        <v>313</v>
      </c>
      <c r="EW21" s="280">
        <v>176</v>
      </c>
      <c r="EX21" s="280">
        <v>125</v>
      </c>
      <c r="EY21" s="277">
        <v>1916</v>
      </c>
      <c r="EZ21" s="282">
        <v>2381</v>
      </c>
    </row>
    <row r="22" spans="2:156" ht="21" customHeight="1" x14ac:dyDescent="0.2">
      <c r="B22" s="261" t="s">
        <v>20</v>
      </c>
      <c r="C22" s="276">
        <v>0</v>
      </c>
      <c r="D22" s="280">
        <v>0</v>
      </c>
      <c r="E22" s="382">
        <v>0</v>
      </c>
      <c r="F22" s="279">
        <v>0</v>
      </c>
      <c r="G22" s="280">
        <v>279</v>
      </c>
      <c r="H22" s="280">
        <v>170</v>
      </c>
      <c r="I22" s="280">
        <v>153</v>
      </c>
      <c r="J22" s="280">
        <v>90</v>
      </c>
      <c r="K22" s="280">
        <v>58</v>
      </c>
      <c r="L22" s="281">
        <v>750</v>
      </c>
      <c r="M22" s="282">
        <v>750</v>
      </c>
      <c r="N22" s="276">
        <v>0</v>
      </c>
      <c r="O22" s="280">
        <v>0</v>
      </c>
      <c r="P22" s="277">
        <v>0</v>
      </c>
      <c r="Q22" s="279">
        <v>0</v>
      </c>
      <c r="R22" s="280">
        <v>1</v>
      </c>
      <c r="S22" s="280">
        <v>4</v>
      </c>
      <c r="T22" s="280">
        <v>16</v>
      </c>
      <c r="U22" s="280">
        <v>23</v>
      </c>
      <c r="V22" s="280">
        <v>30</v>
      </c>
      <c r="W22" s="277">
        <v>74</v>
      </c>
      <c r="X22" s="282">
        <v>74</v>
      </c>
      <c r="Y22" s="276">
        <v>47</v>
      </c>
      <c r="Z22" s="280">
        <v>80</v>
      </c>
      <c r="AA22" s="277">
        <v>127</v>
      </c>
      <c r="AB22" s="279">
        <v>0</v>
      </c>
      <c r="AC22" s="280">
        <v>244</v>
      </c>
      <c r="AD22" s="280">
        <v>183</v>
      </c>
      <c r="AE22" s="280">
        <v>124</v>
      </c>
      <c r="AF22" s="280">
        <v>90</v>
      </c>
      <c r="AG22" s="280">
        <v>55</v>
      </c>
      <c r="AH22" s="277">
        <v>696</v>
      </c>
      <c r="AI22" s="282">
        <v>823</v>
      </c>
      <c r="AJ22" s="276">
        <v>10</v>
      </c>
      <c r="AK22" s="280">
        <v>42</v>
      </c>
      <c r="AL22" s="277">
        <v>52</v>
      </c>
      <c r="AM22" s="279">
        <v>0</v>
      </c>
      <c r="AN22" s="280">
        <v>59</v>
      </c>
      <c r="AO22" s="280">
        <v>55</v>
      </c>
      <c r="AP22" s="280">
        <v>38</v>
      </c>
      <c r="AQ22" s="280">
        <v>26</v>
      </c>
      <c r="AR22" s="280">
        <v>11</v>
      </c>
      <c r="AS22" s="277">
        <v>189</v>
      </c>
      <c r="AT22" s="282">
        <v>241</v>
      </c>
      <c r="AU22" s="276">
        <v>30</v>
      </c>
      <c r="AV22" s="280">
        <v>39</v>
      </c>
      <c r="AW22" s="277">
        <v>69</v>
      </c>
      <c r="AX22" s="279">
        <v>0</v>
      </c>
      <c r="AY22" s="280">
        <v>243</v>
      </c>
      <c r="AZ22" s="280">
        <v>204</v>
      </c>
      <c r="BA22" s="280">
        <v>253</v>
      </c>
      <c r="BB22" s="280">
        <v>201</v>
      </c>
      <c r="BC22" s="280">
        <v>128</v>
      </c>
      <c r="BD22" s="281">
        <v>1029</v>
      </c>
      <c r="BE22" s="282">
        <v>1098</v>
      </c>
      <c r="BF22" s="276">
        <v>0</v>
      </c>
      <c r="BG22" s="280">
        <v>0</v>
      </c>
      <c r="BH22" s="277">
        <v>0</v>
      </c>
      <c r="BI22" s="279">
        <v>0</v>
      </c>
      <c r="BJ22" s="280">
        <v>305</v>
      </c>
      <c r="BK22" s="280">
        <v>220</v>
      </c>
      <c r="BL22" s="280">
        <v>129</v>
      </c>
      <c r="BM22" s="280">
        <v>73</v>
      </c>
      <c r="BN22" s="280">
        <v>31</v>
      </c>
      <c r="BO22" s="277">
        <v>758</v>
      </c>
      <c r="BP22" s="282">
        <v>758</v>
      </c>
      <c r="BQ22" s="276">
        <v>18</v>
      </c>
      <c r="BR22" s="280">
        <v>34</v>
      </c>
      <c r="BS22" s="277">
        <v>52</v>
      </c>
      <c r="BT22" s="279">
        <v>0</v>
      </c>
      <c r="BU22" s="280">
        <v>158</v>
      </c>
      <c r="BV22" s="280">
        <v>128</v>
      </c>
      <c r="BW22" s="280">
        <v>66</v>
      </c>
      <c r="BX22" s="280">
        <v>43</v>
      </c>
      <c r="BY22" s="280">
        <v>11</v>
      </c>
      <c r="BZ22" s="277">
        <v>406</v>
      </c>
      <c r="CA22" s="282">
        <v>458</v>
      </c>
      <c r="CB22" s="276">
        <v>1</v>
      </c>
      <c r="CC22" s="280">
        <v>10</v>
      </c>
      <c r="CD22" s="277">
        <v>11</v>
      </c>
      <c r="CE22" s="279">
        <v>0</v>
      </c>
      <c r="CF22" s="280">
        <v>47</v>
      </c>
      <c r="CG22" s="280">
        <v>63</v>
      </c>
      <c r="CH22" s="280">
        <v>78</v>
      </c>
      <c r="CI22" s="280">
        <v>59</v>
      </c>
      <c r="CJ22" s="280">
        <v>13</v>
      </c>
      <c r="CK22" s="277">
        <v>260</v>
      </c>
      <c r="CL22" s="282">
        <v>271</v>
      </c>
      <c r="CM22" s="276">
        <v>0</v>
      </c>
      <c r="CN22" s="280">
        <v>1</v>
      </c>
      <c r="CO22" s="277">
        <v>1</v>
      </c>
      <c r="CP22" s="279">
        <v>0</v>
      </c>
      <c r="CQ22" s="280">
        <v>3</v>
      </c>
      <c r="CR22" s="280">
        <v>4</v>
      </c>
      <c r="CS22" s="280">
        <v>12</v>
      </c>
      <c r="CT22" s="280">
        <v>6</v>
      </c>
      <c r="CU22" s="280">
        <v>3</v>
      </c>
      <c r="CV22" s="277">
        <v>28</v>
      </c>
      <c r="CW22" s="282">
        <v>29</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26</v>
      </c>
      <c r="DU22" s="280">
        <v>333</v>
      </c>
      <c r="DV22" s="277">
        <v>459</v>
      </c>
      <c r="DW22" s="279">
        <v>0</v>
      </c>
      <c r="DX22" s="280">
        <v>537</v>
      </c>
      <c r="DY22" s="280">
        <v>463</v>
      </c>
      <c r="DZ22" s="280">
        <v>324</v>
      </c>
      <c r="EA22" s="280">
        <v>229</v>
      </c>
      <c r="EB22" s="280">
        <v>110</v>
      </c>
      <c r="EC22" s="277">
        <v>1663</v>
      </c>
      <c r="ED22" s="282">
        <v>2122</v>
      </c>
      <c r="EE22" s="276">
        <v>15</v>
      </c>
      <c r="EF22" s="280">
        <v>12</v>
      </c>
      <c r="EG22" s="277">
        <v>27</v>
      </c>
      <c r="EH22" s="279">
        <v>0</v>
      </c>
      <c r="EI22" s="280">
        <v>74</v>
      </c>
      <c r="EJ22" s="280">
        <v>52</v>
      </c>
      <c r="EK22" s="280">
        <v>63</v>
      </c>
      <c r="EL22" s="280">
        <v>53</v>
      </c>
      <c r="EM22" s="280">
        <v>29</v>
      </c>
      <c r="EN22" s="277">
        <v>271</v>
      </c>
      <c r="EO22" s="282">
        <v>298</v>
      </c>
      <c r="EP22" s="276">
        <v>185</v>
      </c>
      <c r="EQ22" s="280">
        <v>411</v>
      </c>
      <c r="ER22" s="277">
        <v>596</v>
      </c>
      <c r="ES22" s="279">
        <v>0</v>
      </c>
      <c r="ET22" s="280">
        <v>1009</v>
      </c>
      <c r="EU22" s="280">
        <v>628</v>
      </c>
      <c r="EV22" s="280">
        <v>412</v>
      </c>
      <c r="EW22" s="280">
        <v>258</v>
      </c>
      <c r="EX22" s="280">
        <v>113</v>
      </c>
      <c r="EY22" s="277">
        <v>2420</v>
      </c>
      <c r="EZ22" s="282">
        <v>3016</v>
      </c>
    </row>
    <row r="23" spans="2:156" ht="21" customHeight="1" x14ac:dyDescent="0.2">
      <c r="B23" s="261" t="s">
        <v>21</v>
      </c>
      <c r="C23" s="276">
        <v>0</v>
      </c>
      <c r="D23" s="280">
        <v>0</v>
      </c>
      <c r="E23" s="382">
        <v>0</v>
      </c>
      <c r="F23" s="279">
        <v>0</v>
      </c>
      <c r="G23" s="280">
        <v>228</v>
      </c>
      <c r="H23" s="280">
        <v>356</v>
      </c>
      <c r="I23" s="280">
        <v>180</v>
      </c>
      <c r="J23" s="280">
        <v>135</v>
      </c>
      <c r="K23" s="280">
        <v>88</v>
      </c>
      <c r="L23" s="281">
        <v>987</v>
      </c>
      <c r="M23" s="282">
        <v>987</v>
      </c>
      <c r="N23" s="276">
        <v>0</v>
      </c>
      <c r="O23" s="280">
        <v>0</v>
      </c>
      <c r="P23" s="277">
        <v>0</v>
      </c>
      <c r="Q23" s="279">
        <v>0</v>
      </c>
      <c r="R23" s="280">
        <v>0</v>
      </c>
      <c r="S23" s="280">
        <v>6</v>
      </c>
      <c r="T23" s="280">
        <v>9</v>
      </c>
      <c r="U23" s="280">
        <v>26</v>
      </c>
      <c r="V23" s="280">
        <v>40</v>
      </c>
      <c r="W23" s="277">
        <v>81</v>
      </c>
      <c r="X23" s="282">
        <v>81</v>
      </c>
      <c r="Y23" s="276">
        <v>45</v>
      </c>
      <c r="Z23" s="280">
        <v>88</v>
      </c>
      <c r="AA23" s="277">
        <v>133</v>
      </c>
      <c r="AB23" s="279">
        <v>0</v>
      </c>
      <c r="AC23" s="280">
        <v>197</v>
      </c>
      <c r="AD23" s="280">
        <v>263</v>
      </c>
      <c r="AE23" s="280">
        <v>133</v>
      </c>
      <c r="AF23" s="280">
        <v>132</v>
      </c>
      <c r="AG23" s="280">
        <v>74</v>
      </c>
      <c r="AH23" s="277">
        <v>799</v>
      </c>
      <c r="AI23" s="282">
        <v>932</v>
      </c>
      <c r="AJ23" s="276">
        <v>14</v>
      </c>
      <c r="AK23" s="280">
        <v>25</v>
      </c>
      <c r="AL23" s="277">
        <v>39</v>
      </c>
      <c r="AM23" s="279">
        <v>0</v>
      </c>
      <c r="AN23" s="280">
        <v>17</v>
      </c>
      <c r="AO23" s="280">
        <v>35</v>
      </c>
      <c r="AP23" s="280">
        <v>16</v>
      </c>
      <c r="AQ23" s="280">
        <v>10</v>
      </c>
      <c r="AR23" s="280">
        <v>10</v>
      </c>
      <c r="AS23" s="277">
        <v>88</v>
      </c>
      <c r="AT23" s="282">
        <v>127</v>
      </c>
      <c r="AU23" s="276">
        <v>42</v>
      </c>
      <c r="AV23" s="280">
        <v>38</v>
      </c>
      <c r="AW23" s="277">
        <v>80</v>
      </c>
      <c r="AX23" s="279">
        <v>0</v>
      </c>
      <c r="AY23" s="280">
        <v>244</v>
      </c>
      <c r="AZ23" s="280">
        <v>339</v>
      </c>
      <c r="BA23" s="280">
        <v>295</v>
      </c>
      <c r="BB23" s="280">
        <v>236</v>
      </c>
      <c r="BC23" s="280">
        <v>180</v>
      </c>
      <c r="BD23" s="281">
        <v>1294</v>
      </c>
      <c r="BE23" s="282">
        <v>1374</v>
      </c>
      <c r="BF23" s="276">
        <v>0</v>
      </c>
      <c r="BG23" s="280">
        <v>0</v>
      </c>
      <c r="BH23" s="277">
        <v>0</v>
      </c>
      <c r="BI23" s="279">
        <v>0</v>
      </c>
      <c r="BJ23" s="280">
        <v>302</v>
      </c>
      <c r="BK23" s="280">
        <v>344</v>
      </c>
      <c r="BL23" s="280">
        <v>184</v>
      </c>
      <c r="BM23" s="280">
        <v>98</v>
      </c>
      <c r="BN23" s="280">
        <v>38</v>
      </c>
      <c r="BO23" s="277">
        <v>966</v>
      </c>
      <c r="BP23" s="282">
        <v>966</v>
      </c>
      <c r="BQ23" s="276">
        <v>27</v>
      </c>
      <c r="BR23" s="280">
        <v>42</v>
      </c>
      <c r="BS23" s="277">
        <v>69</v>
      </c>
      <c r="BT23" s="279">
        <v>0</v>
      </c>
      <c r="BU23" s="280">
        <v>68</v>
      </c>
      <c r="BV23" s="280">
        <v>80</v>
      </c>
      <c r="BW23" s="280">
        <v>31</v>
      </c>
      <c r="BX23" s="280">
        <v>21</v>
      </c>
      <c r="BY23" s="280">
        <v>10</v>
      </c>
      <c r="BZ23" s="277">
        <v>210</v>
      </c>
      <c r="CA23" s="282">
        <v>279</v>
      </c>
      <c r="CB23" s="276">
        <v>1</v>
      </c>
      <c r="CC23" s="280">
        <v>1</v>
      </c>
      <c r="CD23" s="277">
        <v>2</v>
      </c>
      <c r="CE23" s="279">
        <v>0</v>
      </c>
      <c r="CF23" s="280">
        <v>30</v>
      </c>
      <c r="CG23" s="280">
        <v>49</v>
      </c>
      <c r="CH23" s="280">
        <v>72</v>
      </c>
      <c r="CI23" s="280">
        <v>55</v>
      </c>
      <c r="CJ23" s="280">
        <v>35</v>
      </c>
      <c r="CK23" s="277">
        <v>241</v>
      </c>
      <c r="CL23" s="282">
        <v>243</v>
      </c>
      <c r="CM23" s="276">
        <v>0</v>
      </c>
      <c r="CN23" s="280">
        <v>0</v>
      </c>
      <c r="CO23" s="277">
        <v>0</v>
      </c>
      <c r="CP23" s="279">
        <v>0</v>
      </c>
      <c r="CQ23" s="280">
        <v>2</v>
      </c>
      <c r="CR23" s="280">
        <v>4</v>
      </c>
      <c r="CS23" s="280">
        <v>2</v>
      </c>
      <c r="CT23" s="280">
        <v>9</v>
      </c>
      <c r="CU23" s="280">
        <v>2</v>
      </c>
      <c r="CV23" s="277">
        <v>19</v>
      </c>
      <c r="CW23" s="282">
        <v>19</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69</v>
      </c>
      <c r="DU23" s="280">
        <v>320</v>
      </c>
      <c r="DV23" s="277">
        <v>489</v>
      </c>
      <c r="DW23" s="279">
        <v>0</v>
      </c>
      <c r="DX23" s="280">
        <v>350</v>
      </c>
      <c r="DY23" s="280">
        <v>676</v>
      </c>
      <c r="DZ23" s="280">
        <v>374</v>
      </c>
      <c r="EA23" s="280">
        <v>287</v>
      </c>
      <c r="EB23" s="280">
        <v>154</v>
      </c>
      <c r="EC23" s="277">
        <v>1841</v>
      </c>
      <c r="ED23" s="282">
        <v>2330</v>
      </c>
      <c r="EE23" s="276">
        <v>15</v>
      </c>
      <c r="EF23" s="280">
        <v>14</v>
      </c>
      <c r="EG23" s="277">
        <v>29</v>
      </c>
      <c r="EH23" s="279">
        <v>0</v>
      </c>
      <c r="EI23" s="280">
        <v>72</v>
      </c>
      <c r="EJ23" s="280">
        <v>63</v>
      </c>
      <c r="EK23" s="280">
        <v>77</v>
      </c>
      <c r="EL23" s="280">
        <v>53</v>
      </c>
      <c r="EM23" s="280">
        <v>39</v>
      </c>
      <c r="EN23" s="277">
        <v>304</v>
      </c>
      <c r="EO23" s="282">
        <v>333</v>
      </c>
      <c r="EP23" s="276">
        <v>231</v>
      </c>
      <c r="EQ23" s="280">
        <v>398</v>
      </c>
      <c r="ER23" s="277">
        <v>629</v>
      </c>
      <c r="ES23" s="279">
        <v>0</v>
      </c>
      <c r="ET23" s="280">
        <v>804</v>
      </c>
      <c r="EU23" s="280">
        <v>931</v>
      </c>
      <c r="EV23" s="280">
        <v>455</v>
      </c>
      <c r="EW23" s="280">
        <v>305</v>
      </c>
      <c r="EX23" s="280">
        <v>163</v>
      </c>
      <c r="EY23" s="277">
        <v>2658</v>
      </c>
      <c r="EZ23" s="282">
        <v>3287</v>
      </c>
    </row>
    <row r="24" spans="2:156" ht="21" customHeight="1" x14ac:dyDescent="0.2">
      <c r="B24" s="261" t="s">
        <v>22</v>
      </c>
      <c r="C24" s="276">
        <v>0</v>
      </c>
      <c r="D24" s="280">
        <v>0</v>
      </c>
      <c r="E24" s="382">
        <v>0</v>
      </c>
      <c r="F24" s="279">
        <v>0</v>
      </c>
      <c r="G24" s="280">
        <v>70</v>
      </c>
      <c r="H24" s="280">
        <v>59</v>
      </c>
      <c r="I24" s="280">
        <v>39</v>
      </c>
      <c r="J24" s="280">
        <v>37</v>
      </c>
      <c r="K24" s="280">
        <v>33</v>
      </c>
      <c r="L24" s="281">
        <v>238</v>
      </c>
      <c r="M24" s="282">
        <v>238</v>
      </c>
      <c r="N24" s="276">
        <v>0</v>
      </c>
      <c r="O24" s="280">
        <v>0</v>
      </c>
      <c r="P24" s="277">
        <v>0</v>
      </c>
      <c r="Q24" s="279">
        <v>0</v>
      </c>
      <c r="R24" s="280">
        <v>2</v>
      </c>
      <c r="S24" s="280">
        <v>2</v>
      </c>
      <c r="T24" s="280">
        <v>5</v>
      </c>
      <c r="U24" s="280">
        <v>8</v>
      </c>
      <c r="V24" s="280">
        <v>16</v>
      </c>
      <c r="W24" s="277">
        <v>33</v>
      </c>
      <c r="X24" s="282">
        <v>33</v>
      </c>
      <c r="Y24" s="276">
        <v>7</v>
      </c>
      <c r="Z24" s="280">
        <v>9</v>
      </c>
      <c r="AA24" s="277">
        <v>16</v>
      </c>
      <c r="AB24" s="279">
        <v>0</v>
      </c>
      <c r="AC24" s="280">
        <v>50</v>
      </c>
      <c r="AD24" s="280">
        <v>63</v>
      </c>
      <c r="AE24" s="280">
        <v>44</v>
      </c>
      <c r="AF24" s="280">
        <v>41</v>
      </c>
      <c r="AG24" s="280">
        <v>32</v>
      </c>
      <c r="AH24" s="277">
        <v>230</v>
      </c>
      <c r="AI24" s="282">
        <v>246</v>
      </c>
      <c r="AJ24" s="276">
        <v>0</v>
      </c>
      <c r="AK24" s="280">
        <v>3</v>
      </c>
      <c r="AL24" s="277">
        <v>3</v>
      </c>
      <c r="AM24" s="279">
        <v>0</v>
      </c>
      <c r="AN24" s="280">
        <v>7</v>
      </c>
      <c r="AO24" s="280">
        <v>11</v>
      </c>
      <c r="AP24" s="280">
        <v>6</v>
      </c>
      <c r="AQ24" s="280">
        <v>2</v>
      </c>
      <c r="AR24" s="280">
        <v>3</v>
      </c>
      <c r="AS24" s="277">
        <v>29</v>
      </c>
      <c r="AT24" s="282">
        <v>32</v>
      </c>
      <c r="AU24" s="276">
        <v>6</v>
      </c>
      <c r="AV24" s="280">
        <v>9</v>
      </c>
      <c r="AW24" s="277">
        <v>15</v>
      </c>
      <c r="AX24" s="279">
        <v>0</v>
      </c>
      <c r="AY24" s="280">
        <v>67</v>
      </c>
      <c r="AZ24" s="280">
        <v>81</v>
      </c>
      <c r="BA24" s="280">
        <v>74</v>
      </c>
      <c r="BB24" s="280">
        <v>61</v>
      </c>
      <c r="BC24" s="280">
        <v>42</v>
      </c>
      <c r="BD24" s="281">
        <v>325</v>
      </c>
      <c r="BE24" s="282">
        <v>340</v>
      </c>
      <c r="BF24" s="276">
        <v>0</v>
      </c>
      <c r="BG24" s="280">
        <v>0</v>
      </c>
      <c r="BH24" s="277">
        <v>0</v>
      </c>
      <c r="BI24" s="279">
        <v>0</v>
      </c>
      <c r="BJ24" s="280">
        <v>110</v>
      </c>
      <c r="BK24" s="280">
        <v>111</v>
      </c>
      <c r="BL24" s="280">
        <v>61</v>
      </c>
      <c r="BM24" s="280">
        <v>33</v>
      </c>
      <c r="BN24" s="280">
        <v>21</v>
      </c>
      <c r="BO24" s="277">
        <v>336</v>
      </c>
      <c r="BP24" s="282">
        <v>336</v>
      </c>
      <c r="BQ24" s="276">
        <v>2</v>
      </c>
      <c r="BR24" s="280">
        <v>7</v>
      </c>
      <c r="BS24" s="277">
        <v>9</v>
      </c>
      <c r="BT24" s="279">
        <v>0</v>
      </c>
      <c r="BU24" s="280">
        <v>24</v>
      </c>
      <c r="BV24" s="280">
        <v>30</v>
      </c>
      <c r="BW24" s="280">
        <v>18</v>
      </c>
      <c r="BX24" s="280">
        <v>15</v>
      </c>
      <c r="BY24" s="280">
        <v>7</v>
      </c>
      <c r="BZ24" s="277">
        <v>94</v>
      </c>
      <c r="CA24" s="282">
        <v>103</v>
      </c>
      <c r="CB24" s="276">
        <v>0</v>
      </c>
      <c r="CC24" s="280">
        <v>1</v>
      </c>
      <c r="CD24" s="277">
        <v>1</v>
      </c>
      <c r="CE24" s="279">
        <v>0</v>
      </c>
      <c r="CF24" s="280">
        <v>16</v>
      </c>
      <c r="CG24" s="280">
        <v>18</v>
      </c>
      <c r="CH24" s="280">
        <v>29</v>
      </c>
      <c r="CI24" s="280">
        <v>19</v>
      </c>
      <c r="CJ24" s="280">
        <v>13</v>
      </c>
      <c r="CK24" s="277">
        <v>95</v>
      </c>
      <c r="CL24" s="282">
        <v>96</v>
      </c>
      <c r="CM24" s="276">
        <v>0</v>
      </c>
      <c r="CN24" s="280">
        <v>0</v>
      </c>
      <c r="CO24" s="277">
        <v>0</v>
      </c>
      <c r="CP24" s="279">
        <v>0</v>
      </c>
      <c r="CQ24" s="280">
        <v>1</v>
      </c>
      <c r="CR24" s="280">
        <v>3</v>
      </c>
      <c r="CS24" s="280">
        <v>7</v>
      </c>
      <c r="CT24" s="280">
        <v>5</v>
      </c>
      <c r="CU24" s="280">
        <v>3</v>
      </c>
      <c r="CV24" s="277">
        <v>19</v>
      </c>
      <c r="CW24" s="282">
        <v>19</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44</v>
      </c>
      <c r="DU24" s="280">
        <v>132</v>
      </c>
      <c r="DV24" s="277">
        <v>176</v>
      </c>
      <c r="DW24" s="279">
        <v>0</v>
      </c>
      <c r="DX24" s="280">
        <v>182</v>
      </c>
      <c r="DY24" s="280">
        <v>244</v>
      </c>
      <c r="DZ24" s="280">
        <v>134</v>
      </c>
      <c r="EA24" s="280">
        <v>99</v>
      </c>
      <c r="EB24" s="280">
        <v>67</v>
      </c>
      <c r="EC24" s="277">
        <v>726</v>
      </c>
      <c r="ED24" s="282">
        <v>902</v>
      </c>
      <c r="EE24" s="276">
        <v>8</v>
      </c>
      <c r="EF24" s="280">
        <v>6</v>
      </c>
      <c r="EG24" s="277">
        <v>14</v>
      </c>
      <c r="EH24" s="279">
        <v>0</v>
      </c>
      <c r="EI24" s="280">
        <v>31</v>
      </c>
      <c r="EJ24" s="280">
        <v>24</v>
      </c>
      <c r="EK24" s="280">
        <v>29</v>
      </c>
      <c r="EL24" s="280">
        <v>29</v>
      </c>
      <c r="EM24" s="280">
        <v>10</v>
      </c>
      <c r="EN24" s="277">
        <v>123</v>
      </c>
      <c r="EO24" s="282">
        <v>137</v>
      </c>
      <c r="EP24" s="276">
        <v>53</v>
      </c>
      <c r="EQ24" s="280">
        <v>142</v>
      </c>
      <c r="ER24" s="277">
        <v>195</v>
      </c>
      <c r="ES24" s="279">
        <v>0</v>
      </c>
      <c r="ET24" s="280">
        <v>346</v>
      </c>
      <c r="EU24" s="280">
        <v>323</v>
      </c>
      <c r="EV24" s="280">
        <v>154</v>
      </c>
      <c r="EW24" s="280">
        <v>108</v>
      </c>
      <c r="EX24" s="280">
        <v>75</v>
      </c>
      <c r="EY24" s="277">
        <v>1006</v>
      </c>
      <c r="EZ24" s="282">
        <v>1201</v>
      </c>
    </row>
    <row r="25" spans="2:156" ht="21" customHeight="1" x14ac:dyDescent="0.2">
      <c r="B25" s="261" t="s">
        <v>23</v>
      </c>
      <c r="C25" s="276">
        <v>0</v>
      </c>
      <c r="D25" s="280">
        <v>0</v>
      </c>
      <c r="E25" s="382">
        <v>0</v>
      </c>
      <c r="F25" s="279">
        <v>0</v>
      </c>
      <c r="G25" s="280">
        <v>145</v>
      </c>
      <c r="H25" s="280">
        <v>134</v>
      </c>
      <c r="I25" s="280">
        <v>69</v>
      </c>
      <c r="J25" s="280">
        <v>58</v>
      </c>
      <c r="K25" s="280">
        <v>38</v>
      </c>
      <c r="L25" s="281">
        <v>444</v>
      </c>
      <c r="M25" s="282">
        <v>444</v>
      </c>
      <c r="N25" s="276">
        <v>0</v>
      </c>
      <c r="O25" s="280">
        <v>0</v>
      </c>
      <c r="P25" s="277">
        <v>0</v>
      </c>
      <c r="Q25" s="279">
        <v>0</v>
      </c>
      <c r="R25" s="280">
        <v>1</v>
      </c>
      <c r="S25" s="280">
        <v>4</v>
      </c>
      <c r="T25" s="280">
        <v>3</v>
      </c>
      <c r="U25" s="280">
        <v>16</v>
      </c>
      <c r="V25" s="280">
        <v>17</v>
      </c>
      <c r="W25" s="277">
        <v>41</v>
      </c>
      <c r="X25" s="282">
        <v>41</v>
      </c>
      <c r="Y25" s="276">
        <v>37</v>
      </c>
      <c r="Z25" s="280">
        <v>51</v>
      </c>
      <c r="AA25" s="277">
        <v>88</v>
      </c>
      <c r="AB25" s="279">
        <v>0</v>
      </c>
      <c r="AC25" s="280">
        <v>94</v>
      </c>
      <c r="AD25" s="280">
        <v>130</v>
      </c>
      <c r="AE25" s="280">
        <v>52</v>
      </c>
      <c r="AF25" s="280">
        <v>76</v>
      </c>
      <c r="AG25" s="280">
        <v>34</v>
      </c>
      <c r="AH25" s="277">
        <v>386</v>
      </c>
      <c r="AI25" s="282">
        <v>474</v>
      </c>
      <c r="AJ25" s="276">
        <v>3</v>
      </c>
      <c r="AK25" s="280">
        <v>6</v>
      </c>
      <c r="AL25" s="277">
        <v>9</v>
      </c>
      <c r="AM25" s="279">
        <v>0</v>
      </c>
      <c r="AN25" s="280">
        <v>8</v>
      </c>
      <c r="AO25" s="280">
        <v>26</v>
      </c>
      <c r="AP25" s="280">
        <v>7</v>
      </c>
      <c r="AQ25" s="280">
        <v>10</v>
      </c>
      <c r="AR25" s="280">
        <v>7</v>
      </c>
      <c r="AS25" s="277">
        <v>58</v>
      </c>
      <c r="AT25" s="282">
        <v>67</v>
      </c>
      <c r="AU25" s="276">
        <v>12</v>
      </c>
      <c r="AV25" s="280">
        <v>12</v>
      </c>
      <c r="AW25" s="277">
        <v>24</v>
      </c>
      <c r="AX25" s="279">
        <v>0</v>
      </c>
      <c r="AY25" s="280">
        <v>161</v>
      </c>
      <c r="AZ25" s="280">
        <v>144</v>
      </c>
      <c r="BA25" s="280">
        <v>125</v>
      </c>
      <c r="BB25" s="280">
        <v>175</v>
      </c>
      <c r="BC25" s="280">
        <v>115</v>
      </c>
      <c r="BD25" s="281">
        <v>720</v>
      </c>
      <c r="BE25" s="282">
        <v>744</v>
      </c>
      <c r="BF25" s="276">
        <v>0</v>
      </c>
      <c r="BG25" s="280">
        <v>0</v>
      </c>
      <c r="BH25" s="277">
        <v>0</v>
      </c>
      <c r="BI25" s="279">
        <v>0</v>
      </c>
      <c r="BJ25" s="280">
        <v>273</v>
      </c>
      <c r="BK25" s="280">
        <v>245</v>
      </c>
      <c r="BL25" s="280">
        <v>110</v>
      </c>
      <c r="BM25" s="280">
        <v>85</v>
      </c>
      <c r="BN25" s="280">
        <v>32</v>
      </c>
      <c r="BO25" s="277">
        <v>745</v>
      </c>
      <c r="BP25" s="282">
        <v>745</v>
      </c>
      <c r="BQ25" s="276">
        <v>2</v>
      </c>
      <c r="BR25" s="280">
        <v>10</v>
      </c>
      <c r="BS25" s="277">
        <v>12</v>
      </c>
      <c r="BT25" s="279">
        <v>0</v>
      </c>
      <c r="BU25" s="280">
        <v>38</v>
      </c>
      <c r="BV25" s="280">
        <v>48</v>
      </c>
      <c r="BW25" s="280">
        <v>32</v>
      </c>
      <c r="BX25" s="280">
        <v>28</v>
      </c>
      <c r="BY25" s="280">
        <v>6</v>
      </c>
      <c r="BZ25" s="277">
        <v>152</v>
      </c>
      <c r="CA25" s="282">
        <v>164</v>
      </c>
      <c r="CB25" s="276">
        <v>2</v>
      </c>
      <c r="CC25" s="280">
        <v>2</v>
      </c>
      <c r="CD25" s="277">
        <v>4</v>
      </c>
      <c r="CE25" s="279">
        <v>0</v>
      </c>
      <c r="CF25" s="280">
        <v>24</v>
      </c>
      <c r="CG25" s="280">
        <v>38</v>
      </c>
      <c r="CH25" s="280">
        <v>40</v>
      </c>
      <c r="CI25" s="280">
        <v>37</v>
      </c>
      <c r="CJ25" s="280">
        <v>13</v>
      </c>
      <c r="CK25" s="277">
        <v>152</v>
      </c>
      <c r="CL25" s="282">
        <v>156</v>
      </c>
      <c r="CM25" s="276">
        <v>0</v>
      </c>
      <c r="CN25" s="280">
        <v>1</v>
      </c>
      <c r="CO25" s="277">
        <v>1</v>
      </c>
      <c r="CP25" s="279">
        <v>0</v>
      </c>
      <c r="CQ25" s="280">
        <v>1</v>
      </c>
      <c r="CR25" s="280">
        <v>2</v>
      </c>
      <c r="CS25" s="280">
        <v>4</v>
      </c>
      <c r="CT25" s="280">
        <v>2</v>
      </c>
      <c r="CU25" s="280">
        <v>3</v>
      </c>
      <c r="CV25" s="277">
        <v>12</v>
      </c>
      <c r="CW25" s="282">
        <v>13</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88</v>
      </c>
      <c r="DU25" s="280">
        <v>212</v>
      </c>
      <c r="DV25" s="277">
        <v>300</v>
      </c>
      <c r="DW25" s="279">
        <v>0</v>
      </c>
      <c r="DX25" s="280">
        <v>257</v>
      </c>
      <c r="DY25" s="280">
        <v>356</v>
      </c>
      <c r="DZ25" s="280">
        <v>187</v>
      </c>
      <c r="EA25" s="280">
        <v>185</v>
      </c>
      <c r="EB25" s="280">
        <v>89</v>
      </c>
      <c r="EC25" s="277">
        <v>1074</v>
      </c>
      <c r="ED25" s="282">
        <v>1374</v>
      </c>
      <c r="EE25" s="276">
        <v>7</v>
      </c>
      <c r="EF25" s="280">
        <v>4</v>
      </c>
      <c r="EG25" s="277">
        <v>11</v>
      </c>
      <c r="EH25" s="279">
        <v>0</v>
      </c>
      <c r="EI25" s="280">
        <v>50</v>
      </c>
      <c r="EJ25" s="280">
        <v>37</v>
      </c>
      <c r="EK25" s="280">
        <v>33</v>
      </c>
      <c r="EL25" s="280">
        <v>68</v>
      </c>
      <c r="EM25" s="280">
        <v>37</v>
      </c>
      <c r="EN25" s="277">
        <v>225</v>
      </c>
      <c r="EO25" s="282">
        <v>236</v>
      </c>
      <c r="EP25" s="276">
        <v>126</v>
      </c>
      <c r="EQ25" s="280">
        <v>247</v>
      </c>
      <c r="ER25" s="277">
        <v>373</v>
      </c>
      <c r="ES25" s="279">
        <v>0</v>
      </c>
      <c r="ET25" s="280">
        <v>522</v>
      </c>
      <c r="EU25" s="280">
        <v>496</v>
      </c>
      <c r="EV25" s="280">
        <v>236</v>
      </c>
      <c r="EW25" s="280">
        <v>213</v>
      </c>
      <c r="EX25" s="280">
        <v>94</v>
      </c>
      <c r="EY25" s="277">
        <v>1561</v>
      </c>
      <c r="EZ25" s="282">
        <v>1934</v>
      </c>
    </row>
    <row r="26" spans="2:156" ht="21" customHeight="1" x14ac:dyDescent="0.2">
      <c r="B26" s="261" t="s">
        <v>24</v>
      </c>
      <c r="C26" s="276">
        <v>0</v>
      </c>
      <c r="D26" s="280">
        <v>0</v>
      </c>
      <c r="E26" s="382">
        <v>0</v>
      </c>
      <c r="F26" s="279">
        <v>0</v>
      </c>
      <c r="G26" s="280">
        <v>65</v>
      </c>
      <c r="H26" s="280">
        <v>56</v>
      </c>
      <c r="I26" s="280">
        <v>43</v>
      </c>
      <c r="J26" s="280">
        <v>31</v>
      </c>
      <c r="K26" s="280">
        <v>37</v>
      </c>
      <c r="L26" s="281">
        <v>232</v>
      </c>
      <c r="M26" s="282">
        <v>232</v>
      </c>
      <c r="N26" s="276">
        <v>0</v>
      </c>
      <c r="O26" s="280">
        <v>0</v>
      </c>
      <c r="P26" s="277">
        <v>0</v>
      </c>
      <c r="Q26" s="279">
        <v>0</v>
      </c>
      <c r="R26" s="280">
        <v>1</v>
      </c>
      <c r="S26" s="280">
        <v>3</v>
      </c>
      <c r="T26" s="280">
        <v>5</v>
      </c>
      <c r="U26" s="280">
        <v>12</v>
      </c>
      <c r="V26" s="280">
        <v>24</v>
      </c>
      <c r="W26" s="277">
        <v>45</v>
      </c>
      <c r="X26" s="282">
        <v>45</v>
      </c>
      <c r="Y26" s="276">
        <v>15</v>
      </c>
      <c r="Z26" s="280">
        <v>30</v>
      </c>
      <c r="AA26" s="277">
        <v>45</v>
      </c>
      <c r="AB26" s="279">
        <v>0</v>
      </c>
      <c r="AC26" s="280">
        <v>52</v>
      </c>
      <c r="AD26" s="280">
        <v>54</v>
      </c>
      <c r="AE26" s="280">
        <v>37</v>
      </c>
      <c r="AF26" s="280">
        <v>33</v>
      </c>
      <c r="AG26" s="280">
        <v>28</v>
      </c>
      <c r="AH26" s="277">
        <v>204</v>
      </c>
      <c r="AI26" s="282">
        <v>249</v>
      </c>
      <c r="AJ26" s="276">
        <v>0</v>
      </c>
      <c r="AK26" s="280">
        <v>1</v>
      </c>
      <c r="AL26" s="277">
        <v>1</v>
      </c>
      <c r="AM26" s="279">
        <v>0</v>
      </c>
      <c r="AN26" s="280">
        <v>3</v>
      </c>
      <c r="AO26" s="280">
        <v>8</v>
      </c>
      <c r="AP26" s="280">
        <v>2</v>
      </c>
      <c r="AQ26" s="280">
        <v>3</v>
      </c>
      <c r="AR26" s="280">
        <v>4</v>
      </c>
      <c r="AS26" s="277">
        <v>20</v>
      </c>
      <c r="AT26" s="282">
        <v>21</v>
      </c>
      <c r="AU26" s="276">
        <v>22</v>
      </c>
      <c r="AV26" s="280">
        <v>17</v>
      </c>
      <c r="AW26" s="277">
        <v>39</v>
      </c>
      <c r="AX26" s="279">
        <v>0</v>
      </c>
      <c r="AY26" s="280">
        <v>80</v>
      </c>
      <c r="AZ26" s="280">
        <v>70</v>
      </c>
      <c r="BA26" s="280">
        <v>74</v>
      </c>
      <c r="BB26" s="280">
        <v>82</v>
      </c>
      <c r="BC26" s="280">
        <v>75</v>
      </c>
      <c r="BD26" s="281">
        <v>381</v>
      </c>
      <c r="BE26" s="282">
        <v>420</v>
      </c>
      <c r="BF26" s="276">
        <v>0</v>
      </c>
      <c r="BG26" s="280">
        <v>0</v>
      </c>
      <c r="BH26" s="277">
        <v>0</v>
      </c>
      <c r="BI26" s="279">
        <v>0</v>
      </c>
      <c r="BJ26" s="280">
        <v>119</v>
      </c>
      <c r="BK26" s="280">
        <v>76</v>
      </c>
      <c r="BL26" s="280">
        <v>38</v>
      </c>
      <c r="BM26" s="280">
        <v>25</v>
      </c>
      <c r="BN26" s="280">
        <v>6</v>
      </c>
      <c r="BO26" s="277">
        <v>264</v>
      </c>
      <c r="BP26" s="282">
        <v>264</v>
      </c>
      <c r="BQ26" s="276">
        <v>11</v>
      </c>
      <c r="BR26" s="280">
        <v>9</v>
      </c>
      <c r="BS26" s="277">
        <v>20</v>
      </c>
      <c r="BT26" s="279">
        <v>0</v>
      </c>
      <c r="BU26" s="280">
        <v>40</v>
      </c>
      <c r="BV26" s="280">
        <v>37</v>
      </c>
      <c r="BW26" s="280">
        <v>19</v>
      </c>
      <c r="BX26" s="280">
        <v>10</v>
      </c>
      <c r="BY26" s="280">
        <v>12</v>
      </c>
      <c r="BZ26" s="277">
        <v>118</v>
      </c>
      <c r="CA26" s="282">
        <v>138</v>
      </c>
      <c r="CB26" s="276">
        <v>1</v>
      </c>
      <c r="CC26" s="280">
        <v>1</v>
      </c>
      <c r="CD26" s="277">
        <v>2</v>
      </c>
      <c r="CE26" s="279">
        <v>0</v>
      </c>
      <c r="CF26" s="280">
        <v>21</v>
      </c>
      <c r="CG26" s="280">
        <v>24</v>
      </c>
      <c r="CH26" s="280">
        <v>33</v>
      </c>
      <c r="CI26" s="280">
        <v>26</v>
      </c>
      <c r="CJ26" s="280">
        <v>7</v>
      </c>
      <c r="CK26" s="277">
        <v>111</v>
      </c>
      <c r="CL26" s="282">
        <v>113</v>
      </c>
      <c r="CM26" s="276">
        <v>0</v>
      </c>
      <c r="CN26" s="280">
        <v>0</v>
      </c>
      <c r="CO26" s="277">
        <v>0</v>
      </c>
      <c r="CP26" s="279">
        <v>0</v>
      </c>
      <c r="CQ26" s="280">
        <v>3</v>
      </c>
      <c r="CR26" s="280">
        <v>1</v>
      </c>
      <c r="CS26" s="280">
        <v>2</v>
      </c>
      <c r="CT26" s="280">
        <v>2</v>
      </c>
      <c r="CU26" s="280">
        <v>2</v>
      </c>
      <c r="CV26" s="277">
        <v>10</v>
      </c>
      <c r="CW26" s="282">
        <v>1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80</v>
      </c>
      <c r="DU26" s="280">
        <v>77</v>
      </c>
      <c r="DV26" s="277">
        <v>157</v>
      </c>
      <c r="DW26" s="279">
        <v>0</v>
      </c>
      <c r="DX26" s="280">
        <v>140</v>
      </c>
      <c r="DY26" s="280">
        <v>164</v>
      </c>
      <c r="DZ26" s="280">
        <v>100</v>
      </c>
      <c r="EA26" s="280">
        <v>69</v>
      </c>
      <c r="EB26" s="280">
        <v>57</v>
      </c>
      <c r="EC26" s="277">
        <v>530</v>
      </c>
      <c r="ED26" s="282">
        <v>687</v>
      </c>
      <c r="EE26" s="276">
        <v>14</v>
      </c>
      <c r="EF26" s="280">
        <v>9</v>
      </c>
      <c r="EG26" s="277">
        <v>23</v>
      </c>
      <c r="EH26" s="279">
        <v>0</v>
      </c>
      <c r="EI26" s="280">
        <v>37</v>
      </c>
      <c r="EJ26" s="280">
        <v>28</v>
      </c>
      <c r="EK26" s="280">
        <v>26</v>
      </c>
      <c r="EL26" s="280">
        <v>38</v>
      </c>
      <c r="EM26" s="280">
        <v>21</v>
      </c>
      <c r="EN26" s="277">
        <v>150</v>
      </c>
      <c r="EO26" s="282">
        <v>173</v>
      </c>
      <c r="EP26" s="276">
        <v>99</v>
      </c>
      <c r="EQ26" s="280">
        <v>98</v>
      </c>
      <c r="ER26" s="277">
        <v>197</v>
      </c>
      <c r="ES26" s="279">
        <v>0</v>
      </c>
      <c r="ET26" s="280">
        <v>276</v>
      </c>
      <c r="EU26" s="280">
        <v>204</v>
      </c>
      <c r="EV26" s="280">
        <v>125</v>
      </c>
      <c r="EW26" s="280">
        <v>72</v>
      </c>
      <c r="EX26" s="280">
        <v>59</v>
      </c>
      <c r="EY26" s="277">
        <v>736</v>
      </c>
      <c r="EZ26" s="282">
        <v>933</v>
      </c>
    </row>
    <row r="27" spans="2:156" ht="21" customHeight="1" x14ac:dyDescent="0.2">
      <c r="B27" s="261" t="s">
        <v>25</v>
      </c>
      <c r="C27" s="276">
        <v>0</v>
      </c>
      <c r="D27" s="280">
        <v>0</v>
      </c>
      <c r="E27" s="382">
        <v>0</v>
      </c>
      <c r="F27" s="279">
        <v>0</v>
      </c>
      <c r="G27" s="280">
        <v>108</v>
      </c>
      <c r="H27" s="280">
        <v>78</v>
      </c>
      <c r="I27" s="280">
        <v>61</v>
      </c>
      <c r="J27" s="280">
        <v>42</v>
      </c>
      <c r="K27" s="280">
        <v>29</v>
      </c>
      <c r="L27" s="281">
        <v>318</v>
      </c>
      <c r="M27" s="282">
        <v>318</v>
      </c>
      <c r="N27" s="276">
        <v>0</v>
      </c>
      <c r="O27" s="280">
        <v>0</v>
      </c>
      <c r="P27" s="277">
        <v>0</v>
      </c>
      <c r="Q27" s="279">
        <v>0</v>
      </c>
      <c r="R27" s="280">
        <v>3</v>
      </c>
      <c r="S27" s="280">
        <v>10</v>
      </c>
      <c r="T27" s="280">
        <v>14</v>
      </c>
      <c r="U27" s="280">
        <v>17</v>
      </c>
      <c r="V27" s="280">
        <v>19</v>
      </c>
      <c r="W27" s="277">
        <v>63</v>
      </c>
      <c r="X27" s="282">
        <v>63</v>
      </c>
      <c r="Y27" s="276">
        <v>19</v>
      </c>
      <c r="Z27" s="280">
        <v>43</v>
      </c>
      <c r="AA27" s="277">
        <v>62</v>
      </c>
      <c r="AB27" s="279">
        <v>0</v>
      </c>
      <c r="AC27" s="280">
        <v>83</v>
      </c>
      <c r="AD27" s="280">
        <v>79</v>
      </c>
      <c r="AE27" s="280">
        <v>53</v>
      </c>
      <c r="AF27" s="280">
        <v>40</v>
      </c>
      <c r="AG27" s="280">
        <v>23</v>
      </c>
      <c r="AH27" s="277">
        <v>278</v>
      </c>
      <c r="AI27" s="282">
        <v>340</v>
      </c>
      <c r="AJ27" s="276">
        <v>1</v>
      </c>
      <c r="AK27" s="280">
        <v>6</v>
      </c>
      <c r="AL27" s="277">
        <v>7</v>
      </c>
      <c r="AM27" s="279">
        <v>0</v>
      </c>
      <c r="AN27" s="280">
        <v>1</v>
      </c>
      <c r="AO27" s="280">
        <v>10</v>
      </c>
      <c r="AP27" s="280">
        <v>10</v>
      </c>
      <c r="AQ27" s="280">
        <v>5</v>
      </c>
      <c r="AR27" s="280">
        <v>4</v>
      </c>
      <c r="AS27" s="277">
        <v>30</v>
      </c>
      <c r="AT27" s="282">
        <v>37</v>
      </c>
      <c r="AU27" s="276">
        <v>10</v>
      </c>
      <c r="AV27" s="280">
        <v>17</v>
      </c>
      <c r="AW27" s="277">
        <v>27</v>
      </c>
      <c r="AX27" s="279">
        <v>0</v>
      </c>
      <c r="AY27" s="280">
        <v>59</v>
      </c>
      <c r="AZ27" s="280">
        <v>69</v>
      </c>
      <c r="BA27" s="280">
        <v>59</v>
      </c>
      <c r="BB27" s="280">
        <v>79</v>
      </c>
      <c r="BC27" s="280">
        <v>44</v>
      </c>
      <c r="BD27" s="281">
        <v>310</v>
      </c>
      <c r="BE27" s="282">
        <v>337</v>
      </c>
      <c r="BF27" s="276">
        <v>0</v>
      </c>
      <c r="BG27" s="280">
        <v>0</v>
      </c>
      <c r="BH27" s="277">
        <v>0</v>
      </c>
      <c r="BI27" s="279">
        <v>0</v>
      </c>
      <c r="BJ27" s="280">
        <v>133</v>
      </c>
      <c r="BK27" s="280">
        <v>80</v>
      </c>
      <c r="BL27" s="280">
        <v>57</v>
      </c>
      <c r="BM27" s="280">
        <v>37</v>
      </c>
      <c r="BN27" s="280">
        <v>6</v>
      </c>
      <c r="BO27" s="277">
        <v>313</v>
      </c>
      <c r="BP27" s="282">
        <v>313</v>
      </c>
      <c r="BQ27" s="276">
        <v>12</v>
      </c>
      <c r="BR27" s="280">
        <v>21</v>
      </c>
      <c r="BS27" s="277">
        <v>33</v>
      </c>
      <c r="BT27" s="279">
        <v>0</v>
      </c>
      <c r="BU27" s="280">
        <v>31</v>
      </c>
      <c r="BV27" s="280">
        <v>54</v>
      </c>
      <c r="BW27" s="280">
        <v>25</v>
      </c>
      <c r="BX27" s="280">
        <v>16</v>
      </c>
      <c r="BY27" s="280">
        <v>2</v>
      </c>
      <c r="BZ27" s="277">
        <v>128</v>
      </c>
      <c r="CA27" s="282">
        <v>161</v>
      </c>
      <c r="CB27" s="276">
        <v>1</v>
      </c>
      <c r="CC27" s="280">
        <v>2</v>
      </c>
      <c r="CD27" s="277">
        <v>3</v>
      </c>
      <c r="CE27" s="279">
        <v>0</v>
      </c>
      <c r="CF27" s="280">
        <v>12</v>
      </c>
      <c r="CG27" s="280">
        <v>23</v>
      </c>
      <c r="CH27" s="280">
        <v>26</v>
      </c>
      <c r="CI27" s="280">
        <v>14</v>
      </c>
      <c r="CJ27" s="280">
        <v>4</v>
      </c>
      <c r="CK27" s="277">
        <v>79</v>
      </c>
      <c r="CL27" s="282">
        <v>82</v>
      </c>
      <c r="CM27" s="276">
        <v>0</v>
      </c>
      <c r="CN27" s="280">
        <v>0</v>
      </c>
      <c r="CO27" s="277">
        <v>0</v>
      </c>
      <c r="CP27" s="279">
        <v>0</v>
      </c>
      <c r="CQ27" s="280">
        <v>6</v>
      </c>
      <c r="CR27" s="280">
        <v>5</v>
      </c>
      <c r="CS27" s="280">
        <v>2</v>
      </c>
      <c r="CT27" s="280">
        <v>4</v>
      </c>
      <c r="CU27" s="280">
        <v>1</v>
      </c>
      <c r="CV27" s="277">
        <v>18</v>
      </c>
      <c r="CW27" s="282">
        <v>18</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77</v>
      </c>
      <c r="DU27" s="280">
        <v>139</v>
      </c>
      <c r="DV27" s="277">
        <v>216</v>
      </c>
      <c r="DW27" s="279">
        <v>0</v>
      </c>
      <c r="DX27" s="280">
        <v>123</v>
      </c>
      <c r="DY27" s="280">
        <v>213</v>
      </c>
      <c r="DZ27" s="280">
        <v>136</v>
      </c>
      <c r="EA27" s="280">
        <v>100</v>
      </c>
      <c r="EB27" s="280">
        <v>45</v>
      </c>
      <c r="EC27" s="277">
        <v>617</v>
      </c>
      <c r="ED27" s="282">
        <v>833</v>
      </c>
      <c r="EE27" s="276">
        <v>4</v>
      </c>
      <c r="EF27" s="280">
        <v>4</v>
      </c>
      <c r="EG27" s="277">
        <v>8</v>
      </c>
      <c r="EH27" s="279">
        <v>0</v>
      </c>
      <c r="EI27" s="280">
        <v>16</v>
      </c>
      <c r="EJ27" s="280">
        <v>13</v>
      </c>
      <c r="EK27" s="280">
        <v>11</v>
      </c>
      <c r="EL27" s="280">
        <v>20</v>
      </c>
      <c r="EM27" s="280">
        <v>12</v>
      </c>
      <c r="EN27" s="277">
        <v>72</v>
      </c>
      <c r="EO27" s="282">
        <v>80</v>
      </c>
      <c r="EP27" s="276">
        <v>96</v>
      </c>
      <c r="EQ27" s="280">
        <v>163</v>
      </c>
      <c r="ER27" s="277">
        <v>259</v>
      </c>
      <c r="ES27" s="279">
        <v>0</v>
      </c>
      <c r="ET27" s="280">
        <v>338</v>
      </c>
      <c r="EU27" s="280">
        <v>268</v>
      </c>
      <c r="EV27" s="280">
        <v>160</v>
      </c>
      <c r="EW27" s="280">
        <v>116</v>
      </c>
      <c r="EX27" s="280">
        <v>51</v>
      </c>
      <c r="EY27" s="277">
        <v>933</v>
      </c>
      <c r="EZ27" s="282">
        <v>1192</v>
      </c>
    </row>
    <row r="28" spans="2:156" ht="21" customHeight="1" x14ac:dyDescent="0.2">
      <c r="B28" s="261" t="s">
        <v>26</v>
      </c>
      <c r="C28" s="276">
        <v>0</v>
      </c>
      <c r="D28" s="280">
        <v>0</v>
      </c>
      <c r="E28" s="382">
        <v>0</v>
      </c>
      <c r="F28" s="279">
        <v>0</v>
      </c>
      <c r="G28" s="280">
        <v>85</v>
      </c>
      <c r="H28" s="280">
        <v>70</v>
      </c>
      <c r="I28" s="280">
        <v>57</v>
      </c>
      <c r="J28" s="280">
        <v>40</v>
      </c>
      <c r="K28" s="280">
        <v>43</v>
      </c>
      <c r="L28" s="281">
        <v>295</v>
      </c>
      <c r="M28" s="282">
        <v>295</v>
      </c>
      <c r="N28" s="276">
        <v>0</v>
      </c>
      <c r="O28" s="280">
        <v>0</v>
      </c>
      <c r="P28" s="277">
        <v>0</v>
      </c>
      <c r="Q28" s="279">
        <v>0</v>
      </c>
      <c r="R28" s="280">
        <v>0</v>
      </c>
      <c r="S28" s="280">
        <v>1</v>
      </c>
      <c r="T28" s="280">
        <v>3</v>
      </c>
      <c r="U28" s="280">
        <v>9</v>
      </c>
      <c r="V28" s="280">
        <v>13</v>
      </c>
      <c r="W28" s="277">
        <v>26</v>
      </c>
      <c r="X28" s="282">
        <v>26</v>
      </c>
      <c r="Y28" s="276">
        <v>15</v>
      </c>
      <c r="Z28" s="280">
        <v>14</v>
      </c>
      <c r="AA28" s="277">
        <v>29</v>
      </c>
      <c r="AB28" s="279">
        <v>0</v>
      </c>
      <c r="AC28" s="280">
        <v>60</v>
      </c>
      <c r="AD28" s="280">
        <v>59</v>
      </c>
      <c r="AE28" s="280">
        <v>43</v>
      </c>
      <c r="AF28" s="280">
        <v>37</v>
      </c>
      <c r="AG28" s="280">
        <v>36</v>
      </c>
      <c r="AH28" s="277">
        <v>235</v>
      </c>
      <c r="AI28" s="282">
        <v>264</v>
      </c>
      <c r="AJ28" s="276">
        <v>0</v>
      </c>
      <c r="AK28" s="280">
        <v>0</v>
      </c>
      <c r="AL28" s="277">
        <v>0</v>
      </c>
      <c r="AM28" s="279">
        <v>0</v>
      </c>
      <c r="AN28" s="280">
        <v>1</v>
      </c>
      <c r="AO28" s="280">
        <v>6</v>
      </c>
      <c r="AP28" s="280">
        <v>6</v>
      </c>
      <c r="AQ28" s="280">
        <v>4</v>
      </c>
      <c r="AR28" s="280">
        <v>3</v>
      </c>
      <c r="AS28" s="277">
        <v>20</v>
      </c>
      <c r="AT28" s="282">
        <v>20</v>
      </c>
      <c r="AU28" s="276">
        <v>10</v>
      </c>
      <c r="AV28" s="280">
        <v>9</v>
      </c>
      <c r="AW28" s="277">
        <v>19</v>
      </c>
      <c r="AX28" s="279">
        <v>0</v>
      </c>
      <c r="AY28" s="280">
        <v>64</v>
      </c>
      <c r="AZ28" s="280">
        <v>62</v>
      </c>
      <c r="BA28" s="280">
        <v>71</v>
      </c>
      <c r="BB28" s="280">
        <v>53</v>
      </c>
      <c r="BC28" s="280">
        <v>50</v>
      </c>
      <c r="BD28" s="281">
        <v>300</v>
      </c>
      <c r="BE28" s="282">
        <v>319</v>
      </c>
      <c r="BF28" s="276">
        <v>0</v>
      </c>
      <c r="BG28" s="280">
        <v>0</v>
      </c>
      <c r="BH28" s="277">
        <v>0</v>
      </c>
      <c r="BI28" s="279">
        <v>0</v>
      </c>
      <c r="BJ28" s="280">
        <v>110</v>
      </c>
      <c r="BK28" s="280">
        <v>89</v>
      </c>
      <c r="BL28" s="280">
        <v>50</v>
      </c>
      <c r="BM28" s="280">
        <v>24</v>
      </c>
      <c r="BN28" s="280">
        <v>16</v>
      </c>
      <c r="BO28" s="277">
        <v>289</v>
      </c>
      <c r="BP28" s="282">
        <v>289</v>
      </c>
      <c r="BQ28" s="276">
        <v>6</v>
      </c>
      <c r="BR28" s="280">
        <v>6</v>
      </c>
      <c r="BS28" s="277">
        <v>12</v>
      </c>
      <c r="BT28" s="279">
        <v>0</v>
      </c>
      <c r="BU28" s="280">
        <v>15</v>
      </c>
      <c r="BV28" s="280">
        <v>30</v>
      </c>
      <c r="BW28" s="280">
        <v>12</v>
      </c>
      <c r="BX28" s="280">
        <v>10</v>
      </c>
      <c r="BY28" s="280">
        <v>6</v>
      </c>
      <c r="BZ28" s="277">
        <v>73</v>
      </c>
      <c r="CA28" s="282">
        <v>85</v>
      </c>
      <c r="CB28" s="276">
        <v>0</v>
      </c>
      <c r="CC28" s="280">
        <v>1</v>
      </c>
      <c r="CD28" s="277">
        <v>1</v>
      </c>
      <c r="CE28" s="279">
        <v>0</v>
      </c>
      <c r="CF28" s="280">
        <v>20</v>
      </c>
      <c r="CG28" s="280">
        <v>24</v>
      </c>
      <c r="CH28" s="280">
        <v>15</v>
      </c>
      <c r="CI28" s="280">
        <v>14</v>
      </c>
      <c r="CJ28" s="280">
        <v>8</v>
      </c>
      <c r="CK28" s="277">
        <v>81</v>
      </c>
      <c r="CL28" s="282">
        <v>82</v>
      </c>
      <c r="CM28" s="276">
        <v>0</v>
      </c>
      <c r="CN28" s="280">
        <v>0</v>
      </c>
      <c r="CO28" s="277">
        <v>0</v>
      </c>
      <c r="CP28" s="279">
        <v>0</v>
      </c>
      <c r="CQ28" s="280">
        <v>2</v>
      </c>
      <c r="CR28" s="280">
        <v>5</v>
      </c>
      <c r="CS28" s="280">
        <v>3</v>
      </c>
      <c r="CT28" s="280">
        <v>4</v>
      </c>
      <c r="CU28" s="280">
        <v>2</v>
      </c>
      <c r="CV28" s="277">
        <v>16</v>
      </c>
      <c r="CW28" s="282">
        <v>16</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53</v>
      </c>
      <c r="DU28" s="280">
        <v>89</v>
      </c>
      <c r="DV28" s="277">
        <v>142</v>
      </c>
      <c r="DW28" s="279">
        <v>0</v>
      </c>
      <c r="DX28" s="280">
        <v>146</v>
      </c>
      <c r="DY28" s="280">
        <v>178</v>
      </c>
      <c r="DZ28" s="280">
        <v>115</v>
      </c>
      <c r="EA28" s="280">
        <v>82</v>
      </c>
      <c r="EB28" s="280">
        <v>59</v>
      </c>
      <c r="EC28" s="277">
        <v>580</v>
      </c>
      <c r="ED28" s="282">
        <v>722</v>
      </c>
      <c r="EE28" s="276">
        <v>9</v>
      </c>
      <c r="EF28" s="280">
        <v>5</v>
      </c>
      <c r="EG28" s="277">
        <v>14</v>
      </c>
      <c r="EH28" s="279">
        <v>0</v>
      </c>
      <c r="EI28" s="280">
        <v>25</v>
      </c>
      <c r="EJ28" s="280">
        <v>17</v>
      </c>
      <c r="EK28" s="280">
        <v>24</v>
      </c>
      <c r="EL28" s="280">
        <v>13</v>
      </c>
      <c r="EM28" s="280">
        <v>11</v>
      </c>
      <c r="EN28" s="277">
        <v>90</v>
      </c>
      <c r="EO28" s="282">
        <v>104</v>
      </c>
      <c r="EP28" s="276">
        <v>71</v>
      </c>
      <c r="EQ28" s="280">
        <v>100</v>
      </c>
      <c r="ER28" s="277">
        <v>171</v>
      </c>
      <c r="ES28" s="279">
        <v>0</v>
      </c>
      <c r="ET28" s="280">
        <v>269</v>
      </c>
      <c r="EU28" s="280">
        <v>238</v>
      </c>
      <c r="EV28" s="280">
        <v>137</v>
      </c>
      <c r="EW28" s="280">
        <v>85</v>
      </c>
      <c r="EX28" s="280">
        <v>61</v>
      </c>
      <c r="EY28" s="277">
        <v>790</v>
      </c>
      <c r="EZ28" s="282">
        <v>961</v>
      </c>
    </row>
    <row r="29" spans="2:156" ht="21" customHeight="1" x14ac:dyDescent="0.2">
      <c r="B29" s="261" t="s">
        <v>27</v>
      </c>
      <c r="C29" s="276">
        <v>0</v>
      </c>
      <c r="D29" s="280">
        <v>0</v>
      </c>
      <c r="E29" s="382">
        <v>0</v>
      </c>
      <c r="F29" s="279">
        <v>0</v>
      </c>
      <c r="G29" s="280">
        <v>58</v>
      </c>
      <c r="H29" s="280">
        <v>51</v>
      </c>
      <c r="I29" s="280">
        <v>42</v>
      </c>
      <c r="J29" s="280">
        <v>34</v>
      </c>
      <c r="K29" s="280">
        <v>32</v>
      </c>
      <c r="L29" s="281">
        <v>217</v>
      </c>
      <c r="M29" s="282">
        <v>217</v>
      </c>
      <c r="N29" s="276">
        <v>0</v>
      </c>
      <c r="O29" s="280">
        <v>0</v>
      </c>
      <c r="P29" s="277">
        <v>0</v>
      </c>
      <c r="Q29" s="279">
        <v>0</v>
      </c>
      <c r="R29" s="280">
        <v>2</v>
      </c>
      <c r="S29" s="280">
        <v>5</v>
      </c>
      <c r="T29" s="280">
        <v>4</v>
      </c>
      <c r="U29" s="280">
        <v>11</v>
      </c>
      <c r="V29" s="280">
        <v>17</v>
      </c>
      <c r="W29" s="277">
        <v>39</v>
      </c>
      <c r="X29" s="282">
        <v>39</v>
      </c>
      <c r="Y29" s="276">
        <v>24</v>
      </c>
      <c r="Z29" s="280">
        <v>42</v>
      </c>
      <c r="AA29" s="277">
        <v>66</v>
      </c>
      <c r="AB29" s="279">
        <v>0</v>
      </c>
      <c r="AC29" s="280">
        <v>43</v>
      </c>
      <c r="AD29" s="280">
        <v>38</v>
      </c>
      <c r="AE29" s="280">
        <v>41</v>
      </c>
      <c r="AF29" s="280">
        <v>30</v>
      </c>
      <c r="AG29" s="280">
        <v>27</v>
      </c>
      <c r="AH29" s="277">
        <v>179</v>
      </c>
      <c r="AI29" s="282">
        <v>245</v>
      </c>
      <c r="AJ29" s="276">
        <v>0</v>
      </c>
      <c r="AK29" s="280">
        <v>1</v>
      </c>
      <c r="AL29" s="277">
        <v>1</v>
      </c>
      <c r="AM29" s="279">
        <v>0</v>
      </c>
      <c r="AN29" s="280">
        <v>0</v>
      </c>
      <c r="AO29" s="280">
        <v>1</v>
      </c>
      <c r="AP29" s="280">
        <v>0</v>
      </c>
      <c r="AQ29" s="280">
        <v>0</v>
      </c>
      <c r="AR29" s="280">
        <v>1</v>
      </c>
      <c r="AS29" s="277">
        <v>2</v>
      </c>
      <c r="AT29" s="282">
        <v>3</v>
      </c>
      <c r="AU29" s="276">
        <v>7</v>
      </c>
      <c r="AV29" s="280">
        <v>17</v>
      </c>
      <c r="AW29" s="277">
        <v>24</v>
      </c>
      <c r="AX29" s="279">
        <v>0</v>
      </c>
      <c r="AY29" s="280">
        <v>58</v>
      </c>
      <c r="AZ29" s="280">
        <v>64</v>
      </c>
      <c r="BA29" s="280">
        <v>74</v>
      </c>
      <c r="BB29" s="280">
        <v>67</v>
      </c>
      <c r="BC29" s="280">
        <v>46</v>
      </c>
      <c r="BD29" s="281">
        <v>309</v>
      </c>
      <c r="BE29" s="282">
        <v>333</v>
      </c>
      <c r="BF29" s="276">
        <v>0</v>
      </c>
      <c r="BG29" s="280">
        <v>0</v>
      </c>
      <c r="BH29" s="277">
        <v>0</v>
      </c>
      <c r="BI29" s="279">
        <v>0</v>
      </c>
      <c r="BJ29" s="280">
        <v>116</v>
      </c>
      <c r="BK29" s="280">
        <v>67</v>
      </c>
      <c r="BL29" s="280">
        <v>42</v>
      </c>
      <c r="BM29" s="280">
        <v>31</v>
      </c>
      <c r="BN29" s="280">
        <v>10</v>
      </c>
      <c r="BO29" s="277">
        <v>266</v>
      </c>
      <c r="BP29" s="282">
        <v>266</v>
      </c>
      <c r="BQ29" s="276">
        <v>10</v>
      </c>
      <c r="BR29" s="280">
        <v>32</v>
      </c>
      <c r="BS29" s="277">
        <v>42</v>
      </c>
      <c r="BT29" s="279">
        <v>0</v>
      </c>
      <c r="BU29" s="280">
        <v>13</v>
      </c>
      <c r="BV29" s="280">
        <v>26</v>
      </c>
      <c r="BW29" s="280">
        <v>11</v>
      </c>
      <c r="BX29" s="280">
        <v>4</v>
      </c>
      <c r="BY29" s="280">
        <v>6</v>
      </c>
      <c r="BZ29" s="277">
        <v>60</v>
      </c>
      <c r="CA29" s="282">
        <v>102</v>
      </c>
      <c r="CB29" s="276">
        <v>0</v>
      </c>
      <c r="CC29" s="280">
        <v>0</v>
      </c>
      <c r="CD29" s="277">
        <v>0</v>
      </c>
      <c r="CE29" s="279">
        <v>0</v>
      </c>
      <c r="CF29" s="280">
        <v>14</v>
      </c>
      <c r="CG29" s="280">
        <v>14</v>
      </c>
      <c r="CH29" s="280">
        <v>21</v>
      </c>
      <c r="CI29" s="280">
        <v>11</v>
      </c>
      <c r="CJ29" s="280">
        <v>5</v>
      </c>
      <c r="CK29" s="277">
        <v>65</v>
      </c>
      <c r="CL29" s="282">
        <v>65</v>
      </c>
      <c r="CM29" s="276">
        <v>0</v>
      </c>
      <c r="CN29" s="280">
        <v>0</v>
      </c>
      <c r="CO29" s="277">
        <v>0</v>
      </c>
      <c r="CP29" s="279">
        <v>0</v>
      </c>
      <c r="CQ29" s="280">
        <v>5</v>
      </c>
      <c r="CR29" s="280">
        <v>3</v>
      </c>
      <c r="CS29" s="280">
        <v>3</v>
      </c>
      <c r="CT29" s="280">
        <v>2</v>
      </c>
      <c r="CU29" s="280">
        <v>1</v>
      </c>
      <c r="CV29" s="277">
        <v>14</v>
      </c>
      <c r="CW29" s="282">
        <v>14</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86</v>
      </c>
      <c r="DU29" s="280">
        <v>133</v>
      </c>
      <c r="DV29" s="277">
        <v>219</v>
      </c>
      <c r="DW29" s="279">
        <v>0</v>
      </c>
      <c r="DX29" s="280">
        <v>77</v>
      </c>
      <c r="DY29" s="280">
        <v>120</v>
      </c>
      <c r="DZ29" s="280">
        <v>89</v>
      </c>
      <c r="EA29" s="280">
        <v>60</v>
      </c>
      <c r="EB29" s="280">
        <v>44</v>
      </c>
      <c r="EC29" s="277">
        <v>390</v>
      </c>
      <c r="ED29" s="282">
        <v>609</v>
      </c>
      <c r="EE29" s="276">
        <v>9</v>
      </c>
      <c r="EF29" s="280">
        <v>13</v>
      </c>
      <c r="EG29" s="277">
        <v>22</v>
      </c>
      <c r="EH29" s="279">
        <v>0</v>
      </c>
      <c r="EI29" s="280">
        <v>39</v>
      </c>
      <c r="EJ29" s="280">
        <v>30</v>
      </c>
      <c r="EK29" s="280">
        <v>36</v>
      </c>
      <c r="EL29" s="280">
        <v>35</v>
      </c>
      <c r="EM29" s="280">
        <v>12</v>
      </c>
      <c r="EN29" s="277">
        <v>152</v>
      </c>
      <c r="EO29" s="282">
        <v>174</v>
      </c>
      <c r="EP29" s="276">
        <v>111</v>
      </c>
      <c r="EQ29" s="280">
        <v>160</v>
      </c>
      <c r="ER29" s="277">
        <v>271</v>
      </c>
      <c r="ES29" s="279">
        <v>0</v>
      </c>
      <c r="ET29" s="280">
        <v>210</v>
      </c>
      <c r="EU29" s="280">
        <v>152</v>
      </c>
      <c r="EV29" s="280">
        <v>111</v>
      </c>
      <c r="EW29" s="280">
        <v>69</v>
      </c>
      <c r="EX29" s="280">
        <v>46</v>
      </c>
      <c r="EY29" s="277">
        <v>588</v>
      </c>
      <c r="EZ29" s="282">
        <v>859</v>
      </c>
    </row>
    <row r="30" spans="2:156" ht="21" customHeight="1" x14ac:dyDescent="0.2">
      <c r="B30" s="261" t="s">
        <v>28</v>
      </c>
      <c r="C30" s="276">
        <v>0</v>
      </c>
      <c r="D30" s="280">
        <v>0</v>
      </c>
      <c r="E30" s="382">
        <v>0</v>
      </c>
      <c r="F30" s="279">
        <v>0</v>
      </c>
      <c r="G30" s="280">
        <v>13</v>
      </c>
      <c r="H30" s="280">
        <v>18</v>
      </c>
      <c r="I30" s="280">
        <v>7</v>
      </c>
      <c r="J30" s="280">
        <v>8</v>
      </c>
      <c r="K30" s="280">
        <v>6</v>
      </c>
      <c r="L30" s="281">
        <v>52</v>
      </c>
      <c r="M30" s="282">
        <v>52</v>
      </c>
      <c r="N30" s="276">
        <v>0</v>
      </c>
      <c r="O30" s="280">
        <v>0</v>
      </c>
      <c r="P30" s="277">
        <v>0</v>
      </c>
      <c r="Q30" s="279">
        <v>0</v>
      </c>
      <c r="R30" s="280">
        <v>0</v>
      </c>
      <c r="S30" s="280">
        <v>1</v>
      </c>
      <c r="T30" s="280">
        <v>3</v>
      </c>
      <c r="U30" s="280">
        <v>2</v>
      </c>
      <c r="V30" s="280">
        <v>2</v>
      </c>
      <c r="W30" s="277">
        <v>8</v>
      </c>
      <c r="X30" s="282">
        <v>8</v>
      </c>
      <c r="Y30" s="276">
        <v>1</v>
      </c>
      <c r="Z30" s="280">
        <v>2</v>
      </c>
      <c r="AA30" s="277">
        <v>3</v>
      </c>
      <c r="AB30" s="279">
        <v>0</v>
      </c>
      <c r="AC30" s="280">
        <v>5</v>
      </c>
      <c r="AD30" s="280">
        <v>16</v>
      </c>
      <c r="AE30" s="280">
        <v>16</v>
      </c>
      <c r="AF30" s="280">
        <v>13</v>
      </c>
      <c r="AG30" s="280">
        <v>7</v>
      </c>
      <c r="AH30" s="277">
        <v>57</v>
      </c>
      <c r="AI30" s="282">
        <v>60</v>
      </c>
      <c r="AJ30" s="276">
        <v>0</v>
      </c>
      <c r="AK30" s="280">
        <v>1</v>
      </c>
      <c r="AL30" s="277">
        <v>1</v>
      </c>
      <c r="AM30" s="279">
        <v>0</v>
      </c>
      <c r="AN30" s="280">
        <v>2</v>
      </c>
      <c r="AO30" s="280">
        <v>0</v>
      </c>
      <c r="AP30" s="280">
        <v>0</v>
      </c>
      <c r="AQ30" s="280">
        <v>0</v>
      </c>
      <c r="AR30" s="280">
        <v>2</v>
      </c>
      <c r="AS30" s="277">
        <v>4</v>
      </c>
      <c r="AT30" s="282">
        <v>5</v>
      </c>
      <c r="AU30" s="276">
        <v>0</v>
      </c>
      <c r="AV30" s="280">
        <v>1</v>
      </c>
      <c r="AW30" s="277">
        <v>1</v>
      </c>
      <c r="AX30" s="279">
        <v>0</v>
      </c>
      <c r="AY30" s="280">
        <v>8</v>
      </c>
      <c r="AZ30" s="280">
        <v>20</v>
      </c>
      <c r="BA30" s="280">
        <v>20</v>
      </c>
      <c r="BB30" s="280">
        <v>22</v>
      </c>
      <c r="BC30" s="280">
        <v>11</v>
      </c>
      <c r="BD30" s="281">
        <v>81</v>
      </c>
      <c r="BE30" s="282">
        <v>82</v>
      </c>
      <c r="BF30" s="276">
        <v>0</v>
      </c>
      <c r="BG30" s="280">
        <v>0</v>
      </c>
      <c r="BH30" s="277">
        <v>0</v>
      </c>
      <c r="BI30" s="279">
        <v>0</v>
      </c>
      <c r="BJ30" s="280">
        <v>35</v>
      </c>
      <c r="BK30" s="280">
        <v>29</v>
      </c>
      <c r="BL30" s="280">
        <v>21</v>
      </c>
      <c r="BM30" s="280">
        <v>11</v>
      </c>
      <c r="BN30" s="280">
        <v>6</v>
      </c>
      <c r="BO30" s="277">
        <v>102</v>
      </c>
      <c r="BP30" s="282">
        <v>102</v>
      </c>
      <c r="BQ30" s="276">
        <v>0</v>
      </c>
      <c r="BR30" s="280">
        <v>3</v>
      </c>
      <c r="BS30" s="277">
        <v>3</v>
      </c>
      <c r="BT30" s="279">
        <v>0</v>
      </c>
      <c r="BU30" s="280">
        <v>5</v>
      </c>
      <c r="BV30" s="280">
        <v>20</v>
      </c>
      <c r="BW30" s="280">
        <v>8</v>
      </c>
      <c r="BX30" s="280">
        <v>9</v>
      </c>
      <c r="BY30" s="280">
        <v>3</v>
      </c>
      <c r="BZ30" s="277">
        <v>45</v>
      </c>
      <c r="CA30" s="282">
        <v>48</v>
      </c>
      <c r="CB30" s="276">
        <v>0</v>
      </c>
      <c r="CC30" s="280">
        <v>1</v>
      </c>
      <c r="CD30" s="277">
        <v>1</v>
      </c>
      <c r="CE30" s="279">
        <v>0</v>
      </c>
      <c r="CF30" s="280">
        <v>5</v>
      </c>
      <c r="CG30" s="280">
        <v>6</v>
      </c>
      <c r="CH30" s="280">
        <v>9</v>
      </c>
      <c r="CI30" s="280">
        <v>2</v>
      </c>
      <c r="CJ30" s="280">
        <v>6</v>
      </c>
      <c r="CK30" s="277">
        <v>28</v>
      </c>
      <c r="CL30" s="282">
        <v>29</v>
      </c>
      <c r="CM30" s="276">
        <v>0</v>
      </c>
      <c r="CN30" s="280">
        <v>0</v>
      </c>
      <c r="CO30" s="277">
        <v>0</v>
      </c>
      <c r="CP30" s="279">
        <v>0</v>
      </c>
      <c r="CQ30" s="280">
        <v>1</v>
      </c>
      <c r="CR30" s="280">
        <v>3</v>
      </c>
      <c r="CS30" s="280">
        <v>4</v>
      </c>
      <c r="CT30" s="280">
        <v>3</v>
      </c>
      <c r="CU30" s="280">
        <v>2</v>
      </c>
      <c r="CV30" s="277">
        <v>13</v>
      </c>
      <c r="CW30" s="282">
        <v>13</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8</v>
      </c>
      <c r="DU30" s="280">
        <v>18</v>
      </c>
      <c r="DV30" s="277">
        <v>26</v>
      </c>
      <c r="DW30" s="279">
        <v>0</v>
      </c>
      <c r="DX30" s="280">
        <v>38</v>
      </c>
      <c r="DY30" s="280">
        <v>60</v>
      </c>
      <c r="DZ30" s="280">
        <v>41</v>
      </c>
      <c r="EA30" s="280">
        <v>27</v>
      </c>
      <c r="EB30" s="280">
        <v>15</v>
      </c>
      <c r="EC30" s="277">
        <v>181</v>
      </c>
      <c r="ED30" s="282">
        <v>207</v>
      </c>
      <c r="EE30" s="276">
        <v>1</v>
      </c>
      <c r="EF30" s="280">
        <v>0</v>
      </c>
      <c r="EG30" s="277">
        <v>1</v>
      </c>
      <c r="EH30" s="279">
        <v>0</v>
      </c>
      <c r="EI30" s="280">
        <v>2</v>
      </c>
      <c r="EJ30" s="280">
        <v>7</v>
      </c>
      <c r="EK30" s="280">
        <v>4</v>
      </c>
      <c r="EL30" s="280">
        <v>9</v>
      </c>
      <c r="EM30" s="280">
        <v>1</v>
      </c>
      <c r="EN30" s="277">
        <v>23</v>
      </c>
      <c r="EO30" s="282">
        <v>24</v>
      </c>
      <c r="EP30" s="276">
        <v>9</v>
      </c>
      <c r="EQ30" s="280">
        <v>19</v>
      </c>
      <c r="ER30" s="277">
        <v>28</v>
      </c>
      <c r="ES30" s="279">
        <v>0</v>
      </c>
      <c r="ET30" s="280">
        <v>71</v>
      </c>
      <c r="EU30" s="280">
        <v>83</v>
      </c>
      <c r="EV30" s="280">
        <v>46</v>
      </c>
      <c r="EW30" s="280">
        <v>32</v>
      </c>
      <c r="EX30" s="280">
        <v>15</v>
      </c>
      <c r="EY30" s="277">
        <v>247</v>
      </c>
      <c r="EZ30" s="282">
        <v>275</v>
      </c>
    </row>
    <row r="31" spans="2:156" ht="21" customHeight="1" x14ac:dyDescent="0.2">
      <c r="B31" s="261" t="s">
        <v>29</v>
      </c>
      <c r="C31" s="276">
        <v>0</v>
      </c>
      <c r="D31" s="280">
        <v>0</v>
      </c>
      <c r="E31" s="382">
        <v>0</v>
      </c>
      <c r="F31" s="279">
        <v>0</v>
      </c>
      <c r="G31" s="280">
        <v>26</v>
      </c>
      <c r="H31" s="280">
        <v>22</v>
      </c>
      <c r="I31" s="280">
        <v>11</v>
      </c>
      <c r="J31" s="280">
        <v>10</v>
      </c>
      <c r="K31" s="280">
        <v>11</v>
      </c>
      <c r="L31" s="281">
        <v>80</v>
      </c>
      <c r="M31" s="282">
        <v>80</v>
      </c>
      <c r="N31" s="276">
        <v>0</v>
      </c>
      <c r="O31" s="280">
        <v>1</v>
      </c>
      <c r="P31" s="277">
        <v>1</v>
      </c>
      <c r="Q31" s="279">
        <v>0</v>
      </c>
      <c r="R31" s="280">
        <v>0</v>
      </c>
      <c r="S31" s="280">
        <v>1</v>
      </c>
      <c r="T31" s="280">
        <v>0</v>
      </c>
      <c r="U31" s="280">
        <v>2</v>
      </c>
      <c r="V31" s="280">
        <v>5</v>
      </c>
      <c r="W31" s="277">
        <v>8</v>
      </c>
      <c r="X31" s="282">
        <v>9</v>
      </c>
      <c r="Y31" s="276">
        <v>3</v>
      </c>
      <c r="Z31" s="280">
        <v>6</v>
      </c>
      <c r="AA31" s="277">
        <v>9</v>
      </c>
      <c r="AB31" s="279">
        <v>0</v>
      </c>
      <c r="AC31" s="280">
        <v>19</v>
      </c>
      <c r="AD31" s="280">
        <v>20</v>
      </c>
      <c r="AE31" s="280">
        <v>16</v>
      </c>
      <c r="AF31" s="280">
        <v>7</v>
      </c>
      <c r="AG31" s="280">
        <v>7</v>
      </c>
      <c r="AH31" s="277">
        <v>69</v>
      </c>
      <c r="AI31" s="282">
        <v>78</v>
      </c>
      <c r="AJ31" s="276">
        <v>1</v>
      </c>
      <c r="AK31" s="280">
        <v>1</v>
      </c>
      <c r="AL31" s="277">
        <v>2</v>
      </c>
      <c r="AM31" s="279">
        <v>0</v>
      </c>
      <c r="AN31" s="280">
        <v>2</v>
      </c>
      <c r="AO31" s="280">
        <v>3</v>
      </c>
      <c r="AP31" s="280">
        <v>1</v>
      </c>
      <c r="AQ31" s="280">
        <v>3</v>
      </c>
      <c r="AR31" s="280">
        <v>0</v>
      </c>
      <c r="AS31" s="277">
        <v>9</v>
      </c>
      <c r="AT31" s="282">
        <v>11</v>
      </c>
      <c r="AU31" s="276">
        <v>0</v>
      </c>
      <c r="AV31" s="280">
        <v>1</v>
      </c>
      <c r="AW31" s="277">
        <v>1</v>
      </c>
      <c r="AX31" s="279">
        <v>0</v>
      </c>
      <c r="AY31" s="280">
        <v>19</v>
      </c>
      <c r="AZ31" s="280">
        <v>29</v>
      </c>
      <c r="BA31" s="280">
        <v>15</v>
      </c>
      <c r="BB31" s="280">
        <v>18</v>
      </c>
      <c r="BC31" s="280">
        <v>12</v>
      </c>
      <c r="BD31" s="281">
        <v>93</v>
      </c>
      <c r="BE31" s="282">
        <v>94</v>
      </c>
      <c r="BF31" s="276">
        <v>0</v>
      </c>
      <c r="BG31" s="280">
        <v>0</v>
      </c>
      <c r="BH31" s="277">
        <v>0</v>
      </c>
      <c r="BI31" s="279">
        <v>0</v>
      </c>
      <c r="BJ31" s="280">
        <v>38</v>
      </c>
      <c r="BK31" s="280">
        <v>39</v>
      </c>
      <c r="BL31" s="280">
        <v>27</v>
      </c>
      <c r="BM31" s="280">
        <v>15</v>
      </c>
      <c r="BN31" s="280">
        <v>6</v>
      </c>
      <c r="BO31" s="277">
        <v>125</v>
      </c>
      <c r="BP31" s="282">
        <v>125</v>
      </c>
      <c r="BQ31" s="276">
        <v>2</v>
      </c>
      <c r="BR31" s="280">
        <v>2</v>
      </c>
      <c r="BS31" s="277">
        <v>4</v>
      </c>
      <c r="BT31" s="279">
        <v>0</v>
      </c>
      <c r="BU31" s="280">
        <v>17</v>
      </c>
      <c r="BV31" s="280">
        <v>12</v>
      </c>
      <c r="BW31" s="280">
        <v>7</v>
      </c>
      <c r="BX31" s="280">
        <v>4</v>
      </c>
      <c r="BY31" s="280">
        <v>1</v>
      </c>
      <c r="BZ31" s="277">
        <v>41</v>
      </c>
      <c r="CA31" s="282">
        <v>45</v>
      </c>
      <c r="CB31" s="276">
        <v>1</v>
      </c>
      <c r="CC31" s="280">
        <v>1</v>
      </c>
      <c r="CD31" s="277">
        <v>2</v>
      </c>
      <c r="CE31" s="279">
        <v>0</v>
      </c>
      <c r="CF31" s="280">
        <v>4</v>
      </c>
      <c r="CG31" s="280">
        <v>10</v>
      </c>
      <c r="CH31" s="280">
        <v>14</v>
      </c>
      <c r="CI31" s="280">
        <v>7</v>
      </c>
      <c r="CJ31" s="280">
        <v>6</v>
      </c>
      <c r="CK31" s="277">
        <v>41</v>
      </c>
      <c r="CL31" s="282">
        <v>43</v>
      </c>
      <c r="CM31" s="276">
        <v>0</v>
      </c>
      <c r="CN31" s="280">
        <v>0</v>
      </c>
      <c r="CO31" s="277">
        <v>0</v>
      </c>
      <c r="CP31" s="279">
        <v>0</v>
      </c>
      <c r="CQ31" s="280">
        <v>2</v>
      </c>
      <c r="CR31" s="280">
        <v>4</v>
      </c>
      <c r="CS31" s="280">
        <v>2</v>
      </c>
      <c r="CT31" s="280">
        <v>0</v>
      </c>
      <c r="CU31" s="280">
        <v>0</v>
      </c>
      <c r="CV31" s="277">
        <v>8</v>
      </c>
      <c r="CW31" s="282">
        <v>8</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3</v>
      </c>
      <c r="DU31" s="280">
        <v>30</v>
      </c>
      <c r="DV31" s="277">
        <v>53</v>
      </c>
      <c r="DW31" s="279">
        <v>0</v>
      </c>
      <c r="DX31" s="280">
        <v>40</v>
      </c>
      <c r="DY31" s="280">
        <v>64</v>
      </c>
      <c r="DZ31" s="280">
        <v>47</v>
      </c>
      <c r="EA31" s="280">
        <v>37</v>
      </c>
      <c r="EB31" s="280">
        <v>20</v>
      </c>
      <c r="EC31" s="277">
        <v>208</v>
      </c>
      <c r="ED31" s="282">
        <v>261</v>
      </c>
      <c r="EE31" s="276">
        <v>2</v>
      </c>
      <c r="EF31" s="280">
        <v>0</v>
      </c>
      <c r="EG31" s="277">
        <v>2</v>
      </c>
      <c r="EH31" s="279">
        <v>0</v>
      </c>
      <c r="EI31" s="280">
        <v>8</v>
      </c>
      <c r="EJ31" s="280">
        <v>7</v>
      </c>
      <c r="EK31" s="280">
        <v>4</v>
      </c>
      <c r="EL31" s="280">
        <v>8</v>
      </c>
      <c r="EM31" s="280">
        <v>4</v>
      </c>
      <c r="EN31" s="277">
        <v>31</v>
      </c>
      <c r="EO31" s="282">
        <v>33</v>
      </c>
      <c r="EP31" s="276">
        <v>29</v>
      </c>
      <c r="EQ31" s="280">
        <v>35</v>
      </c>
      <c r="ER31" s="277">
        <v>64</v>
      </c>
      <c r="ES31" s="279">
        <v>0</v>
      </c>
      <c r="ET31" s="280">
        <v>89</v>
      </c>
      <c r="EU31" s="280">
        <v>90</v>
      </c>
      <c r="EV31" s="280">
        <v>54</v>
      </c>
      <c r="EW31" s="280">
        <v>34</v>
      </c>
      <c r="EX31" s="280">
        <v>21</v>
      </c>
      <c r="EY31" s="277">
        <v>288</v>
      </c>
      <c r="EZ31" s="282">
        <v>352</v>
      </c>
    </row>
    <row r="32" spans="2:156" ht="21" customHeight="1" x14ac:dyDescent="0.2">
      <c r="B32" s="261" t="s">
        <v>30</v>
      </c>
      <c r="C32" s="276">
        <v>0</v>
      </c>
      <c r="D32" s="280">
        <v>0</v>
      </c>
      <c r="E32" s="382">
        <v>0</v>
      </c>
      <c r="F32" s="279">
        <v>0</v>
      </c>
      <c r="G32" s="280">
        <v>26</v>
      </c>
      <c r="H32" s="280">
        <v>19</v>
      </c>
      <c r="I32" s="280">
        <v>16</v>
      </c>
      <c r="J32" s="280">
        <v>11</v>
      </c>
      <c r="K32" s="280">
        <v>8</v>
      </c>
      <c r="L32" s="281">
        <v>80</v>
      </c>
      <c r="M32" s="282">
        <v>80</v>
      </c>
      <c r="N32" s="276">
        <v>0</v>
      </c>
      <c r="O32" s="280">
        <v>0</v>
      </c>
      <c r="P32" s="277">
        <v>0</v>
      </c>
      <c r="Q32" s="279">
        <v>0</v>
      </c>
      <c r="R32" s="280">
        <v>2</v>
      </c>
      <c r="S32" s="280">
        <v>0</v>
      </c>
      <c r="T32" s="280">
        <v>1</v>
      </c>
      <c r="U32" s="280">
        <v>9</v>
      </c>
      <c r="V32" s="280">
        <v>4</v>
      </c>
      <c r="W32" s="277">
        <v>16</v>
      </c>
      <c r="X32" s="282">
        <v>16</v>
      </c>
      <c r="Y32" s="276">
        <v>4</v>
      </c>
      <c r="Z32" s="280">
        <v>4</v>
      </c>
      <c r="AA32" s="277">
        <v>8</v>
      </c>
      <c r="AB32" s="279">
        <v>0</v>
      </c>
      <c r="AC32" s="280">
        <v>22</v>
      </c>
      <c r="AD32" s="280">
        <v>16</v>
      </c>
      <c r="AE32" s="280">
        <v>18</v>
      </c>
      <c r="AF32" s="280">
        <v>18</v>
      </c>
      <c r="AG32" s="280">
        <v>7</v>
      </c>
      <c r="AH32" s="277">
        <v>81</v>
      </c>
      <c r="AI32" s="282">
        <v>89</v>
      </c>
      <c r="AJ32" s="276">
        <v>0</v>
      </c>
      <c r="AK32" s="280">
        <v>0</v>
      </c>
      <c r="AL32" s="277">
        <v>0</v>
      </c>
      <c r="AM32" s="279">
        <v>0</v>
      </c>
      <c r="AN32" s="280">
        <v>1</v>
      </c>
      <c r="AO32" s="280">
        <v>0</v>
      </c>
      <c r="AP32" s="280">
        <v>6</v>
      </c>
      <c r="AQ32" s="280">
        <v>0</v>
      </c>
      <c r="AR32" s="280">
        <v>0</v>
      </c>
      <c r="AS32" s="277">
        <v>7</v>
      </c>
      <c r="AT32" s="282">
        <v>7</v>
      </c>
      <c r="AU32" s="276">
        <v>1</v>
      </c>
      <c r="AV32" s="280">
        <v>0</v>
      </c>
      <c r="AW32" s="277">
        <v>1</v>
      </c>
      <c r="AX32" s="279">
        <v>0</v>
      </c>
      <c r="AY32" s="280">
        <v>23</v>
      </c>
      <c r="AZ32" s="280">
        <v>14</v>
      </c>
      <c r="BA32" s="280">
        <v>24</v>
      </c>
      <c r="BB32" s="280">
        <v>18</v>
      </c>
      <c r="BC32" s="280">
        <v>11</v>
      </c>
      <c r="BD32" s="281">
        <v>90</v>
      </c>
      <c r="BE32" s="282">
        <v>91</v>
      </c>
      <c r="BF32" s="276">
        <v>0</v>
      </c>
      <c r="BG32" s="280">
        <v>0</v>
      </c>
      <c r="BH32" s="277">
        <v>0</v>
      </c>
      <c r="BI32" s="279">
        <v>0</v>
      </c>
      <c r="BJ32" s="280">
        <v>33</v>
      </c>
      <c r="BK32" s="280">
        <v>25</v>
      </c>
      <c r="BL32" s="280">
        <v>14</v>
      </c>
      <c r="BM32" s="280">
        <v>11</v>
      </c>
      <c r="BN32" s="280">
        <v>3</v>
      </c>
      <c r="BO32" s="277">
        <v>86</v>
      </c>
      <c r="BP32" s="282">
        <v>86</v>
      </c>
      <c r="BQ32" s="276">
        <v>3</v>
      </c>
      <c r="BR32" s="280">
        <v>4</v>
      </c>
      <c r="BS32" s="277">
        <v>7</v>
      </c>
      <c r="BT32" s="279">
        <v>0</v>
      </c>
      <c r="BU32" s="280">
        <v>6</v>
      </c>
      <c r="BV32" s="280">
        <v>10</v>
      </c>
      <c r="BW32" s="280">
        <v>5</v>
      </c>
      <c r="BX32" s="280">
        <v>5</v>
      </c>
      <c r="BY32" s="280">
        <v>0</v>
      </c>
      <c r="BZ32" s="277">
        <v>26</v>
      </c>
      <c r="CA32" s="282">
        <v>33</v>
      </c>
      <c r="CB32" s="276">
        <v>0</v>
      </c>
      <c r="CC32" s="280">
        <v>0</v>
      </c>
      <c r="CD32" s="277">
        <v>0</v>
      </c>
      <c r="CE32" s="279">
        <v>0</v>
      </c>
      <c r="CF32" s="280">
        <v>7</v>
      </c>
      <c r="CG32" s="280">
        <v>6</v>
      </c>
      <c r="CH32" s="280">
        <v>8</v>
      </c>
      <c r="CI32" s="280">
        <v>5</v>
      </c>
      <c r="CJ32" s="280">
        <v>1</v>
      </c>
      <c r="CK32" s="277">
        <v>27</v>
      </c>
      <c r="CL32" s="282">
        <v>27</v>
      </c>
      <c r="CM32" s="276">
        <v>0</v>
      </c>
      <c r="CN32" s="280">
        <v>0</v>
      </c>
      <c r="CO32" s="277">
        <v>0</v>
      </c>
      <c r="CP32" s="279">
        <v>0</v>
      </c>
      <c r="CQ32" s="280">
        <v>1</v>
      </c>
      <c r="CR32" s="280">
        <v>3</v>
      </c>
      <c r="CS32" s="280">
        <v>1</v>
      </c>
      <c r="CT32" s="280">
        <v>2</v>
      </c>
      <c r="CU32" s="280">
        <v>1</v>
      </c>
      <c r="CV32" s="277">
        <v>8</v>
      </c>
      <c r="CW32" s="282">
        <v>8</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3</v>
      </c>
      <c r="DU32" s="280">
        <v>24</v>
      </c>
      <c r="DV32" s="277">
        <v>57</v>
      </c>
      <c r="DW32" s="279">
        <v>0</v>
      </c>
      <c r="DX32" s="280">
        <v>54</v>
      </c>
      <c r="DY32" s="280">
        <v>53</v>
      </c>
      <c r="DZ32" s="280">
        <v>50</v>
      </c>
      <c r="EA32" s="280">
        <v>35</v>
      </c>
      <c r="EB32" s="280">
        <v>15</v>
      </c>
      <c r="EC32" s="277">
        <v>207</v>
      </c>
      <c r="ED32" s="282">
        <v>264</v>
      </c>
      <c r="EE32" s="276">
        <v>1</v>
      </c>
      <c r="EF32" s="280">
        <v>1</v>
      </c>
      <c r="EG32" s="277">
        <v>2</v>
      </c>
      <c r="EH32" s="279">
        <v>0</v>
      </c>
      <c r="EI32" s="280">
        <v>7</v>
      </c>
      <c r="EJ32" s="280">
        <v>6</v>
      </c>
      <c r="EK32" s="280">
        <v>3</v>
      </c>
      <c r="EL32" s="280">
        <v>2</v>
      </c>
      <c r="EM32" s="280">
        <v>1</v>
      </c>
      <c r="EN32" s="277">
        <v>19</v>
      </c>
      <c r="EO32" s="282">
        <v>21</v>
      </c>
      <c r="EP32" s="276">
        <v>37</v>
      </c>
      <c r="EQ32" s="280">
        <v>27</v>
      </c>
      <c r="ER32" s="277">
        <v>64</v>
      </c>
      <c r="ES32" s="279">
        <v>0</v>
      </c>
      <c r="ET32" s="280">
        <v>89</v>
      </c>
      <c r="EU32" s="280">
        <v>69</v>
      </c>
      <c r="EV32" s="280">
        <v>53</v>
      </c>
      <c r="EW32" s="280">
        <v>37</v>
      </c>
      <c r="EX32" s="280">
        <v>15</v>
      </c>
      <c r="EY32" s="277">
        <v>263</v>
      </c>
      <c r="EZ32" s="282">
        <v>327</v>
      </c>
    </row>
    <row r="33" spans="2:156" ht="21" customHeight="1" x14ac:dyDescent="0.2">
      <c r="B33" s="261" t="s">
        <v>31</v>
      </c>
      <c r="C33" s="276">
        <v>0</v>
      </c>
      <c r="D33" s="280">
        <v>0</v>
      </c>
      <c r="E33" s="382">
        <v>0</v>
      </c>
      <c r="F33" s="279">
        <v>0</v>
      </c>
      <c r="G33" s="280">
        <v>12</v>
      </c>
      <c r="H33" s="280">
        <v>14</v>
      </c>
      <c r="I33" s="280">
        <v>10</v>
      </c>
      <c r="J33" s="280">
        <v>8</v>
      </c>
      <c r="K33" s="280">
        <v>7</v>
      </c>
      <c r="L33" s="281">
        <v>51</v>
      </c>
      <c r="M33" s="282">
        <v>51</v>
      </c>
      <c r="N33" s="276">
        <v>0</v>
      </c>
      <c r="O33" s="280">
        <v>0</v>
      </c>
      <c r="P33" s="277">
        <v>0</v>
      </c>
      <c r="Q33" s="279">
        <v>0</v>
      </c>
      <c r="R33" s="280">
        <v>0</v>
      </c>
      <c r="S33" s="280">
        <v>2</v>
      </c>
      <c r="T33" s="280">
        <v>7</v>
      </c>
      <c r="U33" s="280">
        <v>4</v>
      </c>
      <c r="V33" s="280">
        <v>4</v>
      </c>
      <c r="W33" s="277">
        <v>17</v>
      </c>
      <c r="X33" s="282">
        <v>17</v>
      </c>
      <c r="Y33" s="276">
        <v>3</v>
      </c>
      <c r="Z33" s="280">
        <v>7</v>
      </c>
      <c r="AA33" s="277">
        <v>10</v>
      </c>
      <c r="AB33" s="279">
        <v>0</v>
      </c>
      <c r="AC33" s="280">
        <v>14</v>
      </c>
      <c r="AD33" s="280">
        <v>21</v>
      </c>
      <c r="AE33" s="280">
        <v>17</v>
      </c>
      <c r="AF33" s="280">
        <v>17</v>
      </c>
      <c r="AG33" s="280">
        <v>10</v>
      </c>
      <c r="AH33" s="277">
        <v>79</v>
      </c>
      <c r="AI33" s="282">
        <v>89</v>
      </c>
      <c r="AJ33" s="276">
        <v>1</v>
      </c>
      <c r="AK33" s="280">
        <v>2</v>
      </c>
      <c r="AL33" s="277">
        <v>3</v>
      </c>
      <c r="AM33" s="279">
        <v>0</v>
      </c>
      <c r="AN33" s="280">
        <v>2</v>
      </c>
      <c r="AO33" s="280">
        <v>2</v>
      </c>
      <c r="AP33" s="280">
        <v>2</v>
      </c>
      <c r="AQ33" s="280">
        <v>3</v>
      </c>
      <c r="AR33" s="280">
        <v>1</v>
      </c>
      <c r="AS33" s="277">
        <v>10</v>
      </c>
      <c r="AT33" s="282">
        <v>13</v>
      </c>
      <c r="AU33" s="276">
        <v>2</v>
      </c>
      <c r="AV33" s="280">
        <v>0</v>
      </c>
      <c r="AW33" s="277">
        <v>2</v>
      </c>
      <c r="AX33" s="279">
        <v>0</v>
      </c>
      <c r="AY33" s="280">
        <v>12</v>
      </c>
      <c r="AZ33" s="280">
        <v>18</v>
      </c>
      <c r="BA33" s="280">
        <v>13</v>
      </c>
      <c r="BB33" s="280">
        <v>11</v>
      </c>
      <c r="BC33" s="280">
        <v>8</v>
      </c>
      <c r="BD33" s="281">
        <v>62</v>
      </c>
      <c r="BE33" s="282">
        <v>64</v>
      </c>
      <c r="BF33" s="276">
        <v>0</v>
      </c>
      <c r="BG33" s="280">
        <v>0</v>
      </c>
      <c r="BH33" s="277">
        <v>0</v>
      </c>
      <c r="BI33" s="279">
        <v>0</v>
      </c>
      <c r="BJ33" s="280">
        <v>37</v>
      </c>
      <c r="BK33" s="280">
        <v>37</v>
      </c>
      <c r="BL33" s="280">
        <v>24</v>
      </c>
      <c r="BM33" s="280">
        <v>14</v>
      </c>
      <c r="BN33" s="280">
        <v>3</v>
      </c>
      <c r="BO33" s="277">
        <v>115</v>
      </c>
      <c r="BP33" s="282">
        <v>115</v>
      </c>
      <c r="BQ33" s="276">
        <v>0</v>
      </c>
      <c r="BR33" s="280">
        <v>0</v>
      </c>
      <c r="BS33" s="277">
        <v>0</v>
      </c>
      <c r="BT33" s="279">
        <v>0</v>
      </c>
      <c r="BU33" s="280">
        <v>5</v>
      </c>
      <c r="BV33" s="280">
        <v>8</v>
      </c>
      <c r="BW33" s="280">
        <v>5</v>
      </c>
      <c r="BX33" s="280">
        <v>4</v>
      </c>
      <c r="BY33" s="280">
        <v>0</v>
      </c>
      <c r="BZ33" s="277">
        <v>22</v>
      </c>
      <c r="CA33" s="282">
        <v>22</v>
      </c>
      <c r="CB33" s="276">
        <v>0</v>
      </c>
      <c r="CC33" s="280">
        <v>0</v>
      </c>
      <c r="CD33" s="277">
        <v>0</v>
      </c>
      <c r="CE33" s="279">
        <v>0</v>
      </c>
      <c r="CF33" s="280">
        <v>4</v>
      </c>
      <c r="CG33" s="280">
        <v>11</v>
      </c>
      <c r="CH33" s="280">
        <v>10</v>
      </c>
      <c r="CI33" s="280">
        <v>6</v>
      </c>
      <c r="CJ33" s="280">
        <v>1</v>
      </c>
      <c r="CK33" s="277">
        <v>32</v>
      </c>
      <c r="CL33" s="282">
        <v>32</v>
      </c>
      <c r="CM33" s="276">
        <v>0</v>
      </c>
      <c r="CN33" s="280">
        <v>0</v>
      </c>
      <c r="CO33" s="277">
        <v>0</v>
      </c>
      <c r="CP33" s="279">
        <v>0</v>
      </c>
      <c r="CQ33" s="280">
        <v>0</v>
      </c>
      <c r="CR33" s="280">
        <v>3</v>
      </c>
      <c r="CS33" s="280">
        <v>0</v>
      </c>
      <c r="CT33" s="280">
        <v>0</v>
      </c>
      <c r="CU33" s="280">
        <v>0</v>
      </c>
      <c r="CV33" s="277">
        <v>3</v>
      </c>
      <c r="CW33" s="282">
        <v>3</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0</v>
      </c>
      <c r="DU33" s="280">
        <v>59</v>
      </c>
      <c r="DV33" s="277">
        <v>79</v>
      </c>
      <c r="DW33" s="279">
        <v>0</v>
      </c>
      <c r="DX33" s="280">
        <v>63</v>
      </c>
      <c r="DY33" s="280">
        <v>62</v>
      </c>
      <c r="DZ33" s="280">
        <v>40</v>
      </c>
      <c r="EA33" s="280">
        <v>33</v>
      </c>
      <c r="EB33" s="280">
        <v>15</v>
      </c>
      <c r="EC33" s="277">
        <v>213</v>
      </c>
      <c r="ED33" s="282">
        <v>292</v>
      </c>
      <c r="EE33" s="276">
        <v>1</v>
      </c>
      <c r="EF33" s="280">
        <v>1</v>
      </c>
      <c r="EG33" s="277">
        <v>2</v>
      </c>
      <c r="EH33" s="279">
        <v>0</v>
      </c>
      <c r="EI33" s="280">
        <v>9</v>
      </c>
      <c r="EJ33" s="280">
        <v>6</v>
      </c>
      <c r="EK33" s="280">
        <v>6</v>
      </c>
      <c r="EL33" s="280">
        <v>4</v>
      </c>
      <c r="EM33" s="280">
        <v>1</v>
      </c>
      <c r="EN33" s="277">
        <v>26</v>
      </c>
      <c r="EO33" s="282">
        <v>28</v>
      </c>
      <c r="EP33" s="276">
        <v>23</v>
      </c>
      <c r="EQ33" s="280">
        <v>63</v>
      </c>
      <c r="ER33" s="277">
        <v>86</v>
      </c>
      <c r="ES33" s="279">
        <v>0</v>
      </c>
      <c r="ET33" s="280">
        <v>102</v>
      </c>
      <c r="EU33" s="280">
        <v>84</v>
      </c>
      <c r="EV33" s="280">
        <v>48</v>
      </c>
      <c r="EW33" s="280">
        <v>30</v>
      </c>
      <c r="EX33" s="280">
        <v>14</v>
      </c>
      <c r="EY33" s="277">
        <v>278</v>
      </c>
      <c r="EZ33" s="282">
        <v>364</v>
      </c>
    </row>
    <row r="34" spans="2:156" ht="21" customHeight="1" x14ac:dyDescent="0.2">
      <c r="B34" s="261" t="s">
        <v>32</v>
      </c>
      <c r="C34" s="276">
        <v>0</v>
      </c>
      <c r="D34" s="280">
        <v>0</v>
      </c>
      <c r="E34" s="382">
        <v>0</v>
      </c>
      <c r="F34" s="279">
        <v>0</v>
      </c>
      <c r="G34" s="280">
        <v>31</v>
      </c>
      <c r="H34" s="280">
        <v>23</v>
      </c>
      <c r="I34" s="280">
        <v>17</v>
      </c>
      <c r="J34" s="280">
        <v>11</v>
      </c>
      <c r="K34" s="280">
        <v>11</v>
      </c>
      <c r="L34" s="281">
        <v>93</v>
      </c>
      <c r="M34" s="282">
        <v>93</v>
      </c>
      <c r="N34" s="276">
        <v>0</v>
      </c>
      <c r="O34" s="280">
        <v>0</v>
      </c>
      <c r="P34" s="277">
        <v>0</v>
      </c>
      <c r="Q34" s="279">
        <v>0</v>
      </c>
      <c r="R34" s="280">
        <v>0</v>
      </c>
      <c r="S34" s="280">
        <v>0</v>
      </c>
      <c r="T34" s="280">
        <v>3</v>
      </c>
      <c r="U34" s="280">
        <v>2</v>
      </c>
      <c r="V34" s="280">
        <v>7</v>
      </c>
      <c r="W34" s="277">
        <v>12</v>
      </c>
      <c r="X34" s="282">
        <v>12</v>
      </c>
      <c r="Y34" s="276">
        <v>4</v>
      </c>
      <c r="Z34" s="280">
        <v>8</v>
      </c>
      <c r="AA34" s="277">
        <v>12</v>
      </c>
      <c r="AB34" s="279">
        <v>0</v>
      </c>
      <c r="AC34" s="280">
        <v>30</v>
      </c>
      <c r="AD34" s="280">
        <v>23</v>
      </c>
      <c r="AE34" s="280">
        <v>17</v>
      </c>
      <c r="AF34" s="280">
        <v>14</v>
      </c>
      <c r="AG34" s="280">
        <v>9</v>
      </c>
      <c r="AH34" s="277">
        <v>93</v>
      </c>
      <c r="AI34" s="282">
        <v>105</v>
      </c>
      <c r="AJ34" s="276">
        <v>2</v>
      </c>
      <c r="AK34" s="280">
        <v>0</v>
      </c>
      <c r="AL34" s="277">
        <v>2</v>
      </c>
      <c r="AM34" s="279">
        <v>0</v>
      </c>
      <c r="AN34" s="280">
        <v>4</v>
      </c>
      <c r="AO34" s="280">
        <v>2</v>
      </c>
      <c r="AP34" s="280">
        <v>1</v>
      </c>
      <c r="AQ34" s="280">
        <v>4</v>
      </c>
      <c r="AR34" s="280">
        <v>2</v>
      </c>
      <c r="AS34" s="277">
        <v>13</v>
      </c>
      <c r="AT34" s="282">
        <v>15</v>
      </c>
      <c r="AU34" s="276">
        <v>2</v>
      </c>
      <c r="AV34" s="280">
        <v>3</v>
      </c>
      <c r="AW34" s="277">
        <v>5</v>
      </c>
      <c r="AX34" s="279">
        <v>0</v>
      </c>
      <c r="AY34" s="280">
        <v>17</v>
      </c>
      <c r="AZ34" s="280">
        <v>20</v>
      </c>
      <c r="BA34" s="280">
        <v>24</v>
      </c>
      <c r="BB34" s="280">
        <v>28</v>
      </c>
      <c r="BC34" s="280">
        <v>19</v>
      </c>
      <c r="BD34" s="281">
        <v>108</v>
      </c>
      <c r="BE34" s="282">
        <v>113</v>
      </c>
      <c r="BF34" s="276">
        <v>0</v>
      </c>
      <c r="BG34" s="280">
        <v>0</v>
      </c>
      <c r="BH34" s="277">
        <v>0</v>
      </c>
      <c r="BI34" s="279">
        <v>0</v>
      </c>
      <c r="BJ34" s="280">
        <v>50</v>
      </c>
      <c r="BK34" s="280">
        <v>45</v>
      </c>
      <c r="BL34" s="280">
        <v>22</v>
      </c>
      <c r="BM34" s="280">
        <v>20</v>
      </c>
      <c r="BN34" s="280">
        <v>6</v>
      </c>
      <c r="BO34" s="277">
        <v>143</v>
      </c>
      <c r="BP34" s="282">
        <v>143</v>
      </c>
      <c r="BQ34" s="276">
        <v>2</v>
      </c>
      <c r="BR34" s="280">
        <v>1</v>
      </c>
      <c r="BS34" s="277">
        <v>3</v>
      </c>
      <c r="BT34" s="279">
        <v>0</v>
      </c>
      <c r="BU34" s="280">
        <v>10</v>
      </c>
      <c r="BV34" s="280">
        <v>12</v>
      </c>
      <c r="BW34" s="280">
        <v>6</v>
      </c>
      <c r="BX34" s="280">
        <v>5</v>
      </c>
      <c r="BY34" s="280">
        <v>4</v>
      </c>
      <c r="BZ34" s="277">
        <v>37</v>
      </c>
      <c r="CA34" s="282">
        <v>40</v>
      </c>
      <c r="CB34" s="276">
        <v>2</v>
      </c>
      <c r="CC34" s="280">
        <v>2</v>
      </c>
      <c r="CD34" s="277">
        <v>4</v>
      </c>
      <c r="CE34" s="279">
        <v>0</v>
      </c>
      <c r="CF34" s="280">
        <v>3</v>
      </c>
      <c r="CG34" s="280">
        <v>10</v>
      </c>
      <c r="CH34" s="280">
        <v>10</v>
      </c>
      <c r="CI34" s="280">
        <v>4</v>
      </c>
      <c r="CJ34" s="280">
        <v>5</v>
      </c>
      <c r="CK34" s="277">
        <v>32</v>
      </c>
      <c r="CL34" s="282">
        <v>36</v>
      </c>
      <c r="CM34" s="276">
        <v>0</v>
      </c>
      <c r="CN34" s="280">
        <v>0</v>
      </c>
      <c r="CO34" s="277">
        <v>0</v>
      </c>
      <c r="CP34" s="279">
        <v>0</v>
      </c>
      <c r="CQ34" s="280">
        <v>0</v>
      </c>
      <c r="CR34" s="280">
        <v>2</v>
      </c>
      <c r="CS34" s="280">
        <v>2</v>
      </c>
      <c r="CT34" s="280">
        <v>3</v>
      </c>
      <c r="CU34" s="280">
        <v>1</v>
      </c>
      <c r="CV34" s="277">
        <v>8</v>
      </c>
      <c r="CW34" s="282">
        <v>8</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6</v>
      </c>
      <c r="DU34" s="280">
        <v>42</v>
      </c>
      <c r="DV34" s="277">
        <v>58</v>
      </c>
      <c r="DW34" s="279">
        <v>0</v>
      </c>
      <c r="DX34" s="280">
        <v>71</v>
      </c>
      <c r="DY34" s="280">
        <v>79</v>
      </c>
      <c r="DZ34" s="280">
        <v>51</v>
      </c>
      <c r="EA34" s="280">
        <v>36</v>
      </c>
      <c r="EB34" s="280">
        <v>20</v>
      </c>
      <c r="EC34" s="277">
        <v>257</v>
      </c>
      <c r="ED34" s="282">
        <v>315</v>
      </c>
      <c r="EE34" s="276">
        <v>3</v>
      </c>
      <c r="EF34" s="280">
        <v>3</v>
      </c>
      <c r="EG34" s="277">
        <v>6</v>
      </c>
      <c r="EH34" s="279">
        <v>0</v>
      </c>
      <c r="EI34" s="280">
        <v>7</v>
      </c>
      <c r="EJ34" s="280">
        <v>5</v>
      </c>
      <c r="EK34" s="280">
        <v>5</v>
      </c>
      <c r="EL34" s="280">
        <v>9</v>
      </c>
      <c r="EM34" s="280">
        <v>6</v>
      </c>
      <c r="EN34" s="277">
        <v>32</v>
      </c>
      <c r="EO34" s="282">
        <v>38</v>
      </c>
      <c r="EP34" s="276">
        <v>21</v>
      </c>
      <c r="EQ34" s="280">
        <v>44</v>
      </c>
      <c r="ER34" s="277">
        <v>65</v>
      </c>
      <c r="ES34" s="279">
        <v>0</v>
      </c>
      <c r="ET34" s="280">
        <v>134</v>
      </c>
      <c r="EU34" s="280">
        <v>113</v>
      </c>
      <c r="EV34" s="280">
        <v>57</v>
      </c>
      <c r="EW34" s="280">
        <v>38</v>
      </c>
      <c r="EX34" s="280">
        <v>22</v>
      </c>
      <c r="EY34" s="277">
        <v>364</v>
      </c>
      <c r="EZ34" s="282">
        <v>429</v>
      </c>
    </row>
    <row r="35" spans="2:156" ht="21" customHeight="1" x14ac:dyDescent="0.2">
      <c r="B35" s="261" t="s">
        <v>33</v>
      </c>
      <c r="C35" s="276">
        <v>0</v>
      </c>
      <c r="D35" s="280">
        <v>0</v>
      </c>
      <c r="E35" s="382">
        <v>0</v>
      </c>
      <c r="F35" s="279">
        <v>0</v>
      </c>
      <c r="G35" s="280">
        <v>21</v>
      </c>
      <c r="H35" s="280">
        <v>15</v>
      </c>
      <c r="I35" s="280">
        <v>12</v>
      </c>
      <c r="J35" s="280">
        <v>6</v>
      </c>
      <c r="K35" s="280">
        <v>11</v>
      </c>
      <c r="L35" s="281">
        <v>65</v>
      </c>
      <c r="M35" s="282">
        <v>65</v>
      </c>
      <c r="N35" s="276">
        <v>0</v>
      </c>
      <c r="O35" s="280">
        <v>0</v>
      </c>
      <c r="P35" s="277">
        <v>0</v>
      </c>
      <c r="Q35" s="279">
        <v>0</v>
      </c>
      <c r="R35" s="280">
        <v>0</v>
      </c>
      <c r="S35" s="280">
        <v>0</v>
      </c>
      <c r="T35" s="280">
        <v>3</v>
      </c>
      <c r="U35" s="280">
        <v>2</v>
      </c>
      <c r="V35" s="280">
        <v>4</v>
      </c>
      <c r="W35" s="277">
        <v>9</v>
      </c>
      <c r="X35" s="282">
        <v>9</v>
      </c>
      <c r="Y35" s="276">
        <v>1</v>
      </c>
      <c r="Z35" s="280">
        <v>3</v>
      </c>
      <c r="AA35" s="277">
        <v>4</v>
      </c>
      <c r="AB35" s="279">
        <v>0</v>
      </c>
      <c r="AC35" s="280">
        <v>17</v>
      </c>
      <c r="AD35" s="280">
        <v>18</v>
      </c>
      <c r="AE35" s="280">
        <v>6</v>
      </c>
      <c r="AF35" s="280">
        <v>5</v>
      </c>
      <c r="AG35" s="280">
        <v>8</v>
      </c>
      <c r="AH35" s="277">
        <v>54</v>
      </c>
      <c r="AI35" s="282">
        <v>58</v>
      </c>
      <c r="AJ35" s="276">
        <v>13</v>
      </c>
      <c r="AK35" s="280">
        <v>20</v>
      </c>
      <c r="AL35" s="277">
        <v>33</v>
      </c>
      <c r="AM35" s="279">
        <v>0</v>
      </c>
      <c r="AN35" s="280">
        <v>34</v>
      </c>
      <c r="AO35" s="280">
        <v>21</v>
      </c>
      <c r="AP35" s="280">
        <v>9</v>
      </c>
      <c r="AQ35" s="280">
        <v>3</v>
      </c>
      <c r="AR35" s="280">
        <v>4</v>
      </c>
      <c r="AS35" s="277">
        <v>71</v>
      </c>
      <c r="AT35" s="282">
        <v>104</v>
      </c>
      <c r="AU35" s="276">
        <v>5</v>
      </c>
      <c r="AV35" s="280">
        <v>10</v>
      </c>
      <c r="AW35" s="277">
        <v>15</v>
      </c>
      <c r="AX35" s="279">
        <v>0</v>
      </c>
      <c r="AY35" s="280">
        <v>20</v>
      </c>
      <c r="AZ35" s="280">
        <v>36</v>
      </c>
      <c r="BA35" s="280">
        <v>31</v>
      </c>
      <c r="BB35" s="280">
        <v>12</v>
      </c>
      <c r="BC35" s="280">
        <v>13</v>
      </c>
      <c r="BD35" s="281">
        <v>112</v>
      </c>
      <c r="BE35" s="282">
        <v>127</v>
      </c>
      <c r="BF35" s="276">
        <v>0</v>
      </c>
      <c r="BG35" s="280">
        <v>0</v>
      </c>
      <c r="BH35" s="277">
        <v>0</v>
      </c>
      <c r="BI35" s="279">
        <v>0</v>
      </c>
      <c r="BJ35" s="280">
        <v>13</v>
      </c>
      <c r="BK35" s="280">
        <v>7</v>
      </c>
      <c r="BL35" s="280">
        <v>2</v>
      </c>
      <c r="BM35" s="280">
        <v>3</v>
      </c>
      <c r="BN35" s="280">
        <v>3</v>
      </c>
      <c r="BO35" s="277">
        <v>28</v>
      </c>
      <c r="BP35" s="282">
        <v>28</v>
      </c>
      <c r="BQ35" s="276">
        <v>6</v>
      </c>
      <c r="BR35" s="280">
        <v>13</v>
      </c>
      <c r="BS35" s="277">
        <v>19</v>
      </c>
      <c r="BT35" s="279">
        <v>0</v>
      </c>
      <c r="BU35" s="280">
        <v>30</v>
      </c>
      <c r="BV35" s="280">
        <v>17</v>
      </c>
      <c r="BW35" s="280">
        <v>9</v>
      </c>
      <c r="BX35" s="280">
        <v>2</v>
      </c>
      <c r="BY35" s="280">
        <v>1</v>
      </c>
      <c r="BZ35" s="277">
        <v>59</v>
      </c>
      <c r="CA35" s="282">
        <v>78</v>
      </c>
      <c r="CB35" s="276">
        <v>0</v>
      </c>
      <c r="CC35" s="280">
        <v>0</v>
      </c>
      <c r="CD35" s="277">
        <v>0</v>
      </c>
      <c r="CE35" s="279">
        <v>0</v>
      </c>
      <c r="CF35" s="280">
        <v>5</v>
      </c>
      <c r="CG35" s="280">
        <v>8</v>
      </c>
      <c r="CH35" s="280">
        <v>5</v>
      </c>
      <c r="CI35" s="280">
        <v>4</v>
      </c>
      <c r="CJ35" s="280">
        <v>0</v>
      </c>
      <c r="CK35" s="277">
        <v>22</v>
      </c>
      <c r="CL35" s="282">
        <v>22</v>
      </c>
      <c r="CM35" s="276">
        <v>0</v>
      </c>
      <c r="CN35" s="280">
        <v>0</v>
      </c>
      <c r="CO35" s="277">
        <v>0</v>
      </c>
      <c r="CP35" s="279">
        <v>0</v>
      </c>
      <c r="CQ35" s="280">
        <v>0</v>
      </c>
      <c r="CR35" s="280">
        <v>1</v>
      </c>
      <c r="CS35" s="280">
        <v>0</v>
      </c>
      <c r="CT35" s="280">
        <v>2</v>
      </c>
      <c r="CU35" s="280">
        <v>0</v>
      </c>
      <c r="CV35" s="277">
        <v>3</v>
      </c>
      <c r="CW35" s="282">
        <v>3</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24</v>
      </c>
      <c r="DU35" s="280">
        <v>35</v>
      </c>
      <c r="DV35" s="277">
        <v>59</v>
      </c>
      <c r="DW35" s="279">
        <v>0</v>
      </c>
      <c r="DX35" s="280">
        <v>66</v>
      </c>
      <c r="DY35" s="280">
        <v>49</v>
      </c>
      <c r="DZ35" s="280">
        <v>28</v>
      </c>
      <c r="EA35" s="280">
        <v>16</v>
      </c>
      <c r="EB35" s="280">
        <v>20</v>
      </c>
      <c r="EC35" s="277">
        <v>179</v>
      </c>
      <c r="ED35" s="282">
        <v>238</v>
      </c>
      <c r="EE35" s="276">
        <v>5</v>
      </c>
      <c r="EF35" s="280">
        <v>5</v>
      </c>
      <c r="EG35" s="277">
        <v>10</v>
      </c>
      <c r="EH35" s="279">
        <v>0</v>
      </c>
      <c r="EI35" s="280">
        <v>13</v>
      </c>
      <c r="EJ35" s="280">
        <v>15</v>
      </c>
      <c r="EK35" s="280">
        <v>12</v>
      </c>
      <c r="EL35" s="280">
        <v>9</v>
      </c>
      <c r="EM35" s="280">
        <v>3</v>
      </c>
      <c r="EN35" s="277">
        <v>52</v>
      </c>
      <c r="EO35" s="282">
        <v>62</v>
      </c>
      <c r="EP35" s="276">
        <v>37</v>
      </c>
      <c r="EQ35" s="280">
        <v>53</v>
      </c>
      <c r="ER35" s="277">
        <v>90</v>
      </c>
      <c r="ES35" s="279">
        <v>0</v>
      </c>
      <c r="ET35" s="280">
        <v>113</v>
      </c>
      <c r="EU35" s="280">
        <v>67</v>
      </c>
      <c r="EV35" s="280">
        <v>34</v>
      </c>
      <c r="EW35" s="280">
        <v>17</v>
      </c>
      <c r="EX35" s="280">
        <v>18</v>
      </c>
      <c r="EY35" s="277">
        <v>249</v>
      </c>
      <c r="EZ35" s="282">
        <v>339</v>
      </c>
    </row>
    <row r="36" spans="2:156" ht="21" customHeight="1" x14ac:dyDescent="0.2">
      <c r="B36" s="261" t="s">
        <v>34</v>
      </c>
      <c r="C36" s="276">
        <v>0</v>
      </c>
      <c r="D36" s="280">
        <v>0</v>
      </c>
      <c r="E36" s="382">
        <v>0</v>
      </c>
      <c r="F36" s="279">
        <v>0</v>
      </c>
      <c r="G36" s="280">
        <v>13</v>
      </c>
      <c r="H36" s="280">
        <v>6</v>
      </c>
      <c r="I36" s="280">
        <v>7</v>
      </c>
      <c r="J36" s="280">
        <v>7</v>
      </c>
      <c r="K36" s="280">
        <v>1</v>
      </c>
      <c r="L36" s="281">
        <v>34</v>
      </c>
      <c r="M36" s="282">
        <v>34</v>
      </c>
      <c r="N36" s="276">
        <v>0</v>
      </c>
      <c r="O36" s="280">
        <v>0</v>
      </c>
      <c r="P36" s="277">
        <v>0</v>
      </c>
      <c r="Q36" s="279">
        <v>0</v>
      </c>
      <c r="R36" s="280">
        <v>0</v>
      </c>
      <c r="S36" s="280">
        <v>0</v>
      </c>
      <c r="T36" s="280">
        <v>0</v>
      </c>
      <c r="U36" s="280">
        <v>2</v>
      </c>
      <c r="V36" s="280">
        <v>5</v>
      </c>
      <c r="W36" s="277">
        <v>7</v>
      </c>
      <c r="X36" s="282">
        <v>7</v>
      </c>
      <c r="Y36" s="276">
        <v>1</v>
      </c>
      <c r="Z36" s="280">
        <v>5</v>
      </c>
      <c r="AA36" s="277">
        <v>6</v>
      </c>
      <c r="AB36" s="279">
        <v>0</v>
      </c>
      <c r="AC36" s="280">
        <v>11</v>
      </c>
      <c r="AD36" s="280">
        <v>15</v>
      </c>
      <c r="AE36" s="280">
        <v>8</v>
      </c>
      <c r="AF36" s="280">
        <v>8</v>
      </c>
      <c r="AG36" s="280">
        <v>4</v>
      </c>
      <c r="AH36" s="277">
        <v>46</v>
      </c>
      <c r="AI36" s="282">
        <v>52</v>
      </c>
      <c r="AJ36" s="276">
        <v>0</v>
      </c>
      <c r="AK36" s="280">
        <v>0</v>
      </c>
      <c r="AL36" s="277">
        <v>0</v>
      </c>
      <c r="AM36" s="279">
        <v>0</v>
      </c>
      <c r="AN36" s="280">
        <v>6</v>
      </c>
      <c r="AO36" s="280">
        <v>5</v>
      </c>
      <c r="AP36" s="280">
        <v>3</v>
      </c>
      <c r="AQ36" s="280">
        <v>1</v>
      </c>
      <c r="AR36" s="280">
        <v>2</v>
      </c>
      <c r="AS36" s="277">
        <v>17</v>
      </c>
      <c r="AT36" s="282">
        <v>17</v>
      </c>
      <c r="AU36" s="276">
        <v>5</v>
      </c>
      <c r="AV36" s="280">
        <v>5</v>
      </c>
      <c r="AW36" s="277">
        <v>10</v>
      </c>
      <c r="AX36" s="279">
        <v>0</v>
      </c>
      <c r="AY36" s="280">
        <v>28</v>
      </c>
      <c r="AZ36" s="280">
        <v>27</v>
      </c>
      <c r="BA36" s="280">
        <v>18</v>
      </c>
      <c r="BB36" s="280">
        <v>24</v>
      </c>
      <c r="BC36" s="280">
        <v>16</v>
      </c>
      <c r="BD36" s="281">
        <v>113</v>
      </c>
      <c r="BE36" s="282">
        <v>123</v>
      </c>
      <c r="BF36" s="276">
        <v>0</v>
      </c>
      <c r="BG36" s="280">
        <v>0</v>
      </c>
      <c r="BH36" s="277">
        <v>0</v>
      </c>
      <c r="BI36" s="279">
        <v>0</v>
      </c>
      <c r="BJ36" s="280">
        <v>29</v>
      </c>
      <c r="BK36" s="280">
        <v>22</v>
      </c>
      <c r="BL36" s="280">
        <v>11</v>
      </c>
      <c r="BM36" s="280">
        <v>14</v>
      </c>
      <c r="BN36" s="280">
        <v>1</v>
      </c>
      <c r="BO36" s="277">
        <v>77</v>
      </c>
      <c r="BP36" s="282">
        <v>77</v>
      </c>
      <c r="BQ36" s="276">
        <v>3</v>
      </c>
      <c r="BR36" s="280">
        <v>3</v>
      </c>
      <c r="BS36" s="277">
        <v>6</v>
      </c>
      <c r="BT36" s="279">
        <v>0</v>
      </c>
      <c r="BU36" s="280">
        <v>9</v>
      </c>
      <c r="BV36" s="280">
        <v>2</v>
      </c>
      <c r="BW36" s="280">
        <v>1</v>
      </c>
      <c r="BX36" s="280">
        <v>4</v>
      </c>
      <c r="BY36" s="280">
        <v>0</v>
      </c>
      <c r="BZ36" s="277">
        <v>16</v>
      </c>
      <c r="CA36" s="282">
        <v>22</v>
      </c>
      <c r="CB36" s="276">
        <v>0</v>
      </c>
      <c r="CC36" s="280">
        <v>0</v>
      </c>
      <c r="CD36" s="277">
        <v>0</v>
      </c>
      <c r="CE36" s="279">
        <v>0</v>
      </c>
      <c r="CF36" s="280">
        <v>4</v>
      </c>
      <c r="CG36" s="280">
        <v>1</v>
      </c>
      <c r="CH36" s="280">
        <v>2</v>
      </c>
      <c r="CI36" s="280">
        <v>1</v>
      </c>
      <c r="CJ36" s="280">
        <v>2</v>
      </c>
      <c r="CK36" s="277">
        <v>10</v>
      </c>
      <c r="CL36" s="282">
        <v>10</v>
      </c>
      <c r="CM36" s="276">
        <v>0</v>
      </c>
      <c r="CN36" s="280">
        <v>0</v>
      </c>
      <c r="CO36" s="277">
        <v>0</v>
      </c>
      <c r="CP36" s="279">
        <v>0</v>
      </c>
      <c r="CQ36" s="280">
        <v>1</v>
      </c>
      <c r="CR36" s="280">
        <v>0</v>
      </c>
      <c r="CS36" s="280">
        <v>0</v>
      </c>
      <c r="CT36" s="280">
        <v>3</v>
      </c>
      <c r="CU36" s="280">
        <v>0</v>
      </c>
      <c r="CV36" s="277">
        <v>4</v>
      </c>
      <c r="CW36" s="282">
        <v>4</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14</v>
      </c>
      <c r="DU36" s="280">
        <v>19</v>
      </c>
      <c r="DV36" s="277">
        <v>33</v>
      </c>
      <c r="DW36" s="279">
        <v>0</v>
      </c>
      <c r="DX36" s="280">
        <v>47</v>
      </c>
      <c r="DY36" s="280">
        <v>45</v>
      </c>
      <c r="DZ36" s="280">
        <v>23</v>
      </c>
      <c r="EA36" s="280">
        <v>26</v>
      </c>
      <c r="EB36" s="280">
        <v>12</v>
      </c>
      <c r="EC36" s="277">
        <v>153</v>
      </c>
      <c r="ED36" s="282">
        <v>186</v>
      </c>
      <c r="EE36" s="276">
        <v>3</v>
      </c>
      <c r="EF36" s="280">
        <v>1</v>
      </c>
      <c r="EG36" s="277">
        <v>4</v>
      </c>
      <c r="EH36" s="279">
        <v>0</v>
      </c>
      <c r="EI36" s="280">
        <v>10</v>
      </c>
      <c r="EJ36" s="280">
        <v>6</v>
      </c>
      <c r="EK36" s="280">
        <v>3</v>
      </c>
      <c r="EL36" s="280">
        <v>7</v>
      </c>
      <c r="EM36" s="280">
        <v>3</v>
      </c>
      <c r="EN36" s="277">
        <v>29</v>
      </c>
      <c r="EO36" s="282">
        <v>33</v>
      </c>
      <c r="EP36" s="276">
        <v>16</v>
      </c>
      <c r="EQ36" s="280">
        <v>23</v>
      </c>
      <c r="ER36" s="277">
        <v>39</v>
      </c>
      <c r="ES36" s="279">
        <v>0</v>
      </c>
      <c r="ET36" s="280">
        <v>76</v>
      </c>
      <c r="EU36" s="280">
        <v>52</v>
      </c>
      <c r="EV36" s="280">
        <v>25</v>
      </c>
      <c r="EW36" s="280">
        <v>26</v>
      </c>
      <c r="EX36" s="280">
        <v>8</v>
      </c>
      <c r="EY36" s="277">
        <v>187</v>
      </c>
      <c r="EZ36" s="282">
        <v>226</v>
      </c>
    </row>
    <row r="37" spans="2:156" ht="21" customHeight="1" x14ac:dyDescent="0.2">
      <c r="B37" s="261" t="s">
        <v>35</v>
      </c>
      <c r="C37" s="276">
        <v>0</v>
      </c>
      <c r="D37" s="280">
        <v>0</v>
      </c>
      <c r="E37" s="382">
        <v>0</v>
      </c>
      <c r="F37" s="279">
        <v>0</v>
      </c>
      <c r="G37" s="280">
        <v>116</v>
      </c>
      <c r="H37" s="280">
        <v>59</v>
      </c>
      <c r="I37" s="280">
        <v>37</v>
      </c>
      <c r="J37" s="280">
        <v>36</v>
      </c>
      <c r="K37" s="280">
        <v>17</v>
      </c>
      <c r="L37" s="281">
        <v>265</v>
      </c>
      <c r="M37" s="282">
        <v>265</v>
      </c>
      <c r="N37" s="276">
        <v>0</v>
      </c>
      <c r="O37" s="280">
        <v>0</v>
      </c>
      <c r="P37" s="277">
        <v>0</v>
      </c>
      <c r="Q37" s="279">
        <v>0</v>
      </c>
      <c r="R37" s="280">
        <v>1</v>
      </c>
      <c r="S37" s="280">
        <v>7</v>
      </c>
      <c r="T37" s="280">
        <v>3</v>
      </c>
      <c r="U37" s="280">
        <v>10</v>
      </c>
      <c r="V37" s="280">
        <v>10</v>
      </c>
      <c r="W37" s="277">
        <v>31</v>
      </c>
      <c r="X37" s="282">
        <v>31</v>
      </c>
      <c r="Y37" s="276">
        <v>3</v>
      </c>
      <c r="Z37" s="280">
        <v>9</v>
      </c>
      <c r="AA37" s="277">
        <v>12</v>
      </c>
      <c r="AB37" s="279">
        <v>0</v>
      </c>
      <c r="AC37" s="280">
        <v>48</v>
      </c>
      <c r="AD37" s="280">
        <v>34</v>
      </c>
      <c r="AE37" s="280">
        <v>28</v>
      </c>
      <c r="AF37" s="280">
        <v>30</v>
      </c>
      <c r="AG37" s="280">
        <v>12</v>
      </c>
      <c r="AH37" s="277">
        <v>152</v>
      </c>
      <c r="AI37" s="282">
        <v>164</v>
      </c>
      <c r="AJ37" s="276">
        <v>2</v>
      </c>
      <c r="AK37" s="280">
        <v>6</v>
      </c>
      <c r="AL37" s="277">
        <v>8</v>
      </c>
      <c r="AM37" s="279">
        <v>0</v>
      </c>
      <c r="AN37" s="280">
        <v>22</v>
      </c>
      <c r="AO37" s="280">
        <v>11</v>
      </c>
      <c r="AP37" s="280">
        <v>5</v>
      </c>
      <c r="AQ37" s="280">
        <v>9</v>
      </c>
      <c r="AR37" s="280">
        <v>3</v>
      </c>
      <c r="AS37" s="277">
        <v>50</v>
      </c>
      <c r="AT37" s="282">
        <v>58</v>
      </c>
      <c r="AU37" s="276">
        <v>20</v>
      </c>
      <c r="AV37" s="280">
        <v>22</v>
      </c>
      <c r="AW37" s="277">
        <v>42</v>
      </c>
      <c r="AX37" s="279">
        <v>0</v>
      </c>
      <c r="AY37" s="280">
        <v>95</v>
      </c>
      <c r="AZ37" s="280">
        <v>80</v>
      </c>
      <c r="BA37" s="280">
        <v>79</v>
      </c>
      <c r="BB37" s="280">
        <v>93</v>
      </c>
      <c r="BC37" s="280">
        <v>39</v>
      </c>
      <c r="BD37" s="281">
        <v>386</v>
      </c>
      <c r="BE37" s="282">
        <v>428</v>
      </c>
      <c r="BF37" s="276">
        <v>0</v>
      </c>
      <c r="BG37" s="280">
        <v>0</v>
      </c>
      <c r="BH37" s="277">
        <v>0</v>
      </c>
      <c r="BI37" s="279">
        <v>0</v>
      </c>
      <c r="BJ37" s="280">
        <v>145</v>
      </c>
      <c r="BK37" s="280">
        <v>86</v>
      </c>
      <c r="BL37" s="280">
        <v>42</v>
      </c>
      <c r="BM37" s="280">
        <v>32</v>
      </c>
      <c r="BN37" s="280">
        <v>15</v>
      </c>
      <c r="BO37" s="277">
        <v>320</v>
      </c>
      <c r="BP37" s="282">
        <v>320</v>
      </c>
      <c r="BQ37" s="276">
        <v>10</v>
      </c>
      <c r="BR37" s="280">
        <v>23</v>
      </c>
      <c r="BS37" s="277">
        <v>33</v>
      </c>
      <c r="BT37" s="279">
        <v>0</v>
      </c>
      <c r="BU37" s="280">
        <v>72</v>
      </c>
      <c r="BV37" s="280">
        <v>28</v>
      </c>
      <c r="BW37" s="280">
        <v>10</v>
      </c>
      <c r="BX37" s="280">
        <v>10</v>
      </c>
      <c r="BY37" s="280">
        <v>1</v>
      </c>
      <c r="BZ37" s="277">
        <v>121</v>
      </c>
      <c r="CA37" s="282">
        <v>154</v>
      </c>
      <c r="CB37" s="276">
        <v>0</v>
      </c>
      <c r="CC37" s="280">
        <v>0</v>
      </c>
      <c r="CD37" s="277">
        <v>0</v>
      </c>
      <c r="CE37" s="279">
        <v>0</v>
      </c>
      <c r="CF37" s="280">
        <v>9</v>
      </c>
      <c r="CG37" s="280">
        <v>10</v>
      </c>
      <c r="CH37" s="280">
        <v>8</v>
      </c>
      <c r="CI37" s="280">
        <v>14</v>
      </c>
      <c r="CJ37" s="280">
        <v>3</v>
      </c>
      <c r="CK37" s="277">
        <v>44</v>
      </c>
      <c r="CL37" s="282">
        <v>44</v>
      </c>
      <c r="CM37" s="276">
        <v>0</v>
      </c>
      <c r="CN37" s="280">
        <v>1</v>
      </c>
      <c r="CO37" s="277">
        <v>1</v>
      </c>
      <c r="CP37" s="279">
        <v>0</v>
      </c>
      <c r="CQ37" s="280">
        <v>5</v>
      </c>
      <c r="CR37" s="280">
        <v>2</v>
      </c>
      <c r="CS37" s="280">
        <v>1</v>
      </c>
      <c r="CT37" s="280">
        <v>4</v>
      </c>
      <c r="CU37" s="280">
        <v>0</v>
      </c>
      <c r="CV37" s="277">
        <v>12</v>
      </c>
      <c r="CW37" s="282">
        <v>13</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47</v>
      </c>
      <c r="DU37" s="280">
        <v>76</v>
      </c>
      <c r="DV37" s="277">
        <v>123</v>
      </c>
      <c r="DW37" s="279">
        <v>0</v>
      </c>
      <c r="DX37" s="280">
        <v>188</v>
      </c>
      <c r="DY37" s="280">
        <v>149</v>
      </c>
      <c r="DZ37" s="280">
        <v>83</v>
      </c>
      <c r="EA37" s="280">
        <v>69</v>
      </c>
      <c r="EB37" s="280">
        <v>35</v>
      </c>
      <c r="EC37" s="277">
        <v>524</v>
      </c>
      <c r="ED37" s="282">
        <v>647</v>
      </c>
      <c r="EE37" s="276">
        <v>17</v>
      </c>
      <c r="EF37" s="280">
        <v>14</v>
      </c>
      <c r="EG37" s="277">
        <v>31</v>
      </c>
      <c r="EH37" s="279">
        <v>0</v>
      </c>
      <c r="EI37" s="280">
        <v>38</v>
      </c>
      <c r="EJ37" s="280">
        <v>25</v>
      </c>
      <c r="EK37" s="280">
        <v>24</v>
      </c>
      <c r="EL37" s="280">
        <v>35</v>
      </c>
      <c r="EM37" s="280">
        <v>8</v>
      </c>
      <c r="EN37" s="277">
        <v>130</v>
      </c>
      <c r="EO37" s="282">
        <v>161</v>
      </c>
      <c r="EP37" s="276">
        <v>56</v>
      </c>
      <c r="EQ37" s="280">
        <v>100</v>
      </c>
      <c r="ER37" s="277">
        <v>156</v>
      </c>
      <c r="ES37" s="279">
        <v>0</v>
      </c>
      <c r="ET37" s="280">
        <v>331</v>
      </c>
      <c r="EU37" s="280">
        <v>197</v>
      </c>
      <c r="EV37" s="280">
        <v>92</v>
      </c>
      <c r="EW37" s="280">
        <v>80</v>
      </c>
      <c r="EX37" s="280">
        <v>34</v>
      </c>
      <c r="EY37" s="277">
        <v>734</v>
      </c>
      <c r="EZ37" s="282">
        <v>890</v>
      </c>
    </row>
    <row r="38" spans="2:156" ht="21" customHeight="1" x14ac:dyDescent="0.2">
      <c r="B38" s="261" t="s">
        <v>36</v>
      </c>
      <c r="C38" s="276">
        <v>0</v>
      </c>
      <c r="D38" s="280">
        <v>0</v>
      </c>
      <c r="E38" s="382">
        <v>0</v>
      </c>
      <c r="F38" s="279">
        <v>0</v>
      </c>
      <c r="G38" s="280">
        <v>59</v>
      </c>
      <c r="H38" s="280">
        <v>63</v>
      </c>
      <c r="I38" s="280">
        <v>30</v>
      </c>
      <c r="J38" s="280">
        <v>40</v>
      </c>
      <c r="K38" s="280">
        <v>38</v>
      </c>
      <c r="L38" s="281">
        <v>230</v>
      </c>
      <c r="M38" s="282">
        <v>230</v>
      </c>
      <c r="N38" s="276">
        <v>0</v>
      </c>
      <c r="O38" s="280">
        <v>0</v>
      </c>
      <c r="P38" s="277">
        <v>0</v>
      </c>
      <c r="Q38" s="279">
        <v>0</v>
      </c>
      <c r="R38" s="280">
        <v>6</v>
      </c>
      <c r="S38" s="280">
        <v>5</v>
      </c>
      <c r="T38" s="280">
        <v>3</v>
      </c>
      <c r="U38" s="280">
        <v>9</v>
      </c>
      <c r="V38" s="280">
        <v>11</v>
      </c>
      <c r="W38" s="277">
        <v>34</v>
      </c>
      <c r="X38" s="282">
        <v>34</v>
      </c>
      <c r="Y38" s="276">
        <v>11</v>
      </c>
      <c r="Z38" s="280">
        <v>21</v>
      </c>
      <c r="AA38" s="277">
        <v>32</v>
      </c>
      <c r="AB38" s="279">
        <v>0</v>
      </c>
      <c r="AC38" s="280">
        <v>54</v>
      </c>
      <c r="AD38" s="280">
        <v>57</v>
      </c>
      <c r="AE38" s="280">
        <v>32</v>
      </c>
      <c r="AF38" s="280">
        <v>30</v>
      </c>
      <c r="AG38" s="280">
        <v>28</v>
      </c>
      <c r="AH38" s="277">
        <v>201</v>
      </c>
      <c r="AI38" s="282">
        <v>233</v>
      </c>
      <c r="AJ38" s="276">
        <v>4</v>
      </c>
      <c r="AK38" s="280">
        <v>10</v>
      </c>
      <c r="AL38" s="277">
        <v>14</v>
      </c>
      <c r="AM38" s="279">
        <v>0</v>
      </c>
      <c r="AN38" s="280">
        <v>17</v>
      </c>
      <c r="AO38" s="280">
        <v>15</v>
      </c>
      <c r="AP38" s="280">
        <v>10</v>
      </c>
      <c r="AQ38" s="280">
        <v>8</v>
      </c>
      <c r="AR38" s="280">
        <v>6</v>
      </c>
      <c r="AS38" s="277">
        <v>56</v>
      </c>
      <c r="AT38" s="282">
        <v>70</v>
      </c>
      <c r="AU38" s="276">
        <v>4</v>
      </c>
      <c r="AV38" s="280">
        <v>8</v>
      </c>
      <c r="AW38" s="277">
        <v>12</v>
      </c>
      <c r="AX38" s="279">
        <v>0</v>
      </c>
      <c r="AY38" s="280">
        <v>33</v>
      </c>
      <c r="AZ38" s="280">
        <v>61</v>
      </c>
      <c r="BA38" s="280">
        <v>68</v>
      </c>
      <c r="BB38" s="280">
        <v>62</v>
      </c>
      <c r="BC38" s="280">
        <v>47</v>
      </c>
      <c r="BD38" s="281">
        <v>271</v>
      </c>
      <c r="BE38" s="282">
        <v>283</v>
      </c>
      <c r="BF38" s="276">
        <v>0</v>
      </c>
      <c r="BG38" s="280">
        <v>0</v>
      </c>
      <c r="BH38" s="277">
        <v>0</v>
      </c>
      <c r="BI38" s="279">
        <v>0</v>
      </c>
      <c r="BJ38" s="280">
        <v>86</v>
      </c>
      <c r="BK38" s="280">
        <v>99</v>
      </c>
      <c r="BL38" s="280">
        <v>36</v>
      </c>
      <c r="BM38" s="280">
        <v>27</v>
      </c>
      <c r="BN38" s="280">
        <v>16</v>
      </c>
      <c r="BO38" s="277">
        <v>264</v>
      </c>
      <c r="BP38" s="282">
        <v>264</v>
      </c>
      <c r="BQ38" s="276">
        <v>4</v>
      </c>
      <c r="BR38" s="280">
        <v>7</v>
      </c>
      <c r="BS38" s="277">
        <v>11</v>
      </c>
      <c r="BT38" s="279">
        <v>0</v>
      </c>
      <c r="BU38" s="280">
        <v>26</v>
      </c>
      <c r="BV38" s="280">
        <v>26</v>
      </c>
      <c r="BW38" s="280">
        <v>16</v>
      </c>
      <c r="BX38" s="280">
        <v>6</v>
      </c>
      <c r="BY38" s="280">
        <v>2</v>
      </c>
      <c r="BZ38" s="277">
        <v>76</v>
      </c>
      <c r="CA38" s="282">
        <v>87</v>
      </c>
      <c r="CB38" s="276">
        <v>0</v>
      </c>
      <c r="CC38" s="280">
        <v>0</v>
      </c>
      <c r="CD38" s="277">
        <v>0</v>
      </c>
      <c r="CE38" s="279">
        <v>0</v>
      </c>
      <c r="CF38" s="280">
        <v>15</v>
      </c>
      <c r="CG38" s="280">
        <v>20</v>
      </c>
      <c r="CH38" s="280">
        <v>24</v>
      </c>
      <c r="CI38" s="280">
        <v>15</v>
      </c>
      <c r="CJ38" s="280">
        <v>12</v>
      </c>
      <c r="CK38" s="277">
        <v>86</v>
      </c>
      <c r="CL38" s="282">
        <v>86</v>
      </c>
      <c r="CM38" s="276">
        <v>0</v>
      </c>
      <c r="CN38" s="280">
        <v>0</v>
      </c>
      <c r="CO38" s="277">
        <v>0</v>
      </c>
      <c r="CP38" s="279">
        <v>0</v>
      </c>
      <c r="CQ38" s="280">
        <v>0</v>
      </c>
      <c r="CR38" s="280">
        <v>0</v>
      </c>
      <c r="CS38" s="280">
        <v>1</v>
      </c>
      <c r="CT38" s="280">
        <v>1</v>
      </c>
      <c r="CU38" s="280">
        <v>1</v>
      </c>
      <c r="CV38" s="277">
        <v>3</v>
      </c>
      <c r="CW38" s="282">
        <v>3</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34</v>
      </c>
      <c r="DU38" s="280">
        <v>94</v>
      </c>
      <c r="DV38" s="277">
        <v>128</v>
      </c>
      <c r="DW38" s="279">
        <v>0</v>
      </c>
      <c r="DX38" s="280">
        <v>164</v>
      </c>
      <c r="DY38" s="280">
        <v>170</v>
      </c>
      <c r="DZ38" s="280">
        <v>88</v>
      </c>
      <c r="EA38" s="280">
        <v>91</v>
      </c>
      <c r="EB38" s="280">
        <v>55</v>
      </c>
      <c r="EC38" s="277">
        <v>568</v>
      </c>
      <c r="ED38" s="282">
        <v>696</v>
      </c>
      <c r="EE38" s="276">
        <v>2</v>
      </c>
      <c r="EF38" s="280">
        <v>1</v>
      </c>
      <c r="EG38" s="277">
        <v>3</v>
      </c>
      <c r="EH38" s="279">
        <v>0</v>
      </c>
      <c r="EI38" s="280">
        <v>9</v>
      </c>
      <c r="EJ38" s="280">
        <v>13</v>
      </c>
      <c r="EK38" s="280">
        <v>15</v>
      </c>
      <c r="EL38" s="280">
        <v>11</v>
      </c>
      <c r="EM38" s="280">
        <v>3</v>
      </c>
      <c r="EN38" s="277">
        <v>51</v>
      </c>
      <c r="EO38" s="282">
        <v>54</v>
      </c>
      <c r="EP38" s="276">
        <v>45</v>
      </c>
      <c r="EQ38" s="280">
        <v>113</v>
      </c>
      <c r="ER38" s="277">
        <v>158</v>
      </c>
      <c r="ES38" s="279">
        <v>0</v>
      </c>
      <c r="ET38" s="280">
        <v>275</v>
      </c>
      <c r="EU38" s="280">
        <v>238</v>
      </c>
      <c r="EV38" s="280">
        <v>112</v>
      </c>
      <c r="EW38" s="280">
        <v>104</v>
      </c>
      <c r="EX38" s="280">
        <v>69</v>
      </c>
      <c r="EY38" s="277">
        <v>798</v>
      </c>
      <c r="EZ38" s="282">
        <v>956</v>
      </c>
    </row>
    <row r="39" spans="2:156" ht="21" customHeight="1" thickBot="1" x14ac:dyDescent="0.25">
      <c r="B39" s="262" t="s">
        <v>37</v>
      </c>
      <c r="C39" s="283">
        <v>0</v>
      </c>
      <c r="D39" s="287">
        <v>0</v>
      </c>
      <c r="E39" s="383">
        <v>0</v>
      </c>
      <c r="F39" s="286">
        <v>0</v>
      </c>
      <c r="G39" s="287">
        <v>2</v>
      </c>
      <c r="H39" s="287">
        <v>6</v>
      </c>
      <c r="I39" s="287">
        <v>5</v>
      </c>
      <c r="J39" s="287">
        <v>2</v>
      </c>
      <c r="K39" s="287">
        <v>3</v>
      </c>
      <c r="L39" s="288">
        <v>18</v>
      </c>
      <c r="M39" s="289">
        <v>18</v>
      </c>
      <c r="N39" s="283">
        <v>0</v>
      </c>
      <c r="O39" s="287">
        <v>0</v>
      </c>
      <c r="P39" s="284">
        <v>0</v>
      </c>
      <c r="Q39" s="286">
        <v>0</v>
      </c>
      <c r="R39" s="287">
        <v>0</v>
      </c>
      <c r="S39" s="287">
        <v>0</v>
      </c>
      <c r="T39" s="287">
        <v>0</v>
      </c>
      <c r="U39" s="287">
        <v>0</v>
      </c>
      <c r="V39" s="287">
        <v>0</v>
      </c>
      <c r="W39" s="284">
        <v>0</v>
      </c>
      <c r="X39" s="289">
        <v>0</v>
      </c>
      <c r="Y39" s="283">
        <v>1</v>
      </c>
      <c r="Z39" s="287">
        <v>2</v>
      </c>
      <c r="AA39" s="284">
        <v>3</v>
      </c>
      <c r="AB39" s="286">
        <v>0</v>
      </c>
      <c r="AC39" s="287">
        <v>4</v>
      </c>
      <c r="AD39" s="287">
        <v>3</v>
      </c>
      <c r="AE39" s="287">
        <v>3</v>
      </c>
      <c r="AF39" s="287">
        <v>4</v>
      </c>
      <c r="AG39" s="287">
        <v>0</v>
      </c>
      <c r="AH39" s="284">
        <v>14</v>
      </c>
      <c r="AI39" s="289">
        <v>17</v>
      </c>
      <c r="AJ39" s="283">
        <v>0</v>
      </c>
      <c r="AK39" s="287">
        <v>0</v>
      </c>
      <c r="AL39" s="284">
        <v>0</v>
      </c>
      <c r="AM39" s="286">
        <v>0</v>
      </c>
      <c r="AN39" s="287">
        <v>0</v>
      </c>
      <c r="AO39" s="287">
        <v>1</v>
      </c>
      <c r="AP39" s="287">
        <v>0</v>
      </c>
      <c r="AQ39" s="287">
        <v>2</v>
      </c>
      <c r="AR39" s="287">
        <v>0</v>
      </c>
      <c r="AS39" s="284">
        <v>3</v>
      </c>
      <c r="AT39" s="289">
        <v>3</v>
      </c>
      <c r="AU39" s="283">
        <v>1</v>
      </c>
      <c r="AV39" s="287">
        <v>0</v>
      </c>
      <c r="AW39" s="284">
        <v>1</v>
      </c>
      <c r="AX39" s="286">
        <v>0</v>
      </c>
      <c r="AY39" s="287">
        <v>2</v>
      </c>
      <c r="AZ39" s="287">
        <v>1</v>
      </c>
      <c r="BA39" s="287">
        <v>6</v>
      </c>
      <c r="BB39" s="287">
        <v>6</v>
      </c>
      <c r="BC39" s="287">
        <v>2</v>
      </c>
      <c r="BD39" s="288">
        <v>17</v>
      </c>
      <c r="BE39" s="289">
        <v>18</v>
      </c>
      <c r="BF39" s="283">
        <v>0</v>
      </c>
      <c r="BG39" s="287">
        <v>0</v>
      </c>
      <c r="BH39" s="284">
        <v>0</v>
      </c>
      <c r="BI39" s="286">
        <v>0</v>
      </c>
      <c r="BJ39" s="287">
        <v>5</v>
      </c>
      <c r="BK39" s="287">
        <v>2</v>
      </c>
      <c r="BL39" s="287">
        <v>7</v>
      </c>
      <c r="BM39" s="287">
        <v>3</v>
      </c>
      <c r="BN39" s="287">
        <v>2</v>
      </c>
      <c r="BO39" s="284">
        <v>19</v>
      </c>
      <c r="BP39" s="289">
        <v>19</v>
      </c>
      <c r="BQ39" s="283">
        <v>2</v>
      </c>
      <c r="BR39" s="287">
        <v>2</v>
      </c>
      <c r="BS39" s="284">
        <v>4</v>
      </c>
      <c r="BT39" s="286">
        <v>0</v>
      </c>
      <c r="BU39" s="287">
        <v>6</v>
      </c>
      <c r="BV39" s="287">
        <v>1</v>
      </c>
      <c r="BW39" s="287">
        <v>3</v>
      </c>
      <c r="BX39" s="287">
        <v>3</v>
      </c>
      <c r="BY39" s="287">
        <v>0</v>
      </c>
      <c r="BZ39" s="284">
        <v>13</v>
      </c>
      <c r="CA39" s="289">
        <v>17</v>
      </c>
      <c r="CB39" s="283">
        <v>0</v>
      </c>
      <c r="CC39" s="287">
        <v>0</v>
      </c>
      <c r="CD39" s="284">
        <v>0</v>
      </c>
      <c r="CE39" s="286">
        <v>0</v>
      </c>
      <c r="CF39" s="287">
        <v>0</v>
      </c>
      <c r="CG39" s="287">
        <v>1</v>
      </c>
      <c r="CH39" s="287">
        <v>6</v>
      </c>
      <c r="CI39" s="287">
        <v>2</v>
      </c>
      <c r="CJ39" s="287">
        <v>0</v>
      </c>
      <c r="CK39" s="284">
        <v>9</v>
      </c>
      <c r="CL39" s="289">
        <v>9</v>
      </c>
      <c r="CM39" s="283">
        <v>0</v>
      </c>
      <c r="CN39" s="287">
        <v>0</v>
      </c>
      <c r="CO39" s="284">
        <v>0</v>
      </c>
      <c r="CP39" s="286">
        <v>0</v>
      </c>
      <c r="CQ39" s="287">
        <v>1</v>
      </c>
      <c r="CR39" s="287">
        <v>0</v>
      </c>
      <c r="CS39" s="287">
        <v>1</v>
      </c>
      <c r="CT39" s="287">
        <v>0</v>
      </c>
      <c r="CU39" s="287">
        <v>1</v>
      </c>
      <c r="CV39" s="284">
        <v>3</v>
      </c>
      <c r="CW39" s="289">
        <v>3</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12</v>
      </c>
      <c r="DU39" s="287">
        <v>5</v>
      </c>
      <c r="DV39" s="284">
        <v>17</v>
      </c>
      <c r="DW39" s="286">
        <v>0</v>
      </c>
      <c r="DX39" s="287">
        <v>15</v>
      </c>
      <c r="DY39" s="287">
        <v>14</v>
      </c>
      <c r="DZ39" s="287">
        <v>20</v>
      </c>
      <c r="EA39" s="287">
        <v>8</v>
      </c>
      <c r="EB39" s="287">
        <v>4</v>
      </c>
      <c r="EC39" s="284">
        <v>61</v>
      </c>
      <c r="ED39" s="289">
        <v>78</v>
      </c>
      <c r="EE39" s="283">
        <v>0</v>
      </c>
      <c r="EF39" s="287">
        <v>0</v>
      </c>
      <c r="EG39" s="284">
        <v>0</v>
      </c>
      <c r="EH39" s="286">
        <v>0</v>
      </c>
      <c r="EI39" s="287">
        <v>0</v>
      </c>
      <c r="EJ39" s="287">
        <v>0</v>
      </c>
      <c r="EK39" s="287">
        <v>0</v>
      </c>
      <c r="EL39" s="287">
        <v>2</v>
      </c>
      <c r="EM39" s="287">
        <v>0</v>
      </c>
      <c r="EN39" s="284">
        <v>2</v>
      </c>
      <c r="EO39" s="289">
        <v>2</v>
      </c>
      <c r="EP39" s="283">
        <v>14</v>
      </c>
      <c r="EQ39" s="287">
        <v>7</v>
      </c>
      <c r="ER39" s="284">
        <v>21</v>
      </c>
      <c r="ES39" s="286">
        <v>0</v>
      </c>
      <c r="ET39" s="287">
        <v>22</v>
      </c>
      <c r="EU39" s="287">
        <v>16</v>
      </c>
      <c r="EV39" s="287">
        <v>24</v>
      </c>
      <c r="EW39" s="287">
        <v>9</v>
      </c>
      <c r="EX39" s="287">
        <v>4</v>
      </c>
      <c r="EY39" s="284">
        <v>75</v>
      </c>
      <c r="EZ39" s="289">
        <v>96</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view="pageBreakPreview" zoomScale="60"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255" customWidth="1"/>
    <col min="2" max="2" width="10.6640625" style="255" customWidth="1"/>
    <col min="3"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5</v>
      </c>
      <c r="J1" s="524"/>
      <c r="K1" s="248">
        <f>第１表!G2</f>
        <v>5</v>
      </c>
      <c r="L1" s="529">
        <f>IF(K1&lt;3,K1+12-2,K1-2)</f>
        <v>3</v>
      </c>
      <c r="M1" s="529"/>
    </row>
    <row r="2" spans="2:156" ht="24" customHeight="1" thickBot="1" x14ac:dyDescent="0.25">
      <c r="B2" s="290" t="s">
        <v>131</v>
      </c>
      <c r="G2" s="247"/>
      <c r="H2" s="248"/>
      <c r="J2" s="320"/>
      <c r="K2" s="320"/>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321" t="s">
        <v>43</v>
      </c>
      <c r="D5" s="259" t="s">
        <v>44</v>
      </c>
      <c r="E5" s="380" t="s">
        <v>45</v>
      </c>
      <c r="F5" s="267" t="s">
        <v>83</v>
      </c>
      <c r="G5" s="259" t="s">
        <v>47</v>
      </c>
      <c r="H5" s="259" t="s">
        <v>48</v>
      </c>
      <c r="I5" s="259" t="s">
        <v>49</v>
      </c>
      <c r="J5" s="259" t="s">
        <v>50</v>
      </c>
      <c r="K5" s="259" t="s">
        <v>51</v>
      </c>
      <c r="L5" s="268" t="s">
        <v>45</v>
      </c>
      <c r="M5" s="531"/>
      <c r="N5" s="321" t="s">
        <v>43</v>
      </c>
      <c r="O5" s="259" t="s">
        <v>44</v>
      </c>
      <c r="P5" s="265" t="s">
        <v>45</v>
      </c>
      <c r="Q5" s="267" t="s">
        <v>83</v>
      </c>
      <c r="R5" s="259" t="s">
        <v>47</v>
      </c>
      <c r="S5" s="259" t="s">
        <v>48</v>
      </c>
      <c r="T5" s="259" t="s">
        <v>49</v>
      </c>
      <c r="U5" s="259" t="s">
        <v>50</v>
      </c>
      <c r="V5" s="259" t="s">
        <v>51</v>
      </c>
      <c r="W5" s="265" t="s">
        <v>45</v>
      </c>
      <c r="X5" s="531"/>
      <c r="Y5" s="321" t="s">
        <v>43</v>
      </c>
      <c r="Z5" s="259" t="s">
        <v>44</v>
      </c>
      <c r="AA5" s="265" t="s">
        <v>45</v>
      </c>
      <c r="AB5" s="267" t="s">
        <v>83</v>
      </c>
      <c r="AC5" s="259" t="s">
        <v>47</v>
      </c>
      <c r="AD5" s="259" t="s">
        <v>48</v>
      </c>
      <c r="AE5" s="259" t="s">
        <v>49</v>
      </c>
      <c r="AF5" s="259" t="s">
        <v>50</v>
      </c>
      <c r="AG5" s="259" t="s">
        <v>51</v>
      </c>
      <c r="AH5" s="265" t="s">
        <v>45</v>
      </c>
      <c r="AI5" s="531"/>
      <c r="AJ5" s="321" t="s">
        <v>43</v>
      </c>
      <c r="AK5" s="259" t="s">
        <v>44</v>
      </c>
      <c r="AL5" s="265" t="s">
        <v>45</v>
      </c>
      <c r="AM5" s="267" t="s">
        <v>83</v>
      </c>
      <c r="AN5" s="259" t="s">
        <v>47</v>
      </c>
      <c r="AO5" s="259" t="s">
        <v>48</v>
      </c>
      <c r="AP5" s="259" t="s">
        <v>49</v>
      </c>
      <c r="AQ5" s="259" t="s">
        <v>50</v>
      </c>
      <c r="AR5" s="259" t="s">
        <v>51</v>
      </c>
      <c r="AS5" s="265" t="s">
        <v>45</v>
      </c>
      <c r="AT5" s="531"/>
      <c r="AU5" s="321" t="s">
        <v>43</v>
      </c>
      <c r="AV5" s="259" t="s">
        <v>44</v>
      </c>
      <c r="AW5" s="265" t="s">
        <v>45</v>
      </c>
      <c r="AX5" s="267" t="s">
        <v>83</v>
      </c>
      <c r="AY5" s="259" t="s">
        <v>47</v>
      </c>
      <c r="AZ5" s="259" t="s">
        <v>48</v>
      </c>
      <c r="BA5" s="259" t="s">
        <v>49</v>
      </c>
      <c r="BB5" s="259" t="s">
        <v>50</v>
      </c>
      <c r="BC5" s="259" t="s">
        <v>51</v>
      </c>
      <c r="BD5" s="268" t="s">
        <v>45</v>
      </c>
      <c r="BE5" s="531"/>
      <c r="BF5" s="321" t="s">
        <v>43</v>
      </c>
      <c r="BG5" s="259" t="s">
        <v>44</v>
      </c>
      <c r="BH5" s="265" t="s">
        <v>45</v>
      </c>
      <c r="BI5" s="267" t="s">
        <v>83</v>
      </c>
      <c r="BJ5" s="259" t="s">
        <v>47</v>
      </c>
      <c r="BK5" s="259" t="s">
        <v>48</v>
      </c>
      <c r="BL5" s="259" t="s">
        <v>49</v>
      </c>
      <c r="BM5" s="259" t="s">
        <v>50</v>
      </c>
      <c r="BN5" s="259" t="s">
        <v>51</v>
      </c>
      <c r="BO5" s="265" t="s">
        <v>45</v>
      </c>
      <c r="BP5" s="531"/>
      <c r="BQ5" s="321" t="s">
        <v>43</v>
      </c>
      <c r="BR5" s="259" t="s">
        <v>44</v>
      </c>
      <c r="BS5" s="265" t="s">
        <v>45</v>
      </c>
      <c r="BT5" s="267" t="s">
        <v>83</v>
      </c>
      <c r="BU5" s="259" t="s">
        <v>47</v>
      </c>
      <c r="BV5" s="259" t="s">
        <v>48</v>
      </c>
      <c r="BW5" s="259" t="s">
        <v>49</v>
      </c>
      <c r="BX5" s="259" t="s">
        <v>50</v>
      </c>
      <c r="BY5" s="259" t="s">
        <v>51</v>
      </c>
      <c r="BZ5" s="265" t="s">
        <v>45</v>
      </c>
      <c r="CA5" s="531"/>
      <c r="CB5" s="321" t="s">
        <v>43</v>
      </c>
      <c r="CC5" s="259" t="s">
        <v>44</v>
      </c>
      <c r="CD5" s="265" t="s">
        <v>45</v>
      </c>
      <c r="CE5" s="267" t="s">
        <v>83</v>
      </c>
      <c r="CF5" s="259" t="s">
        <v>47</v>
      </c>
      <c r="CG5" s="259" t="s">
        <v>48</v>
      </c>
      <c r="CH5" s="259" t="s">
        <v>49</v>
      </c>
      <c r="CI5" s="259" t="s">
        <v>50</v>
      </c>
      <c r="CJ5" s="259" t="s">
        <v>51</v>
      </c>
      <c r="CK5" s="265" t="s">
        <v>45</v>
      </c>
      <c r="CL5" s="531"/>
      <c r="CM5" s="321" t="s">
        <v>43</v>
      </c>
      <c r="CN5" s="259" t="s">
        <v>44</v>
      </c>
      <c r="CO5" s="265" t="s">
        <v>45</v>
      </c>
      <c r="CP5" s="267" t="s">
        <v>83</v>
      </c>
      <c r="CQ5" s="259" t="s">
        <v>47</v>
      </c>
      <c r="CR5" s="259" t="s">
        <v>48</v>
      </c>
      <c r="CS5" s="259" t="s">
        <v>49</v>
      </c>
      <c r="CT5" s="259" t="s">
        <v>50</v>
      </c>
      <c r="CU5" s="259" t="s">
        <v>51</v>
      </c>
      <c r="CV5" s="265" t="s">
        <v>45</v>
      </c>
      <c r="CW5" s="531"/>
      <c r="CX5" s="321" t="s">
        <v>43</v>
      </c>
      <c r="CY5" s="259" t="s">
        <v>44</v>
      </c>
      <c r="CZ5" s="265" t="s">
        <v>45</v>
      </c>
      <c r="DA5" s="267" t="s">
        <v>83</v>
      </c>
      <c r="DB5" s="259" t="s">
        <v>47</v>
      </c>
      <c r="DC5" s="259" t="s">
        <v>48</v>
      </c>
      <c r="DD5" s="259" t="s">
        <v>49</v>
      </c>
      <c r="DE5" s="259" t="s">
        <v>50</v>
      </c>
      <c r="DF5" s="259" t="s">
        <v>51</v>
      </c>
      <c r="DG5" s="265" t="s">
        <v>45</v>
      </c>
      <c r="DH5" s="531"/>
      <c r="DI5" s="342" t="s">
        <v>43</v>
      </c>
      <c r="DJ5" s="259" t="s">
        <v>44</v>
      </c>
      <c r="DK5" s="265" t="s">
        <v>45</v>
      </c>
      <c r="DL5" s="267" t="s">
        <v>83</v>
      </c>
      <c r="DM5" s="259" t="s">
        <v>47</v>
      </c>
      <c r="DN5" s="259" t="s">
        <v>48</v>
      </c>
      <c r="DO5" s="259" t="s">
        <v>49</v>
      </c>
      <c r="DP5" s="259" t="s">
        <v>50</v>
      </c>
      <c r="DQ5" s="259" t="s">
        <v>51</v>
      </c>
      <c r="DR5" s="265" t="s">
        <v>45</v>
      </c>
      <c r="DS5" s="531"/>
      <c r="DT5" s="321" t="s">
        <v>43</v>
      </c>
      <c r="DU5" s="259" t="s">
        <v>44</v>
      </c>
      <c r="DV5" s="265" t="s">
        <v>45</v>
      </c>
      <c r="DW5" s="267" t="s">
        <v>83</v>
      </c>
      <c r="DX5" s="259" t="s">
        <v>47</v>
      </c>
      <c r="DY5" s="259" t="s">
        <v>48</v>
      </c>
      <c r="DZ5" s="259" t="s">
        <v>49</v>
      </c>
      <c r="EA5" s="259" t="s">
        <v>50</v>
      </c>
      <c r="EB5" s="259" t="s">
        <v>51</v>
      </c>
      <c r="EC5" s="265" t="s">
        <v>45</v>
      </c>
      <c r="ED5" s="531"/>
      <c r="EE5" s="321" t="s">
        <v>43</v>
      </c>
      <c r="EF5" s="259" t="s">
        <v>44</v>
      </c>
      <c r="EG5" s="265" t="s">
        <v>45</v>
      </c>
      <c r="EH5" s="267" t="s">
        <v>83</v>
      </c>
      <c r="EI5" s="259" t="s">
        <v>47</v>
      </c>
      <c r="EJ5" s="259" t="s">
        <v>48</v>
      </c>
      <c r="EK5" s="259" t="s">
        <v>49</v>
      </c>
      <c r="EL5" s="259" t="s">
        <v>50</v>
      </c>
      <c r="EM5" s="259" t="s">
        <v>51</v>
      </c>
      <c r="EN5" s="265" t="s">
        <v>45</v>
      </c>
      <c r="EO5" s="531"/>
      <c r="EP5" s="321"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1">
        <v>0</v>
      </c>
      <c r="F6" s="272">
        <v>0</v>
      </c>
      <c r="G6" s="273">
        <v>1206</v>
      </c>
      <c r="H6" s="273">
        <v>1355</v>
      </c>
      <c r="I6" s="273">
        <v>800</v>
      </c>
      <c r="J6" s="273">
        <v>600</v>
      </c>
      <c r="K6" s="273">
        <v>403</v>
      </c>
      <c r="L6" s="274">
        <v>4364</v>
      </c>
      <c r="M6" s="275">
        <v>4364</v>
      </c>
      <c r="N6" s="269">
        <v>0</v>
      </c>
      <c r="O6" s="273">
        <v>0</v>
      </c>
      <c r="P6" s="270">
        <v>0</v>
      </c>
      <c r="Q6" s="272">
        <v>0</v>
      </c>
      <c r="R6" s="273">
        <v>12</v>
      </c>
      <c r="S6" s="273">
        <v>40</v>
      </c>
      <c r="T6" s="273">
        <v>68</v>
      </c>
      <c r="U6" s="273">
        <v>130</v>
      </c>
      <c r="V6" s="273">
        <v>214</v>
      </c>
      <c r="W6" s="270">
        <v>464</v>
      </c>
      <c r="X6" s="275">
        <v>464</v>
      </c>
      <c r="Y6" s="269">
        <v>193</v>
      </c>
      <c r="Z6" s="273">
        <v>371</v>
      </c>
      <c r="AA6" s="270">
        <v>564</v>
      </c>
      <c r="AB6" s="272">
        <v>0</v>
      </c>
      <c r="AC6" s="273">
        <v>914</v>
      </c>
      <c r="AD6" s="273">
        <v>1233</v>
      </c>
      <c r="AE6" s="273">
        <v>787</v>
      </c>
      <c r="AF6" s="273">
        <v>613</v>
      </c>
      <c r="AG6" s="273">
        <v>395</v>
      </c>
      <c r="AH6" s="270">
        <v>3942</v>
      </c>
      <c r="AI6" s="275">
        <v>4506</v>
      </c>
      <c r="AJ6" s="269">
        <v>16</v>
      </c>
      <c r="AK6" s="273">
        <v>54</v>
      </c>
      <c r="AL6" s="270">
        <v>70</v>
      </c>
      <c r="AM6" s="272">
        <v>0</v>
      </c>
      <c r="AN6" s="273">
        <v>70</v>
      </c>
      <c r="AO6" s="273">
        <v>136</v>
      </c>
      <c r="AP6" s="273">
        <v>81</v>
      </c>
      <c r="AQ6" s="273">
        <v>77</v>
      </c>
      <c r="AR6" s="273">
        <v>21</v>
      </c>
      <c r="AS6" s="270">
        <v>385</v>
      </c>
      <c r="AT6" s="275">
        <v>455</v>
      </c>
      <c r="AU6" s="269">
        <v>282</v>
      </c>
      <c r="AV6" s="273">
        <v>335</v>
      </c>
      <c r="AW6" s="270">
        <v>617</v>
      </c>
      <c r="AX6" s="272">
        <v>0</v>
      </c>
      <c r="AY6" s="273">
        <v>1323</v>
      </c>
      <c r="AZ6" s="273">
        <v>1580</v>
      </c>
      <c r="BA6" s="273">
        <v>1460</v>
      </c>
      <c r="BB6" s="273">
        <v>1243</v>
      </c>
      <c r="BC6" s="273">
        <v>897</v>
      </c>
      <c r="BD6" s="274">
        <v>6503</v>
      </c>
      <c r="BE6" s="275">
        <v>7120</v>
      </c>
      <c r="BF6" s="269">
        <v>0</v>
      </c>
      <c r="BG6" s="273">
        <v>0</v>
      </c>
      <c r="BH6" s="270">
        <v>0</v>
      </c>
      <c r="BI6" s="272">
        <v>0</v>
      </c>
      <c r="BJ6" s="273">
        <v>1617</v>
      </c>
      <c r="BK6" s="273">
        <v>1440</v>
      </c>
      <c r="BL6" s="273">
        <v>764</v>
      </c>
      <c r="BM6" s="273">
        <v>381</v>
      </c>
      <c r="BN6" s="273">
        <v>140</v>
      </c>
      <c r="BO6" s="270">
        <v>4342</v>
      </c>
      <c r="BP6" s="275">
        <v>4342</v>
      </c>
      <c r="BQ6" s="269">
        <v>145</v>
      </c>
      <c r="BR6" s="273">
        <v>166</v>
      </c>
      <c r="BS6" s="270">
        <v>311</v>
      </c>
      <c r="BT6" s="272">
        <v>0</v>
      </c>
      <c r="BU6" s="273">
        <v>373</v>
      </c>
      <c r="BV6" s="273">
        <v>515</v>
      </c>
      <c r="BW6" s="273">
        <v>311</v>
      </c>
      <c r="BX6" s="273">
        <v>164</v>
      </c>
      <c r="BY6" s="273">
        <v>53</v>
      </c>
      <c r="BZ6" s="270">
        <v>1416</v>
      </c>
      <c r="CA6" s="275">
        <v>1727</v>
      </c>
      <c r="CB6" s="269">
        <v>10</v>
      </c>
      <c r="CC6" s="273">
        <v>15</v>
      </c>
      <c r="CD6" s="270">
        <v>25</v>
      </c>
      <c r="CE6" s="272">
        <v>0</v>
      </c>
      <c r="CF6" s="273">
        <v>167</v>
      </c>
      <c r="CG6" s="273">
        <v>259</v>
      </c>
      <c r="CH6" s="273">
        <v>345</v>
      </c>
      <c r="CI6" s="273">
        <v>208</v>
      </c>
      <c r="CJ6" s="273">
        <v>101</v>
      </c>
      <c r="CK6" s="270">
        <v>1080</v>
      </c>
      <c r="CL6" s="275">
        <v>1105</v>
      </c>
      <c r="CM6" s="269">
        <v>2</v>
      </c>
      <c r="CN6" s="273">
        <v>2</v>
      </c>
      <c r="CO6" s="270">
        <v>4</v>
      </c>
      <c r="CP6" s="272">
        <v>0</v>
      </c>
      <c r="CQ6" s="273">
        <v>15</v>
      </c>
      <c r="CR6" s="273">
        <v>50</v>
      </c>
      <c r="CS6" s="273">
        <v>55</v>
      </c>
      <c r="CT6" s="273">
        <v>39</v>
      </c>
      <c r="CU6" s="273">
        <v>22</v>
      </c>
      <c r="CV6" s="270">
        <v>181</v>
      </c>
      <c r="CW6" s="275">
        <v>185</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04</v>
      </c>
      <c r="DU6" s="273">
        <v>1261</v>
      </c>
      <c r="DV6" s="270">
        <v>1865</v>
      </c>
      <c r="DW6" s="272">
        <v>0</v>
      </c>
      <c r="DX6" s="273">
        <v>1771</v>
      </c>
      <c r="DY6" s="273">
        <v>3101</v>
      </c>
      <c r="DZ6" s="273">
        <v>1883</v>
      </c>
      <c r="EA6" s="273">
        <v>1327</v>
      </c>
      <c r="EB6" s="273">
        <v>744</v>
      </c>
      <c r="EC6" s="270">
        <v>8826</v>
      </c>
      <c r="ED6" s="275">
        <v>10691</v>
      </c>
      <c r="EE6" s="269">
        <v>187</v>
      </c>
      <c r="EF6" s="273">
        <v>130</v>
      </c>
      <c r="EG6" s="270">
        <v>317</v>
      </c>
      <c r="EH6" s="272">
        <v>0</v>
      </c>
      <c r="EI6" s="273">
        <v>542</v>
      </c>
      <c r="EJ6" s="273">
        <v>480</v>
      </c>
      <c r="EK6" s="273">
        <v>456</v>
      </c>
      <c r="EL6" s="273">
        <v>424</v>
      </c>
      <c r="EM6" s="273">
        <v>268</v>
      </c>
      <c r="EN6" s="270">
        <v>2170</v>
      </c>
      <c r="EO6" s="275">
        <v>2487</v>
      </c>
      <c r="EP6" s="269">
        <v>889</v>
      </c>
      <c r="EQ6" s="273">
        <v>1608</v>
      </c>
      <c r="ER6" s="270">
        <v>2497</v>
      </c>
      <c r="ES6" s="272">
        <v>0</v>
      </c>
      <c r="ET6" s="273">
        <v>4237</v>
      </c>
      <c r="EU6" s="273">
        <v>4296</v>
      </c>
      <c r="EV6" s="273">
        <v>2294</v>
      </c>
      <c r="EW6" s="273">
        <v>1437</v>
      </c>
      <c r="EX6" s="273">
        <v>771</v>
      </c>
      <c r="EY6" s="270">
        <v>13035</v>
      </c>
      <c r="EZ6" s="275">
        <v>15532</v>
      </c>
    </row>
    <row r="7" spans="2:156" ht="21" customHeight="1" x14ac:dyDescent="0.2">
      <c r="B7" s="261" t="s">
        <v>5</v>
      </c>
      <c r="C7" s="276">
        <v>0</v>
      </c>
      <c r="D7" s="280">
        <v>0</v>
      </c>
      <c r="E7" s="382">
        <v>0</v>
      </c>
      <c r="F7" s="279">
        <v>0</v>
      </c>
      <c r="G7" s="280">
        <v>490</v>
      </c>
      <c r="H7" s="280">
        <v>669</v>
      </c>
      <c r="I7" s="280">
        <v>376</v>
      </c>
      <c r="J7" s="280">
        <v>266</v>
      </c>
      <c r="K7" s="280">
        <v>190</v>
      </c>
      <c r="L7" s="281">
        <v>1991</v>
      </c>
      <c r="M7" s="282">
        <v>1991</v>
      </c>
      <c r="N7" s="276">
        <v>0</v>
      </c>
      <c r="O7" s="280">
        <v>0</v>
      </c>
      <c r="P7" s="277">
        <v>0</v>
      </c>
      <c r="Q7" s="279">
        <v>0</v>
      </c>
      <c r="R7" s="280">
        <v>1</v>
      </c>
      <c r="S7" s="280">
        <v>19</v>
      </c>
      <c r="T7" s="280">
        <v>26</v>
      </c>
      <c r="U7" s="280">
        <v>59</v>
      </c>
      <c r="V7" s="280">
        <v>95</v>
      </c>
      <c r="W7" s="277">
        <v>200</v>
      </c>
      <c r="X7" s="282">
        <v>200</v>
      </c>
      <c r="Y7" s="276">
        <v>90</v>
      </c>
      <c r="Z7" s="280">
        <v>201</v>
      </c>
      <c r="AA7" s="277">
        <v>291</v>
      </c>
      <c r="AB7" s="279">
        <v>0</v>
      </c>
      <c r="AC7" s="280">
        <v>355</v>
      </c>
      <c r="AD7" s="280">
        <v>650</v>
      </c>
      <c r="AE7" s="280">
        <v>390</v>
      </c>
      <c r="AF7" s="280">
        <v>290</v>
      </c>
      <c r="AG7" s="280">
        <v>175</v>
      </c>
      <c r="AH7" s="277">
        <v>1860</v>
      </c>
      <c r="AI7" s="282">
        <v>2151</v>
      </c>
      <c r="AJ7" s="276">
        <v>7</v>
      </c>
      <c r="AK7" s="280">
        <v>29</v>
      </c>
      <c r="AL7" s="277">
        <v>36</v>
      </c>
      <c r="AM7" s="279">
        <v>0</v>
      </c>
      <c r="AN7" s="280">
        <v>19</v>
      </c>
      <c r="AO7" s="280">
        <v>56</v>
      </c>
      <c r="AP7" s="280">
        <v>35</v>
      </c>
      <c r="AQ7" s="280">
        <v>29</v>
      </c>
      <c r="AR7" s="280">
        <v>6</v>
      </c>
      <c r="AS7" s="277">
        <v>145</v>
      </c>
      <c r="AT7" s="282">
        <v>181</v>
      </c>
      <c r="AU7" s="276">
        <v>117</v>
      </c>
      <c r="AV7" s="280">
        <v>186</v>
      </c>
      <c r="AW7" s="277">
        <v>303</v>
      </c>
      <c r="AX7" s="279">
        <v>0</v>
      </c>
      <c r="AY7" s="280">
        <v>495</v>
      </c>
      <c r="AZ7" s="280">
        <v>717</v>
      </c>
      <c r="BA7" s="280">
        <v>645</v>
      </c>
      <c r="BB7" s="280">
        <v>519</v>
      </c>
      <c r="BC7" s="280">
        <v>400</v>
      </c>
      <c r="BD7" s="281">
        <v>2776</v>
      </c>
      <c r="BE7" s="282">
        <v>3079</v>
      </c>
      <c r="BF7" s="276">
        <v>0</v>
      </c>
      <c r="BG7" s="280">
        <v>0</v>
      </c>
      <c r="BH7" s="277">
        <v>0</v>
      </c>
      <c r="BI7" s="279">
        <v>0</v>
      </c>
      <c r="BJ7" s="280">
        <v>594</v>
      </c>
      <c r="BK7" s="280">
        <v>639</v>
      </c>
      <c r="BL7" s="280">
        <v>316</v>
      </c>
      <c r="BM7" s="280">
        <v>145</v>
      </c>
      <c r="BN7" s="280">
        <v>59</v>
      </c>
      <c r="BO7" s="277">
        <v>1753</v>
      </c>
      <c r="BP7" s="282">
        <v>1753</v>
      </c>
      <c r="BQ7" s="276">
        <v>67</v>
      </c>
      <c r="BR7" s="280">
        <v>80</v>
      </c>
      <c r="BS7" s="277">
        <v>147</v>
      </c>
      <c r="BT7" s="279">
        <v>0</v>
      </c>
      <c r="BU7" s="280">
        <v>138</v>
      </c>
      <c r="BV7" s="280">
        <v>224</v>
      </c>
      <c r="BW7" s="280">
        <v>162</v>
      </c>
      <c r="BX7" s="280">
        <v>71</v>
      </c>
      <c r="BY7" s="280">
        <v>21</v>
      </c>
      <c r="BZ7" s="277">
        <v>616</v>
      </c>
      <c r="CA7" s="282">
        <v>763</v>
      </c>
      <c r="CB7" s="276">
        <v>3</v>
      </c>
      <c r="CC7" s="280">
        <v>8</v>
      </c>
      <c r="CD7" s="277">
        <v>11</v>
      </c>
      <c r="CE7" s="279">
        <v>0</v>
      </c>
      <c r="CF7" s="280">
        <v>45</v>
      </c>
      <c r="CG7" s="280">
        <v>104</v>
      </c>
      <c r="CH7" s="280">
        <v>146</v>
      </c>
      <c r="CI7" s="280">
        <v>79</v>
      </c>
      <c r="CJ7" s="280">
        <v>44</v>
      </c>
      <c r="CK7" s="277">
        <v>418</v>
      </c>
      <c r="CL7" s="282">
        <v>429</v>
      </c>
      <c r="CM7" s="276">
        <v>2</v>
      </c>
      <c r="CN7" s="280">
        <v>1</v>
      </c>
      <c r="CO7" s="277">
        <v>3</v>
      </c>
      <c r="CP7" s="279">
        <v>0</v>
      </c>
      <c r="CQ7" s="280">
        <v>7</v>
      </c>
      <c r="CR7" s="280">
        <v>26</v>
      </c>
      <c r="CS7" s="280">
        <v>34</v>
      </c>
      <c r="CT7" s="280">
        <v>24</v>
      </c>
      <c r="CU7" s="280">
        <v>15</v>
      </c>
      <c r="CV7" s="277">
        <v>106</v>
      </c>
      <c r="CW7" s="282">
        <v>109</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31</v>
      </c>
      <c r="DU7" s="280">
        <v>575</v>
      </c>
      <c r="DV7" s="277">
        <v>806</v>
      </c>
      <c r="DW7" s="279">
        <v>0</v>
      </c>
      <c r="DX7" s="280">
        <v>574</v>
      </c>
      <c r="DY7" s="280">
        <v>1400</v>
      </c>
      <c r="DZ7" s="280">
        <v>843</v>
      </c>
      <c r="EA7" s="280">
        <v>561</v>
      </c>
      <c r="EB7" s="280">
        <v>335</v>
      </c>
      <c r="EC7" s="277">
        <v>3713</v>
      </c>
      <c r="ED7" s="282">
        <v>4519</v>
      </c>
      <c r="EE7" s="276">
        <v>72</v>
      </c>
      <c r="EF7" s="280">
        <v>67</v>
      </c>
      <c r="EG7" s="277">
        <v>139</v>
      </c>
      <c r="EH7" s="279">
        <v>0</v>
      </c>
      <c r="EI7" s="280">
        <v>205</v>
      </c>
      <c r="EJ7" s="280">
        <v>219</v>
      </c>
      <c r="EK7" s="280">
        <v>208</v>
      </c>
      <c r="EL7" s="280">
        <v>193</v>
      </c>
      <c r="EM7" s="280">
        <v>129</v>
      </c>
      <c r="EN7" s="277">
        <v>954</v>
      </c>
      <c r="EO7" s="282">
        <v>1093</v>
      </c>
      <c r="EP7" s="276">
        <v>359</v>
      </c>
      <c r="EQ7" s="280">
        <v>762</v>
      </c>
      <c r="ER7" s="277">
        <v>1121</v>
      </c>
      <c r="ES7" s="279">
        <v>0</v>
      </c>
      <c r="ET7" s="280">
        <v>1570</v>
      </c>
      <c r="EU7" s="280">
        <v>2025</v>
      </c>
      <c r="EV7" s="280">
        <v>1056</v>
      </c>
      <c r="EW7" s="280">
        <v>629</v>
      </c>
      <c r="EX7" s="280">
        <v>352</v>
      </c>
      <c r="EY7" s="277">
        <v>5632</v>
      </c>
      <c r="EZ7" s="282">
        <v>6753</v>
      </c>
    </row>
    <row r="8" spans="2:156" ht="21" customHeight="1" x14ac:dyDescent="0.2">
      <c r="B8" s="261" t="s">
        <v>6</v>
      </c>
      <c r="C8" s="276">
        <v>0</v>
      </c>
      <c r="D8" s="280">
        <v>0</v>
      </c>
      <c r="E8" s="382">
        <v>0</v>
      </c>
      <c r="F8" s="279">
        <v>0</v>
      </c>
      <c r="G8" s="280">
        <v>178</v>
      </c>
      <c r="H8" s="280">
        <v>139</v>
      </c>
      <c r="I8" s="280">
        <v>88</v>
      </c>
      <c r="J8" s="280">
        <v>63</v>
      </c>
      <c r="K8" s="280">
        <v>48</v>
      </c>
      <c r="L8" s="281">
        <v>516</v>
      </c>
      <c r="M8" s="282">
        <v>516</v>
      </c>
      <c r="N8" s="276">
        <v>0</v>
      </c>
      <c r="O8" s="280">
        <v>0</v>
      </c>
      <c r="P8" s="277">
        <v>0</v>
      </c>
      <c r="Q8" s="279">
        <v>0</v>
      </c>
      <c r="R8" s="280">
        <v>2</v>
      </c>
      <c r="S8" s="280">
        <v>4</v>
      </c>
      <c r="T8" s="280">
        <v>6</v>
      </c>
      <c r="U8" s="280">
        <v>12</v>
      </c>
      <c r="V8" s="280">
        <v>29</v>
      </c>
      <c r="W8" s="277">
        <v>53</v>
      </c>
      <c r="X8" s="282">
        <v>53</v>
      </c>
      <c r="Y8" s="276">
        <v>26</v>
      </c>
      <c r="Z8" s="280">
        <v>40</v>
      </c>
      <c r="AA8" s="277">
        <v>66</v>
      </c>
      <c r="AB8" s="279">
        <v>0</v>
      </c>
      <c r="AC8" s="280">
        <v>125</v>
      </c>
      <c r="AD8" s="280">
        <v>144</v>
      </c>
      <c r="AE8" s="280">
        <v>81</v>
      </c>
      <c r="AF8" s="280">
        <v>85</v>
      </c>
      <c r="AG8" s="280">
        <v>62</v>
      </c>
      <c r="AH8" s="277">
        <v>497</v>
      </c>
      <c r="AI8" s="282">
        <v>563</v>
      </c>
      <c r="AJ8" s="276">
        <v>2</v>
      </c>
      <c r="AK8" s="280">
        <v>2</v>
      </c>
      <c r="AL8" s="277">
        <v>4</v>
      </c>
      <c r="AM8" s="279">
        <v>0</v>
      </c>
      <c r="AN8" s="280">
        <v>7</v>
      </c>
      <c r="AO8" s="280">
        <v>19</v>
      </c>
      <c r="AP8" s="280">
        <v>7</v>
      </c>
      <c r="AQ8" s="280">
        <v>11</v>
      </c>
      <c r="AR8" s="280">
        <v>2</v>
      </c>
      <c r="AS8" s="277">
        <v>46</v>
      </c>
      <c r="AT8" s="282">
        <v>50</v>
      </c>
      <c r="AU8" s="276">
        <v>49</v>
      </c>
      <c r="AV8" s="280">
        <v>39</v>
      </c>
      <c r="AW8" s="277">
        <v>88</v>
      </c>
      <c r="AX8" s="279">
        <v>0</v>
      </c>
      <c r="AY8" s="280">
        <v>219</v>
      </c>
      <c r="AZ8" s="280">
        <v>201</v>
      </c>
      <c r="BA8" s="280">
        <v>201</v>
      </c>
      <c r="BB8" s="280">
        <v>184</v>
      </c>
      <c r="BC8" s="280">
        <v>134</v>
      </c>
      <c r="BD8" s="281">
        <v>939</v>
      </c>
      <c r="BE8" s="282">
        <v>1027</v>
      </c>
      <c r="BF8" s="276">
        <v>0</v>
      </c>
      <c r="BG8" s="280">
        <v>0</v>
      </c>
      <c r="BH8" s="277">
        <v>0</v>
      </c>
      <c r="BI8" s="279">
        <v>0</v>
      </c>
      <c r="BJ8" s="280">
        <v>226</v>
      </c>
      <c r="BK8" s="280">
        <v>158</v>
      </c>
      <c r="BL8" s="280">
        <v>75</v>
      </c>
      <c r="BM8" s="280">
        <v>51</v>
      </c>
      <c r="BN8" s="280">
        <v>19</v>
      </c>
      <c r="BO8" s="277">
        <v>529</v>
      </c>
      <c r="BP8" s="282">
        <v>529</v>
      </c>
      <c r="BQ8" s="276">
        <v>11</v>
      </c>
      <c r="BR8" s="280">
        <v>12</v>
      </c>
      <c r="BS8" s="277">
        <v>23</v>
      </c>
      <c r="BT8" s="279">
        <v>0</v>
      </c>
      <c r="BU8" s="280">
        <v>44</v>
      </c>
      <c r="BV8" s="280">
        <v>61</v>
      </c>
      <c r="BW8" s="280">
        <v>28</v>
      </c>
      <c r="BX8" s="280">
        <v>22</v>
      </c>
      <c r="BY8" s="280">
        <v>13</v>
      </c>
      <c r="BZ8" s="277">
        <v>168</v>
      </c>
      <c r="CA8" s="282">
        <v>191</v>
      </c>
      <c r="CB8" s="276">
        <v>3</v>
      </c>
      <c r="CC8" s="280">
        <v>1</v>
      </c>
      <c r="CD8" s="277">
        <v>4</v>
      </c>
      <c r="CE8" s="279">
        <v>0</v>
      </c>
      <c r="CF8" s="280">
        <v>13</v>
      </c>
      <c r="CG8" s="280">
        <v>24</v>
      </c>
      <c r="CH8" s="280">
        <v>33</v>
      </c>
      <c r="CI8" s="280">
        <v>16</v>
      </c>
      <c r="CJ8" s="280">
        <v>14</v>
      </c>
      <c r="CK8" s="277">
        <v>100</v>
      </c>
      <c r="CL8" s="282">
        <v>104</v>
      </c>
      <c r="CM8" s="276">
        <v>0</v>
      </c>
      <c r="CN8" s="280">
        <v>0</v>
      </c>
      <c r="CO8" s="277">
        <v>0</v>
      </c>
      <c r="CP8" s="279">
        <v>0</v>
      </c>
      <c r="CQ8" s="280">
        <v>3</v>
      </c>
      <c r="CR8" s="280">
        <v>9</v>
      </c>
      <c r="CS8" s="280">
        <v>4</v>
      </c>
      <c r="CT8" s="280">
        <v>5</v>
      </c>
      <c r="CU8" s="280">
        <v>3</v>
      </c>
      <c r="CV8" s="277">
        <v>24</v>
      </c>
      <c r="CW8" s="282">
        <v>24</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83</v>
      </c>
      <c r="DU8" s="280">
        <v>118</v>
      </c>
      <c r="DV8" s="277">
        <v>201</v>
      </c>
      <c r="DW8" s="279">
        <v>0</v>
      </c>
      <c r="DX8" s="280">
        <v>252</v>
      </c>
      <c r="DY8" s="280">
        <v>339</v>
      </c>
      <c r="DZ8" s="280">
        <v>207</v>
      </c>
      <c r="EA8" s="280">
        <v>176</v>
      </c>
      <c r="EB8" s="280">
        <v>109</v>
      </c>
      <c r="EC8" s="277">
        <v>1083</v>
      </c>
      <c r="ED8" s="282">
        <v>1284</v>
      </c>
      <c r="EE8" s="276">
        <v>35</v>
      </c>
      <c r="EF8" s="280">
        <v>20</v>
      </c>
      <c r="EG8" s="277">
        <v>55</v>
      </c>
      <c r="EH8" s="279">
        <v>0</v>
      </c>
      <c r="EI8" s="280">
        <v>81</v>
      </c>
      <c r="EJ8" s="280">
        <v>60</v>
      </c>
      <c r="EK8" s="280">
        <v>73</v>
      </c>
      <c r="EL8" s="280">
        <v>53</v>
      </c>
      <c r="EM8" s="280">
        <v>31</v>
      </c>
      <c r="EN8" s="277">
        <v>298</v>
      </c>
      <c r="EO8" s="282">
        <v>353</v>
      </c>
      <c r="EP8" s="276">
        <v>110</v>
      </c>
      <c r="EQ8" s="280">
        <v>151</v>
      </c>
      <c r="ER8" s="277">
        <v>261</v>
      </c>
      <c r="ES8" s="279">
        <v>0</v>
      </c>
      <c r="ET8" s="280">
        <v>572</v>
      </c>
      <c r="EU8" s="280">
        <v>458</v>
      </c>
      <c r="EV8" s="280">
        <v>247</v>
      </c>
      <c r="EW8" s="280">
        <v>183</v>
      </c>
      <c r="EX8" s="280">
        <v>114</v>
      </c>
      <c r="EY8" s="277">
        <v>1574</v>
      </c>
      <c r="EZ8" s="282">
        <v>1835</v>
      </c>
    </row>
    <row r="9" spans="2:156" ht="21" customHeight="1" x14ac:dyDescent="0.2">
      <c r="B9" s="261" t="s">
        <v>14</v>
      </c>
      <c r="C9" s="276">
        <v>0</v>
      </c>
      <c r="D9" s="280">
        <v>0</v>
      </c>
      <c r="E9" s="382">
        <v>0</v>
      </c>
      <c r="F9" s="279">
        <v>0</v>
      </c>
      <c r="G9" s="280">
        <v>53</v>
      </c>
      <c r="H9" s="280">
        <v>97</v>
      </c>
      <c r="I9" s="280">
        <v>52</v>
      </c>
      <c r="J9" s="280">
        <v>26</v>
      </c>
      <c r="K9" s="280">
        <v>17</v>
      </c>
      <c r="L9" s="281">
        <v>245</v>
      </c>
      <c r="M9" s="282">
        <v>245</v>
      </c>
      <c r="N9" s="276">
        <v>0</v>
      </c>
      <c r="O9" s="280">
        <v>0</v>
      </c>
      <c r="P9" s="277">
        <v>0</v>
      </c>
      <c r="Q9" s="279">
        <v>0</v>
      </c>
      <c r="R9" s="280">
        <v>1</v>
      </c>
      <c r="S9" s="280">
        <v>1</v>
      </c>
      <c r="T9" s="280">
        <v>2</v>
      </c>
      <c r="U9" s="280">
        <v>3</v>
      </c>
      <c r="V9" s="280">
        <v>7</v>
      </c>
      <c r="W9" s="277">
        <v>14</v>
      </c>
      <c r="X9" s="282">
        <v>14</v>
      </c>
      <c r="Y9" s="276">
        <v>4</v>
      </c>
      <c r="Z9" s="280">
        <v>26</v>
      </c>
      <c r="AA9" s="277">
        <v>30</v>
      </c>
      <c r="AB9" s="279">
        <v>0</v>
      </c>
      <c r="AC9" s="280">
        <v>52</v>
      </c>
      <c r="AD9" s="280">
        <v>93</v>
      </c>
      <c r="AE9" s="280">
        <v>59</v>
      </c>
      <c r="AF9" s="280">
        <v>29</v>
      </c>
      <c r="AG9" s="280">
        <v>20</v>
      </c>
      <c r="AH9" s="277">
        <v>253</v>
      </c>
      <c r="AI9" s="282">
        <v>283</v>
      </c>
      <c r="AJ9" s="276">
        <v>0</v>
      </c>
      <c r="AK9" s="280">
        <v>3</v>
      </c>
      <c r="AL9" s="277">
        <v>3</v>
      </c>
      <c r="AM9" s="279">
        <v>0</v>
      </c>
      <c r="AN9" s="280">
        <v>2</v>
      </c>
      <c r="AO9" s="280">
        <v>1</v>
      </c>
      <c r="AP9" s="280">
        <v>3</v>
      </c>
      <c r="AQ9" s="280">
        <v>5</v>
      </c>
      <c r="AR9" s="280">
        <v>0</v>
      </c>
      <c r="AS9" s="277">
        <v>11</v>
      </c>
      <c r="AT9" s="282">
        <v>14</v>
      </c>
      <c r="AU9" s="276">
        <v>13</v>
      </c>
      <c r="AV9" s="280">
        <v>26</v>
      </c>
      <c r="AW9" s="277">
        <v>39</v>
      </c>
      <c r="AX9" s="279">
        <v>0</v>
      </c>
      <c r="AY9" s="280">
        <v>86</v>
      </c>
      <c r="AZ9" s="280">
        <v>125</v>
      </c>
      <c r="BA9" s="280">
        <v>104</v>
      </c>
      <c r="BB9" s="280">
        <v>84</v>
      </c>
      <c r="BC9" s="280">
        <v>49</v>
      </c>
      <c r="BD9" s="281">
        <v>448</v>
      </c>
      <c r="BE9" s="282">
        <v>487</v>
      </c>
      <c r="BF9" s="276">
        <v>0</v>
      </c>
      <c r="BG9" s="280">
        <v>0</v>
      </c>
      <c r="BH9" s="277">
        <v>0</v>
      </c>
      <c r="BI9" s="279">
        <v>0</v>
      </c>
      <c r="BJ9" s="280">
        <v>119</v>
      </c>
      <c r="BK9" s="280">
        <v>131</v>
      </c>
      <c r="BL9" s="280">
        <v>74</v>
      </c>
      <c r="BM9" s="280">
        <v>33</v>
      </c>
      <c r="BN9" s="280">
        <v>10</v>
      </c>
      <c r="BO9" s="277">
        <v>367</v>
      </c>
      <c r="BP9" s="282">
        <v>367</v>
      </c>
      <c r="BQ9" s="276">
        <v>7</v>
      </c>
      <c r="BR9" s="280">
        <v>11</v>
      </c>
      <c r="BS9" s="277">
        <v>18</v>
      </c>
      <c r="BT9" s="279">
        <v>0</v>
      </c>
      <c r="BU9" s="280">
        <v>13</v>
      </c>
      <c r="BV9" s="280">
        <v>31</v>
      </c>
      <c r="BW9" s="280">
        <v>16</v>
      </c>
      <c r="BX9" s="280">
        <v>12</v>
      </c>
      <c r="BY9" s="280">
        <v>0</v>
      </c>
      <c r="BZ9" s="277">
        <v>72</v>
      </c>
      <c r="CA9" s="282">
        <v>90</v>
      </c>
      <c r="CB9" s="276">
        <v>0</v>
      </c>
      <c r="CC9" s="280">
        <v>1</v>
      </c>
      <c r="CD9" s="277">
        <v>1</v>
      </c>
      <c r="CE9" s="279">
        <v>0</v>
      </c>
      <c r="CF9" s="280">
        <v>12</v>
      </c>
      <c r="CG9" s="280">
        <v>23</v>
      </c>
      <c r="CH9" s="280">
        <v>30</v>
      </c>
      <c r="CI9" s="280">
        <v>14</v>
      </c>
      <c r="CJ9" s="280">
        <v>4</v>
      </c>
      <c r="CK9" s="277">
        <v>83</v>
      </c>
      <c r="CL9" s="282">
        <v>84</v>
      </c>
      <c r="CM9" s="276">
        <v>0</v>
      </c>
      <c r="CN9" s="280">
        <v>0</v>
      </c>
      <c r="CO9" s="277">
        <v>0</v>
      </c>
      <c r="CP9" s="279">
        <v>0</v>
      </c>
      <c r="CQ9" s="280">
        <v>0</v>
      </c>
      <c r="CR9" s="280">
        <v>1</v>
      </c>
      <c r="CS9" s="280">
        <v>1</v>
      </c>
      <c r="CT9" s="280">
        <v>1</v>
      </c>
      <c r="CU9" s="280">
        <v>1</v>
      </c>
      <c r="CV9" s="277">
        <v>4</v>
      </c>
      <c r="CW9" s="282">
        <v>4</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29</v>
      </c>
      <c r="DU9" s="280">
        <v>110</v>
      </c>
      <c r="DV9" s="277">
        <v>139</v>
      </c>
      <c r="DW9" s="279">
        <v>0</v>
      </c>
      <c r="DX9" s="280">
        <v>109</v>
      </c>
      <c r="DY9" s="280">
        <v>254</v>
      </c>
      <c r="DZ9" s="280">
        <v>155</v>
      </c>
      <c r="EA9" s="280">
        <v>85</v>
      </c>
      <c r="EB9" s="280">
        <v>35</v>
      </c>
      <c r="EC9" s="277">
        <v>638</v>
      </c>
      <c r="ED9" s="282">
        <v>777</v>
      </c>
      <c r="EE9" s="276">
        <v>10</v>
      </c>
      <c r="EF9" s="280">
        <v>9</v>
      </c>
      <c r="EG9" s="277">
        <v>19</v>
      </c>
      <c r="EH9" s="279">
        <v>0</v>
      </c>
      <c r="EI9" s="280">
        <v>35</v>
      </c>
      <c r="EJ9" s="280">
        <v>23</v>
      </c>
      <c r="EK9" s="280">
        <v>29</v>
      </c>
      <c r="EL9" s="280">
        <v>23</v>
      </c>
      <c r="EM9" s="280">
        <v>14</v>
      </c>
      <c r="EN9" s="277">
        <v>124</v>
      </c>
      <c r="EO9" s="282">
        <v>143</v>
      </c>
      <c r="EP9" s="276">
        <v>39</v>
      </c>
      <c r="EQ9" s="280">
        <v>127</v>
      </c>
      <c r="ER9" s="277">
        <v>166</v>
      </c>
      <c r="ES9" s="279">
        <v>0</v>
      </c>
      <c r="ET9" s="280">
        <v>266</v>
      </c>
      <c r="EU9" s="280">
        <v>355</v>
      </c>
      <c r="EV9" s="280">
        <v>191</v>
      </c>
      <c r="EW9" s="280">
        <v>92</v>
      </c>
      <c r="EX9" s="280">
        <v>35</v>
      </c>
      <c r="EY9" s="277">
        <v>939</v>
      </c>
      <c r="EZ9" s="282">
        <v>1105</v>
      </c>
    </row>
    <row r="10" spans="2:156" ht="21" customHeight="1" x14ac:dyDescent="0.2">
      <c r="B10" s="261" t="s">
        <v>7</v>
      </c>
      <c r="C10" s="276">
        <v>0</v>
      </c>
      <c r="D10" s="280">
        <v>0</v>
      </c>
      <c r="E10" s="382">
        <v>0</v>
      </c>
      <c r="F10" s="279">
        <v>0</v>
      </c>
      <c r="G10" s="280">
        <v>119</v>
      </c>
      <c r="H10" s="280">
        <v>97</v>
      </c>
      <c r="I10" s="280">
        <v>52</v>
      </c>
      <c r="J10" s="280">
        <v>45</v>
      </c>
      <c r="K10" s="280">
        <v>28</v>
      </c>
      <c r="L10" s="281">
        <v>341</v>
      </c>
      <c r="M10" s="282">
        <v>341</v>
      </c>
      <c r="N10" s="276">
        <v>0</v>
      </c>
      <c r="O10" s="280">
        <v>0</v>
      </c>
      <c r="P10" s="277">
        <v>0</v>
      </c>
      <c r="Q10" s="279">
        <v>0</v>
      </c>
      <c r="R10" s="280">
        <v>2</v>
      </c>
      <c r="S10" s="280">
        <v>5</v>
      </c>
      <c r="T10" s="280">
        <v>9</v>
      </c>
      <c r="U10" s="280">
        <v>19</v>
      </c>
      <c r="V10" s="280">
        <v>14</v>
      </c>
      <c r="W10" s="277">
        <v>49</v>
      </c>
      <c r="X10" s="282">
        <v>49</v>
      </c>
      <c r="Y10" s="276">
        <v>2</v>
      </c>
      <c r="Z10" s="280">
        <v>4</v>
      </c>
      <c r="AA10" s="277">
        <v>6</v>
      </c>
      <c r="AB10" s="279">
        <v>0</v>
      </c>
      <c r="AC10" s="280">
        <v>65</v>
      </c>
      <c r="AD10" s="280">
        <v>46</v>
      </c>
      <c r="AE10" s="280">
        <v>29</v>
      </c>
      <c r="AF10" s="280">
        <v>25</v>
      </c>
      <c r="AG10" s="280">
        <v>21</v>
      </c>
      <c r="AH10" s="277">
        <v>186</v>
      </c>
      <c r="AI10" s="282">
        <v>192</v>
      </c>
      <c r="AJ10" s="276">
        <v>0</v>
      </c>
      <c r="AK10" s="280">
        <v>0</v>
      </c>
      <c r="AL10" s="277">
        <v>0</v>
      </c>
      <c r="AM10" s="279">
        <v>0</v>
      </c>
      <c r="AN10" s="280">
        <v>7</v>
      </c>
      <c r="AO10" s="280">
        <v>4</v>
      </c>
      <c r="AP10" s="280">
        <v>8</v>
      </c>
      <c r="AQ10" s="280">
        <v>6</v>
      </c>
      <c r="AR10" s="280">
        <v>1</v>
      </c>
      <c r="AS10" s="277">
        <v>26</v>
      </c>
      <c r="AT10" s="282">
        <v>26</v>
      </c>
      <c r="AU10" s="276">
        <v>17</v>
      </c>
      <c r="AV10" s="280">
        <v>11</v>
      </c>
      <c r="AW10" s="277">
        <v>28</v>
      </c>
      <c r="AX10" s="279">
        <v>0</v>
      </c>
      <c r="AY10" s="280">
        <v>122</v>
      </c>
      <c r="AZ10" s="280">
        <v>115</v>
      </c>
      <c r="BA10" s="280">
        <v>101</v>
      </c>
      <c r="BB10" s="280">
        <v>75</v>
      </c>
      <c r="BC10" s="280">
        <v>52</v>
      </c>
      <c r="BD10" s="281">
        <v>465</v>
      </c>
      <c r="BE10" s="282">
        <v>493</v>
      </c>
      <c r="BF10" s="276">
        <v>0</v>
      </c>
      <c r="BG10" s="280">
        <v>0</v>
      </c>
      <c r="BH10" s="277">
        <v>0</v>
      </c>
      <c r="BI10" s="279">
        <v>0</v>
      </c>
      <c r="BJ10" s="280">
        <v>155</v>
      </c>
      <c r="BK10" s="280">
        <v>87</v>
      </c>
      <c r="BL10" s="280">
        <v>50</v>
      </c>
      <c r="BM10" s="280">
        <v>18</v>
      </c>
      <c r="BN10" s="280">
        <v>8</v>
      </c>
      <c r="BO10" s="277">
        <v>318</v>
      </c>
      <c r="BP10" s="282">
        <v>318</v>
      </c>
      <c r="BQ10" s="276">
        <v>1</v>
      </c>
      <c r="BR10" s="280">
        <v>2</v>
      </c>
      <c r="BS10" s="277">
        <v>3</v>
      </c>
      <c r="BT10" s="279">
        <v>0</v>
      </c>
      <c r="BU10" s="280">
        <v>22</v>
      </c>
      <c r="BV10" s="280">
        <v>22</v>
      </c>
      <c r="BW10" s="280">
        <v>11</v>
      </c>
      <c r="BX10" s="280">
        <v>4</v>
      </c>
      <c r="BY10" s="280">
        <v>2</v>
      </c>
      <c r="BZ10" s="277">
        <v>61</v>
      </c>
      <c r="CA10" s="282">
        <v>64</v>
      </c>
      <c r="CB10" s="276">
        <v>0</v>
      </c>
      <c r="CC10" s="280">
        <v>0</v>
      </c>
      <c r="CD10" s="277">
        <v>0</v>
      </c>
      <c r="CE10" s="279">
        <v>0</v>
      </c>
      <c r="CF10" s="280">
        <v>24</v>
      </c>
      <c r="CG10" s="280">
        <v>26</v>
      </c>
      <c r="CH10" s="280">
        <v>28</v>
      </c>
      <c r="CI10" s="280">
        <v>13</v>
      </c>
      <c r="CJ10" s="280">
        <v>5</v>
      </c>
      <c r="CK10" s="277">
        <v>96</v>
      </c>
      <c r="CL10" s="282">
        <v>96</v>
      </c>
      <c r="CM10" s="276">
        <v>0</v>
      </c>
      <c r="CN10" s="280">
        <v>0</v>
      </c>
      <c r="CO10" s="277">
        <v>0</v>
      </c>
      <c r="CP10" s="279">
        <v>0</v>
      </c>
      <c r="CQ10" s="280">
        <v>0</v>
      </c>
      <c r="CR10" s="280">
        <v>1</v>
      </c>
      <c r="CS10" s="280">
        <v>0</v>
      </c>
      <c r="CT10" s="280">
        <v>2</v>
      </c>
      <c r="CU10" s="280">
        <v>1</v>
      </c>
      <c r="CV10" s="277">
        <v>4</v>
      </c>
      <c r="CW10" s="282">
        <v>4</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1</v>
      </c>
      <c r="DU10" s="280">
        <v>40</v>
      </c>
      <c r="DV10" s="277">
        <v>71</v>
      </c>
      <c r="DW10" s="279">
        <v>0</v>
      </c>
      <c r="DX10" s="280">
        <v>159</v>
      </c>
      <c r="DY10" s="280">
        <v>209</v>
      </c>
      <c r="DZ10" s="280">
        <v>114</v>
      </c>
      <c r="EA10" s="280">
        <v>81</v>
      </c>
      <c r="EB10" s="280">
        <v>46</v>
      </c>
      <c r="EC10" s="277">
        <v>609</v>
      </c>
      <c r="ED10" s="282">
        <v>680</v>
      </c>
      <c r="EE10" s="276">
        <v>10</v>
      </c>
      <c r="EF10" s="280">
        <v>7</v>
      </c>
      <c r="EG10" s="277">
        <v>17</v>
      </c>
      <c r="EH10" s="279">
        <v>0</v>
      </c>
      <c r="EI10" s="280">
        <v>48</v>
      </c>
      <c r="EJ10" s="280">
        <v>42</v>
      </c>
      <c r="EK10" s="280">
        <v>27</v>
      </c>
      <c r="EL10" s="280">
        <v>25</v>
      </c>
      <c r="EM10" s="280">
        <v>15</v>
      </c>
      <c r="EN10" s="277">
        <v>157</v>
      </c>
      <c r="EO10" s="282">
        <v>174</v>
      </c>
      <c r="EP10" s="276">
        <v>33</v>
      </c>
      <c r="EQ10" s="280">
        <v>43</v>
      </c>
      <c r="ER10" s="277">
        <v>76</v>
      </c>
      <c r="ES10" s="279">
        <v>0</v>
      </c>
      <c r="ET10" s="280">
        <v>389</v>
      </c>
      <c r="EU10" s="280">
        <v>277</v>
      </c>
      <c r="EV10" s="280">
        <v>137</v>
      </c>
      <c r="EW10" s="280">
        <v>88</v>
      </c>
      <c r="EX10" s="280">
        <v>45</v>
      </c>
      <c r="EY10" s="277">
        <v>936</v>
      </c>
      <c r="EZ10" s="282">
        <v>1012</v>
      </c>
    </row>
    <row r="11" spans="2:156" ht="21" customHeight="1" x14ac:dyDescent="0.2">
      <c r="B11" s="261" t="s">
        <v>8</v>
      </c>
      <c r="C11" s="276">
        <v>0</v>
      </c>
      <c r="D11" s="280">
        <v>0</v>
      </c>
      <c r="E11" s="382">
        <v>0</v>
      </c>
      <c r="F11" s="279">
        <v>0</v>
      </c>
      <c r="G11" s="280">
        <v>24</v>
      </c>
      <c r="H11" s="280">
        <v>36</v>
      </c>
      <c r="I11" s="280">
        <v>21</v>
      </c>
      <c r="J11" s="280">
        <v>18</v>
      </c>
      <c r="K11" s="280">
        <v>8</v>
      </c>
      <c r="L11" s="281">
        <v>107</v>
      </c>
      <c r="M11" s="282">
        <v>107</v>
      </c>
      <c r="N11" s="276">
        <v>0</v>
      </c>
      <c r="O11" s="280">
        <v>0</v>
      </c>
      <c r="P11" s="277">
        <v>0</v>
      </c>
      <c r="Q11" s="279">
        <v>0</v>
      </c>
      <c r="R11" s="280">
        <v>0</v>
      </c>
      <c r="S11" s="280">
        <v>2</v>
      </c>
      <c r="T11" s="280">
        <v>2</v>
      </c>
      <c r="U11" s="280">
        <v>2</v>
      </c>
      <c r="V11" s="280">
        <v>5</v>
      </c>
      <c r="W11" s="277">
        <v>11</v>
      </c>
      <c r="X11" s="282">
        <v>11</v>
      </c>
      <c r="Y11" s="276">
        <v>4</v>
      </c>
      <c r="Z11" s="280">
        <v>5</v>
      </c>
      <c r="AA11" s="277">
        <v>9</v>
      </c>
      <c r="AB11" s="279">
        <v>0</v>
      </c>
      <c r="AC11" s="280">
        <v>22</v>
      </c>
      <c r="AD11" s="280">
        <v>25</v>
      </c>
      <c r="AE11" s="280">
        <v>26</v>
      </c>
      <c r="AF11" s="280">
        <v>18</v>
      </c>
      <c r="AG11" s="280">
        <v>13</v>
      </c>
      <c r="AH11" s="277">
        <v>104</v>
      </c>
      <c r="AI11" s="282">
        <v>113</v>
      </c>
      <c r="AJ11" s="276">
        <v>0</v>
      </c>
      <c r="AK11" s="280">
        <v>2</v>
      </c>
      <c r="AL11" s="277">
        <v>2</v>
      </c>
      <c r="AM11" s="279">
        <v>0</v>
      </c>
      <c r="AN11" s="280">
        <v>3</v>
      </c>
      <c r="AO11" s="280">
        <v>4</v>
      </c>
      <c r="AP11" s="280">
        <v>4</v>
      </c>
      <c r="AQ11" s="280">
        <v>3</v>
      </c>
      <c r="AR11" s="280">
        <v>0</v>
      </c>
      <c r="AS11" s="277">
        <v>14</v>
      </c>
      <c r="AT11" s="282">
        <v>16</v>
      </c>
      <c r="AU11" s="276">
        <v>8</v>
      </c>
      <c r="AV11" s="280">
        <v>5</v>
      </c>
      <c r="AW11" s="277">
        <v>13</v>
      </c>
      <c r="AX11" s="279">
        <v>0</v>
      </c>
      <c r="AY11" s="280">
        <v>35</v>
      </c>
      <c r="AZ11" s="280">
        <v>36</v>
      </c>
      <c r="BA11" s="280">
        <v>39</v>
      </c>
      <c r="BB11" s="280">
        <v>25</v>
      </c>
      <c r="BC11" s="280">
        <v>21</v>
      </c>
      <c r="BD11" s="281">
        <v>156</v>
      </c>
      <c r="BE11" s="282">
        <v>169</v>
      </c>
      <c r="BF11" s="276">
        <v>0</v>
      </c>
      <c r="BG11" s="280">
        <v>0</v>
      </c>
      <c r="BH11" s="277">
        <v>0</v>
      </c>
      <c r="BI11" s="279">
        <v>0</v>
      </c>
      <c r="BJ11" s="280">
        <v>30</v>
      </c>
      <c r="BK11" s="280">
        <v>33</v>
      </c>
      <c r="BL11" s="280">
        <v>22</v>
      </c>
      <c r="BM11" s="280">
        <v>12</v>
      </c>
      <c r="BN11" s="280">
        <v>5</v>
      </c>
      <c r="BO11" s="277">
        <v>102</v>
      </c>
      <c r="BP11" s="282">
        <v>102</v>
      </c>
      <c r="BQ11" s="276">
        <v>7</v>
      </c>
      <c r="BR11" s="280">
        <v>3</v>
      </c>
      <c r="BS11" s="277">
        <v>10</v>
      </c>
      <c r="BT11" s="279">
        <v>0</v>
      </c>
      <c r="BU11" s="280">
        <v>9</v>
      </c>
      <c r="BV11" s="280">
        <v>10</v>
      </c>
      <c r="BW11" s="280">
        <v>6</v>
      </c>
      <c r="BX11" s="280">
        <v>3</v>
      </c>
      <c r="BY11" s="280">
        <v>0</v>
      </c>
      <c r="BZ11" s="277">
        <v>28</v>
      </c>
      <c r="CA11" s="282">
        <v>38</v>
      </c>
      <c r="CB11" s="276">
        <v>1</v>
      </c>
      <c r="CC11" s="280">
        <v>0</v>
      </c>
      <c r="CD11" s="277">
        <v>1</v>
      </c>
      <c r="CE11" s="279">
        <v>0</v>
      </c>
      <c r="CF11" s="280">
        <v>4</v>
      </c>
      <c r="CG11" s="280">
        <v>5</v>
      </c>
      <c r="CH11" s="280">
        <v>10</v>
      </c>
      <c r="CI11" s="280">
        <v>2</v>
      </c>
      <c r="CJ11" s="280">
        <v>3</v>
      </c>
      <c r="CK11" s="277">
        <v>24</v>
      </c>
      <c r="CL11" s="282">
        <v>25</v>
      </c>
      <c r="CM11" s="276">
        <v>0</v>
      </c>
      <c r="CN11" s="280">
        <v>0</v>
      </c>
      <c r="CO11" s="277">
        <v>0</v>
      </c>
      <c r="CP11" s="279">
        <v>0</v>
      </c>
      <c r="CQ11" s="280">
        <v>0</v>
      </c>
      <c r="CR11" s="280">
        <v>0</v>
      </c>
      <c r="CS11" s="280">
        <v>1</v>
      </c>
      <c r="CT11" s="280">
        <v>0</v>
      </c>
      <c r="CU11" s="280">
        <v>0</v>
      </c>
      <c r="CV11" s="277">
        <v>1</v>
      </c>
      <c r="CW11" s="282">
        <v>1</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20</v>
      </c>
      <c r="DU11" s="280">
        <v>21</v>
      </c>
      <c r="DV11" s="277">
        <v>41</v>
      </c>
      <c r="DW11" s="279">
        <v>0</v>
      </c>
      <c r="DX11" s="280">
        <v>62</v>
      </c>
      <c r="DY11" s="280">
        <v>93</v>
      </c>
      <c r="DZ11" s="280">
        <v>60</v>
      </c>
      <c r="EA11" s="280">
        <v>34</v>
      </c>
      <c r="EB11" s="280">
        <v>18</v>
      </c>
      <c r="EC11" s="277">
        <v>267</v>
      </c>
      <c r="ED11" s="282">
        <v>308</v>
      </c>
      <c r="EE11" s="276">
        <v>8</v>
      </c>
      <c r="EF11" s="280">
        <v>2</v>
      </c>
      <c r="EG11" s="277">
        <v>10</v>
      </c>
      <c r="EH11" s="279">
        <v>0</v>
      </c>
      <c r="EI11" s="280">
        <v>12</v>
      </c>
      <c r="EJ11" s="280">
        <v>11</v>
      </c>
      <c r="EK11" s="280">
        <v>9</v>
      </c>
      <c r="EL11" s="280">
        <v>4</v>
      </c>
      <c r="EM11" s="280">
        <v>8</v>
      </c>
      <c r="EN11" s="277">
        <v>44</v>
      </c>
      <c r="EO11" s="282">
        <v>54</v>
      </c>
      <c r="EP11" s="276">
        <v>30</v>
      </c>
      <c r="EQ11" s="280">
        <v>27</v>
      </c>
      <c r="ER11" s="277">
        <v>57</v>
      </c>
      <c r="ES11" s="279">
        <v>0</v>
      </c>
      <c r="ET11" s="280">
        <v>116</v>
      </c>
      <c r="EU11" s="280">
        <v>114</v>
      </c>
      <c r="EV11" s="280">
        <v>68</v>
      </c>
      <c r="EW11" s="280">
        <v>34</v>
      </c>
      <c r="EX11" s="280">
        <v>20</v>
      </c>
      <c r="EY11" s="277">
        <v>352</v>
      </c>
      <c r="EZ11" s="282">
        <v>409</v>
      </c>
    </row>
    <row r="12" spans="2:156" ht="21" customHeight="1" x14ac:dyDescent="0.2">
      <c r="B12" s="261" t="s">
        <v>9</v>
      </c>
      <c r="C12" s="276">
        <v>0</v>
      </c>
      <c r="D12" s="280">
        <v>0</v>
      </c>
      <c r="E12" s="382">
        <v>0</v>
      </c>
      <c r="F12" s="279">
        <v>0</v>
      </c>
      <c r="G12" s="280">
        <v>48</v>
      </c>
      <c r="H12" s="280">
        <v>45</v>
      </c>
      <c r="I12" s="280">
        <v>38</v>
      </c>
      <c r="J12" s="280">
        <v>30</v>
      </c>
      <c r="K12" s="280">
        <v>19</v>
      </c>
      <c r="L12" s="281">
        <v>180</v>
      </c>
      <c r="M12" s="282">
        <v>180</v>
      </c>
      <c r="N12" s="276">
        <v>0</v>
      </c>
      <c r="O12" s="280">
        <v>0</v>
      </c>
      <c r="P12" s="277">
        <v>0</v>
      </c>
      <c r="Q12" s="279">
        <v>0</v>
      </c>
      <c r="R12" s="280">
        <v>0</v>
      </c>
      <c r="S12" s="280">
        <v>3</v>
      </c>
      <c r="T12" s="280">
        <v>2</v>
      </c>
      <c r="U12" s="280">
        <v>4</v>
      </c>
      <c r="V12" s="280">
        <v>7</v>
      </c>
      <c r="W12" s="277">
        <v>16</v>
      </c>
      <c r="X12" s="282">
        <v>16</v>
      </c>
      <c r="Y12" s="276">
        <v>3</v>
      </c>
      <c r="Z12" s="280">
        <v>7</v>
      </c>
      <c r="AA12" s="277">
        <v>10</v>
      </c>
      <c r="AB12" s="279">
        <v>0</v>
      </c>
      <c r="AC12" s="280">
        <v>47</v>
      </c>
      <c r="AD12" s="280">
        <v>29</v>
      </c>
      <c r="AE12" s="280">
        <v>32</v>
      </c>
      <c r="AF12" s="280">
        <v>29</v>
      </c>
      <c r="AG12" s="280">
        <v>16</v>
      </c>
      <c r="AH12" s="277">
        <v>153</v>
      </c>
      <c r="AI12" s="282">
        <v>163</v>
      </c>
      <c r="AJ12" s="276">
        <v>0</v>
      </c>
      <c r="AK12" s="280">
        <v>0</v>
      </c>
      <c r="AL12" s="277">
        <v>0</v>
      </c>
      <c r="AM12" s="279">
        <v>0</v>
      </c>
      <c r="AN12" s="280">
        <v>0</v>
      </c>
      <c r="AO12" s="280">
        <v>6</v>
      </c>
      <c r="AP12" s="280">
        <v>5</v>
      </c>
      <c r="AQ12" s="280">
        <v>5</v>
      </c>
      <c r="AR12" s="280">
        <v>2</v>
      </c>
      <c r="AS12" s="277">
        <v>18</v>
      </c>
      <c r="AT12" s="282">
        <v>18</v>
      </c>
      <c r="AU12" s="276">
        <v>13</v>
      </c>
      <c r="AV12" s="280">
        <v>8</v>
      </c>
      <c r="AW12" s="277">
        <v>21</v>
      </c>
      <c r="AX12" s="279">
        <v>0</v>
      </c>
      <c r="AY12" s="280">
        <v>53</v>
      </c>
      <c r="AZ12" s="280">
        <v>40</v>
      </c>
      <c r="BA12" s="280">
        <v>60</v>
      </c>
      <c r="BB12" s="280">
        <v>46</v>
      </c>
      <c r="BC12" s="280">
        <v>29</v>
      </c>
      <c r="BD12" s="281">
        <v>228</v>
      </c>
      <c r="BE12" s="282">
        <v>249</v>
      </c>
      <c r="BF12" s="276">
        <v>0</v>
      </c>
      <c r="BG12" s="280">
        <v>0</v>
      </c>
      <c r="BH12" s="277">
        <v>0</v>
      </c>
      <c r="BI12" s="279">
        <v>0</v>
      </c>
      <c r="BJ12" s="280">
        <v>41</v>
      </c>
      <c r="BK12" s="280">
        <v>41</v>
      </c>
      <c r="BL12" s="280">
        <v>26</v>
      </c>
      <c r="BM12" s="280">
        <v>15</v>
      </c>
      <c r="BN12" s="280">
        <v>3</v>
      </c>
      <c r="BO12" s="277">
        <v>126</v>
      </c>
      <c r="BP12" s="282">
        <v>126</v>
      </c>
      <c r="BQ12" s="276">
        <v>1</v>
      </c>
      <c r="BR12" s="280">
        <v>4</v>
      </c>
      <c r="BS12" s="277">
        <v>5</v>
      </c>
      <c r="BT12" s="279">
        <v>0</v>
      </c>
      <c r="BU12" s="280">
        <v>20</v>
      </c>
      <c r="BV12" s="280">
        <v>16</v>
      </c>
      <c r="BW12" s="280">
        <v>14</v>
      </c>
      <c r="BX12" s="280">
        <v>8</v>
      </c>
      <c r="BY12" s="280">
        <v>2</v>
      </c>
      <c r="BZ12" s="277">
        <v>60</v>
      </c>
      <c r="CA12" s="282">
        <v>65</v>
      </c>
      <c r="CB12" s="276">
        <v>0</v>
      </c>
      <c r="CC12" s="280">
        <v>0</v>
      </c>
      <c r="CD12" s="277">
        <v>0</v>
      </c>
      <c r="CE12" s="279">
        <v>0</v>
      </c>
      <c r="CF12" s="280">
        <v>11</v>
      </c>
      <c r="CG12" s="280">
        <v>5</v>
      </c>
      <c r="CH12" s="280">
        <v>10</v>
      </c>
      <c r="CI12" s="280">
        <v>8</v>
      </c>
      <c r="CJ12" s="280">
        <v>3</v>
      </c>
      <c r="CK12" s="277">
        <v>37</v>
      </c>
      <c r="CL12" s="282">
        <v>37</v>
      </c>
      <c r="CM12" s="276">
        <v>0</v>
      </c>
      <c r="CN12" s="280">
        <v>0</v>
      </c>
      <c r="CO12" s="277">
        <v>0</v>
      </c>
      <c r="CP12" s="279">
        <v>0</v>
      </c>
      <c r="CQ12" s="280">
        <v>0</v>
      </c>
      <c r="CR12" s="280">
        <v>2</v>
      </c>
      <c r="CS12" s="280">
        <v>4</v>
      </c>
      <c r="CT12" s="280">
        <v>1</v>
      </c>
      <c r="CU12" s="280">
        <v>0</v>
      </c>
      <c r="CV12" s="277">
        <v>7</v>
      </c>
      <c r="CW12" s="282">
        <v>7</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8</v>
      </c>
      <c r="DU12" s="280">
        <v>32</v>
      </c>
      <c r="DV12" s="277">
        <v>60</v>
      </c>
      <c r="DW12" s="279">
        <v>0</v>
      </c>
      <c r="DX12" s="280">
        <v>82</v>
      </c>
      <c r="DY12" s="280">
        <v>86</v>
      </c>
      <c r="DZ12" s="280">
        <v>79</v>
      </c>
      <c r="EA12" s="280">
        <v>50</v>
      </c>
      <c r="EB12" s="280">
        <v>29</v>
      </c>
      <c r="EC12" s="277">
        <v>326</v>
      </c>
      <c r="ED12" s="282">
        <v>386</v>
      </c>
      <c r="EE12" s="276">
        <v>10</v>
      </c>
      <c r="EF12" s="280">
        <v>2</v>
      </c>
      <c r="EG12" s="277">
        <v>12</v>
      </c>
      <c r="EH12" s="279">
        <v>0</v>
      </c>
      <c r="EI12" s="280">
        <v>16</v>
      </c>
      <c r="EJ12" s="280">
        <v>13</v>
      </c>
      <c r="EK12" s="280">
        <v>15</v>
      </c>
      <c r="EL12" s="280">
        <v>12</v>
      </c>
      <c r="EM12" s="280">
        <v>10</v>
      </c>
      <c r="EN12" s="277">
        <v>66</v>
      </c>
      <c r="EO12" s="282">
        <v>78</v>
      </c>
      <c r="EP12" s="276">
        <v>29</v>
      </c>
      <c r="EQ12" s="280">
        <v>40</v>
      </c>
      <c r="ER12" s="277">
        <v>69</v>
      </c>
      <c r="ES12" s="279">
        <v>0</v>
      </c>
      <c r="ET12" s="280">
        <v>151</v>
      </c>
      <c r="EU12" s="280">
        <v>119</v>
      </c>
      <c r="EV12" s="280">
        <v>86</v>
      </c>
      <c r="EW12" s="280">
        <v>54</v>
      </c>
      <c r="EX12" s="280">
        <v>28</v>
      </c>
      <c r="EY12" s="277">
        <v>438</v>
      </c>
      <c r="EZ12" s="282">
        <v>507</v>
      </c>
    </row>
    <row r="13" spans="2:156" ht="21" customHeight="1" x14ac:dyDescent="0.2">
      <c r="B13" s="261" t="s">
        <v>10</v>
      </c>
      <c r="C13" s="276">
        <v>0</v>
      </c>
      <c r="D13" s="280">
        <v>0</v>
      </c>
      <c r="E13" s="382">
        <v>0</v>
      </c>
      <c r="F13" s="279">
        <v>0</v>
      </c>
      <c r="G13" s="280">
        <v>91</v>
      </c>
      <c r="H13" s="280">
        <v>54</v>
      </c>
      <c r="I13" s="280">
        <v>34</v>
      </c>
      <c r="J13" s="280">
        <v>37</v>
      </c>
      <c r="K13" s="280">
        <v>16</v>
      </c>
      <c r="L13" s="281">
        <v>232</v>
      </c>
      <c r="M13" s="282">
        <v>232</v>
      </c>
      <c r="N13" s="276">
        <v>0</v>
      </c>
      <c r="O13" s="280">
        <v>0</v>
      </c>
      <c r="P13" s="277">
        <v>0</v>
      </c>
      <c r="Q13" s="279">
        <v>0</v>
      </c>
      <c r="R13" s="280">
        <v>1</v>
      </c>
      <c r="S13" s="280">
        <v>1</v>
      </c>
      <c r="T13" s="280">
        <v>3</v>
      </c>
      <c r="U13" s="280">
        <v>12</v>
      </c>
      <c r="V13" s="280">
        <v>12</v>
      </c>
      <c r="W13" s="277">
        <v>29</v>
      </c>
      <c r="X13" s="282">
        <v>29</v>
      </c>
      <c r="Y13" s="276">
        <v>16</v>
      </c>
      <c r="Z13" s="280">
        <v>19</v>
      </c>
      <c r="AA13" s="277">
        <v>35</v>
      </c>
      <c r="AB13" s="279">
        <v>0</v>
      </c>
      <c r="AC13" s="280">
        <v>55</v>
      </c>
      <c r="AD13" s="280">
        <v>36</v>
      </c>
      <c r="AE13" s="280">
        <v>26</v>
      </c>
      <c r="AF13" s="280">
        <v>28</v>
      </c>
      <c r="AG13" s="280">
        <v>12</v>
      </c>
      <c r="AH13" s="277">
        <v>157</v>
      </c>
      <c r="AI13" s="282">
        <v>192</v>
      </c>
      <c r="AJ13" s="276">
        <v>3</v>
      </c>
      <c r="AK13" s="280">
        <v>1</v>
      </c>
      <c r="AL13" s="277">
        <v>4</v>
      </c>
      <c r="AM13" s="279">
        <v>0</v>
      </c>
      <c r="AN13" s="280">
        <v>9</v>
      </c>
      <c r="AO13" s="280">
        <v>6</v>
      </c>
      <c r="AP13" s="280">
        <v>3</v>
      </c>
      <c r="AQ13" s="280">
        <v>5</v>
      </c>
      <c r="AR13" s="280">
        <v>5</v>
      </c>
      <c r="AS13" s="277">
        <v>28</v>
      </c>
      <c r="AT13" s="282">
        <v>32</v>
      </c>
      <c r="AU13" s="276">
        <v>19</v>
      </c>
      <c r="AV13" s="280">
        <v>16</v>
      </c>
      <c r="AW13" s="277">
        <v>35</v>
      </c>
      <c r="AX13" s="279">
        <v>0</v>
      </c>
      <c r="AY13" s="280">
        <v>84</v>
      </c>
      <c r="AZ13" s="280">
        <v>73</v>
      </c>
      <c r="BA13" s="280">
        <v>63</v>
      </c>
      <c r="BB13" s="280">
        <v>69</v>
      </c>
      <c r="BC13" s="280">
        <v>47</v>
      </c>
      <c r="BD13" s="281">
        <v>336</v>
      </c>
      <c r="BE13" s="282">
        <v>371</v>
      </c>
      <c r="BF13" s="276">
        <v>0</v>
      </c>
      <c r="BG13" s="280">
        <v>0</v>
      </c>
      <c r="BH13" s="277">
        <v>0</v>
      </c>
      <c r="BI13" s="279">
        <v>0</v>
      </c>
      <c r="BJ13" s="280">
        <v>114</v>
      </c>
      <c r="BK13" s="280">
        <v>72</v>
      </c>
      <c r="BL13" s="280">
        <v>39</v>
      </c>
      <c r="BM13" s="280">
        <v>23</v>
      </c>
      <c r="BN13" s="280">
        <v>12</v>
      </c>
      <c r="BO13" s="277">
        <v>260</v>
      </c>
      <c r="BP13" s="282">
        <v>260</v>
      </c>
      <c r="BQ13" s="276">
        <v>5</v>
      </c>
      <c r="BR13" s="280">
        <v>5</v>
      </c>
      <c r="BS13" s="277">
        <v>10</v>
      </c>
      <c r="BT13" s="279">
        <v>0</v>
      </c>
      <c r="BU13" s="280">
        <v>21</v>
      </c>
      <c r="BV13" s="280">
        <v>7</v>
      </c>
      <c r="BW13" s="280">
        <v>6</v>
      </c>
      <c r="BX13" s="280">
        <v>4</v>
      </c>
      <c r="BY13" s="280">
        <v>2</v>
      </c>
      <c r="BZ13" s="277">
        <v>40</v>
      </c>
      <c r="CA13" s="282">
        <v>50</v>
      </c>
      <c r="CB13" s="276">
        <v>1</v>
      </c>
      <c r="CC13" s="280">
        <v>1</v>
      </c>
      <c r="CD13" s="277">
        <v>2</v>
      </c>
      <c r="CE13" s="279">
        <v>0</v>
      </c>
      <c r="CF13" s="280">
        <v>12</v>
      </c>
      <c r="CG13" s="280">
        <v>17</v>
      </c>
      <c r="CH13" s="280">
        <v>14</v>
      </c>
      <c r="CI13" s="280">
        <v>20</v>
      </c>
      <c r="CJ13" s="280">
        <v>6</v>
      </c>
      <c r="CK13" s="277">
        <v>69</v>
      </c>
      <c r="CL13" s="282">
        <v>71</v>
      </c>
      <c r="CM13" s="276">
        <v>0</v>
      </c>
      <c r="CN13" s="280">
        <v>0</v>
      </c>
      <c r="CO13" s="277">
        <v>0</v>
      </c>
      <c r="CP13" s="279">
        <v>0</v>
      </c>
      <c r="CQ13" s="280">
        <v>1</v>
      </c>
      <c r="CR13" s="280">
        <v>2</v>
      </c>
      <c r="CS13" s="280">
        <v>3</v>
      </c>
      <c r="CT13" s="280">
        <v>1</v>
      </c>
      <c r="CU13" s="280">
        <v>1</v>
      </c>
      <c r="CV13" s="277">
        <v>8</v>
      </c>
      <c r="CW13" s="282">
        <v>8</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62</v>
      </c>
      <c r="DU13" s="280">
        <v>82</v>
      </c>
      <c r="DV13" s="277">
        <v>144</v>
      </c>
      <c r="DW13" s="279">
        <v>0</v>
      </c>
      <c r="DX13" s="280">
        <v>130</v>
      </c>
      <c r="DY13" s="280">
        <v>106</v>
      </c>
      <c r="DZ13" s="280">
        <v>67</v>
      </c>
      <c r="EA13" s="280">
        <v>75</v>
      </c>
      <c r="EB13" s="280">
        <v>33</v>
      </c>
      <c r="EC13" s="277">
        <v>411</v>
      </c>
      <c r="ED13" s="282">
        <v>555</v>
      </c>
      <c r="EE13" s="276">
        <v>8</v>
      </c>
      <c r="EF13" s="280">
        <v>1</v>
      </c>
      <c r="EG13" s="277">
        <v>9</v>
      </c>
      <c r="EH13" s="279">
        <v>0</v>
      </c>
      <c r="EI13" s="280">
        <v>33</v>
      </c>
      <c r="EJ13" s="280">
        <v>18</v>
      </c>
      <c r="EK13" s="280">
        <v>16</v>
      </c>
      <c r="EL13" s="280">
        <v>17</v>
      </c>
      <c r="EM13" s="280">
        <v>12</v>
      </c>
      <c r="EN13" s="277">
        <v>96</v>
      </c>
      <c r="EO13" s="282">
        <v>105</v>
      </c>
      <c r="EP13" s="276">
        <v>82</v>
      </c>
      <c r="EQ13" s="280">
        <v>97</v>
      </c>
      <c r="ER13" s="277">
        <v>179</v>
      </c>
      <c r="ES13" s="279">
        <v>0</v>
      </c>
      <c r="ET13" s="280">
        <v>270</v>
      </c>
      <c r="EU13" s="280">
        <v>148</v>
      </c>
      <c r="EV13" s="280">
        <v>75</v>
      </c>
      <c r="EW13" s="280">
        <v>74</v>
      </c>
      <c r="EX13" s="280">
        <v>31</v>
      </c>
      <c r="EY13" s="277">
        <v>598</v>
      </c>
      <c r="EZ13" s="282">
        <v>777</v>
      </c>
    </row>
    <row r="14" spans="2:156" ht="21" customHeight="1" x14ac:dyDescent="0.2">
      <c r="B14" s="261" t="s">
        <v>11</v>
      </c>
      <c r="C14" s="276">
        <v>0</v>
      </c>
      <c r="D14" s="280">
        <v>0</v>
      </c>
      <c r="E14" s="382">
        <v>0</v>
      </c>
      <c r="F14" s="279">
        <v>0</v>
      </c>
      <c r="G14" s="280">
        <v>10</v>
      </c>
      <c r="H14" s="280">
        <v>20</v>
      </c>
      <c r="I14" s="280">
        <v>14</v>
      </c>
      <c r="J14" s="280">
        <v>17</v>
      </c>
      <c r="K14" s="280">
        <v>8</v>
      </c>
      <c r="L14" s="281">
        <v>69</v>
      </c>
      <c r="M14" s="282">
        <v>69</v>
      </c>
      <c r="N14" s="276">
        <v>0</v>
      </c>
      <c r="O14" s="280">
        <v>0</v>
      </c>
      <c r="P14" s="277">
        <v>0</v>
      </c>
      <c r="Q14" s="279">
        <v>0</v>
      </c>
      <c r="R14" s="280">
        <v>1</v>
      </c>
      <c r="S14" s="280">
        <v>1</v>
      </c>
      <c r="T14" s="280">
        <v>4</v>
      </c>
      <c r="U14" s="280">
        <v>4</v>
      </c>
      <c r="V14" s="280">
        <v>3</v>
      </c>
      <c r="W14" s="277">
        <v>13</v>
      </c>
      <c r="X14" s="282">
        <v>13</v>
      </c>
      <c r="Y14" s="276">
        <v>5</v>
      </c>
      <c r="Z14" s="280">
        <v>6</v>
      </c>
      <c r="AA14" s="277">
        <v>11</v>
      </c>
      <c r="AB14" s="279">
        <v>0</v>
      </c>
      <c r="AC14" s="280">
        <v>22</v>
      </c>
      <c r="AD14" s="280">
        <v>14</v>
      </c>
      <c r="AE14" s="280">
        <v>15</v>
      </c>
      <c r="AF14" s="280">
        <v>14</v>
      </c>
      <c r="AG14" s="280">
        <v>5</v>
      </c>
      <c r="AH14" s="277">
        <v>70</v>
      </c>
      <c r="AI14" s="282">
        <v>81</v>
      </c>
      <c r="AJ14" s="276">
        <v>0</v>
      </c>
      <c r="AK14" s="280">
        <v>2</v>
      </c>
      <c r="AL14" s="277">
        <v>2</v>
      </c>
      <c r="AM14" s="279">
        <v>0</v>
      </c>
      <c r="AN14" s="280">
        <v>2</v>
      </c>
      <c r="AO14" s="280">
        <v>1</v>
      </c>
      <c r="AP14" s="280">
        <v>0</v>
      </c>
      <c r="AQ14" s="280">
        <v>3</v>
      </c>
      <c r="AR14" s="280">
        <v>1</v>
      </c>
      <c r="AS14" s="277">
        <v>7</v>
      </c>
      <c r="AT14" s="282">
        <v>9</v>
      </c>
      <c r="AU14" s="276">
        <v>4</v>
      </c>
      <c r="AV14" s="280">
        <v>5</v>
      </c>
      <c r="AW14" s="277">
        <v>9</v>
      </c>
      <c r="AX14" s="279">
        <v>0</v>
      </c>
      <c r="AY14" s="280">
        <v>21</v>
      </c>
      <c r="AZ14" s="280">
        <v>30</v>
      </c>
      <c r="BA14" s="280">
        <v>25</v>
      </c>
      <c r="BB14" s="280">
        <v>27</v>
      </c>
      <c r="BC14" s="280">
        <v>15</v>
      </c>
      <c r="BD14" s="281">
        <v>118</v>
      </c>
      <c r="BE14" s="282">
        <v>127</v>
      </c>
      <c r="BF14" s="276">
        <v>0</v>
      </c>
      <c r="BG14" s="280">
        <v>0</v>
      </c>
      <c r="BH14" s="277">
        <v>0</v>
      </c>
      <c r="BI14" s="279">
        <v>0</v>
      </c>
      <c r="BJ14" s="280">
        <v>37</v>
      </c>
      <c r="BK14" s="280">
        <v>19</v>
      </c>
      <c r="BL14" s="280">
        <v>17</v>
      </c>
      <c r="BM14" s="280">
        <v>10</v>
      </c>
      <c r="BN14" s="280">
        <v>1</v>
      </c>
      <c r="BO14" s="277">
        <v>84</v>
      </c>
      <c r="BP14" s="282">
        <v>84</v>
      </c>
      <c r="BQ14" s="276">
        <v>8</v>
      </c>
      <c r="BR14" s="280">
        <v>2</v>
      </c>
      <c r="BS14" s="277">
        <v>10</v>
      </c>
      <c r="BT14" s="279">
        <v>0</v>
      </c>
      <c r="BU14" s="280">
        <v>20</v>
      </c>
      <c r="BV14" s="280">
        <v>13</v>
      </c>
      <c r="BW14" s="280">
        <v>5</v>
      </c>
      <c r="BX14" s="280">
        <v>8</v>
      </c>
      <c r="BY14" s="280">
        <v>1</v>
      </c>
      <c r="BZ14" s="277">
        <v>47</v>
      </c>
      <c r="CA14" s="282">
        <v>57</v>
      </c>
      <c r="CB14" s="276">
        <v>0</v>
      </c>
      <c r="CC14" s="280">
        <v>0</v>
      </c>
      <c r="CD14" s="277">
        <v>0</v>
      </c>
      <c r="CE14" s="279">
        <v>0</v>
      </c>
      <c r="CF14" s="280">
        <v>6</v>
      </c>
      <c r="CG14" s="280">
        <v>6</v>
      </c>
      <c r="CH14" s="280">
        <v>7</v>
      </c>
      <c r="CI14" s="280">
        <v>2</v>
      </c>
      <c r="CJ14" s="280">
        <v>0</v>
      </c>
      <c r="CK14" s="277">
        <v>21</v>
      </c>
      <c r="CL14" s="282">
        <v>21</v>
      </c>
      <c r="CM14" s="276">
        <v>0</v>
      </c>
      <c r="CN14" s="280">
        <v>0</v>
      </c>
      <c r="CO14" s="277">
        <v>0</v>
      </c>
      <c r="CP14" s="279">
        <v>0</v>
      </c>
      <c r="CQ14" s="280">
        <v>1</v>
      </c>
      <c r="CR14" s="280">
        <v>1</v>
      </c>
      <c r="CS14" s="280">
        <v>1</v>
      </c>
      <c r="CT14" s="280">
        <v>0</v>
      </c>
      <c r="CU14" s="280">
        <v>0</v>
      </c>
      <c r="CV14" s="277">
        <v>3</v>
      </c>
      <c r="CW14" s="282">
        <v>3</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9</v>
      </c>
      <c r="DU14" s="280">
        <v>33</v>
      </c>
      <c r="DV14" s="277">
        <v>52</v>
      </c>
      <c r="DW14" s="279">
        <v>0</v>
      </c>
      <c r="DX14" s="280">
        <v>50</v>
      </c>
      <c r="DY14" s="280">
        <v>50</v>
      </c>
      <c r="DZ14" s="280">
        <v>32</v>
      </c>
      <c r="EA14" s="280">
        <v>32</v>
      </c>
      <c r="EB14" s="280">
        <v>12</v>
      </c>
      <c r="EC14" s="277">
        <v>176</v>
      </c>
      <c r="ED14" s="282">
        <v>228</v>
      </c>
      <c r="EE14" s="276">
        <v>1</v>
      </c>
      <c r="EF14" s="280">
        <v>2</v>
      </c>
      <c r="EG14" s="277">
        <v>3</v>
      </c>
      <c r="EH14" s="279">
        <v>0</v>
      </c>
      <c r="EI14" s="280">
        <v>17</v>
      </c>
      <c r="EJ14" s="280">
        <v>11</v>
      </c>
      <c r="EK14" s="280">
        <v>9</v>
      </c>
      <c r="EL14" s="280">
        <v>14</v>
      </c>
      <c r="EM14" s="280">
        <v>4</v>
      </c>
      <c r="EN14" s="277">
        <v>55</v>
      </c>
      <c r="EO14" s="282">
        <v>58</v>
      </c>
      <c r="EP14" s="276">
        <v>29</v>
      </c>
      <c r="EQ14" s="280">
        <v>37</v>
      </c>
      <c r="ER14" s="277">
        <v>66</v>
      </c>
      <c r="ES14" s="279">
        <v>0</v>
      </c>
      <c r="ET14" s="280">
        <v>97</v>
      </c>
      <c r="EU14" s="280">
        <v>66</v>
      </c>
      <c r="EV14" s="280">
        <v>44</v>
      </c>
      <c r="EW14" s="280">
        <v>32</v>
      </c>
      <c r="EX14" s="280">
        <v>12</v>
      </c>
      <c r="EY14" s="277">
        <v>251</v>
      </c>
      <c r="EZ14" s="282">
        <v>317</v>
      </c>
    </row>
    <row r="15" spans="2:156" ht="21" customHeight="1" x14ac:dyDescent="0.2">
      <c r="B15" s="261" t="s">
        <v>12</v>
      </c>
      <c r="C15" s="276">
        <v>0</v>
      </c>
      <c r="D15" s="280">
        <v>0</v>
      </c>
      <c r="E15" s="382">
        <v>0</v>
      </c>
      <c r="F15" s="279">
        <v>0</v>
      </c>
      <c r="G15" s="280">
        <v>35</v>
      </c>
      <c r="H15" s="280">
        <v>31</v>
      </c>
      <c r="I15" s="280">
        <v>15</v>
      </c>
      <c r="J15" s="280">
        <v>25</v>
      </c>
      <c r="K15" s="280">
        <v>11</v>
      </c>
      <c r="L15" s="281">
        <v>117</v>
      </c>
      <c r="M15" s="282">
        <v>117</v>
      </c>
      <c r="N15" s="276">
        <v>0</v>
      </c>
      <c r="O15" s="280">
        <v>0</v>
      </c>
      <c r="P15" s="277">
        <v>0</v>
      </c>
      <c r="Q15" s="279">
        <v>0</v>
      </c>
      <c r="R15" s="280">
        <v>0</v>
      </c>
      <c r="S15" s="280">
        <v>1</v>
      </c>
      <c r="T15" s="280">
        <v>2</v>
      </c>
      <c r="U15" s="280">
        <v>3</v>
      </c>
      <c r="V15" s="280">
        <v>4</v>
      </c>
      <c r="W15" s="277">
        <v>10</v>
      </c>
      <c r="X15" s="282">
        <v>10</v>
      </c>
      <c r="Y15" s="276">
        <v>18</v>
      </c>
      <c r="Z15" s="280">
        <v>19</v>
      </c>
      <c r="AA15" s="277">
        <v>37</v>
      </c>
      <c r="AB15" s="279">
        <v>0</v>
      </c>
      <c r="AC15" s="280">
        <v>21</v>
      </c>
      <c r="AD15" s="280">
        <v>38</v>
      </c>
      <c r="AE15" s="280">
        <v>19</v>
      </c>
      <c r="AF15" s="280">
        <v>17</v>
      </c>
      <c r="AG15" s="280">
        <v>12</v>
      </c>
      <c r="AH15" s="277">
        <v>107</v>
      </c>
      <c r="AI15" s="282">
        <v>144</v>
      </c>
      <c r="AJ15" s="276">
        <v>0</v>
      </c>
      <c r="AK15" s="280">
        <v>0</v>
      </c>
      <c r="AL15" s="277">
        <v>0</v>
      </c>
      <c r="AM15" s="279">
        <v>0</v>
      </c>
      <c r="AN15" s="280">
        <v>2</v>
      </c>
      <c r="AO15" s="280">
        <v>5</v>
      </c>
      <c r="AP15" s="280">
        <v>1</v>
      </c>
      <c r="AQ15" s="280">
        <v>1</v>
      </c>
      <c r="AR15" s="280">
        <v>0</v>
      </c>
      <c r="AS15" s="277">
        <v>9</v>
      </c>
      <c r="AT15" s="282">
        <v>9</v>
      </c>
      <c r="AU15" s="276">
        <v>6</v>
      </c>
      <c r="AV15" s="280">
        <v>8</v>
      </c>
      <c r="AW15" s="277">
        <v>14</v>
      </c>
      <c r="AX15" s="279">
        <v>0</v>
      </c>
      <c r="AY15" s="280">
        <v>20</v>
      </c>
      <c r="AZ15" s="280">
        <v>37</v>
      </c>
      <c r="BA15" s="280">
        <v>27</v>
      </c>
      <c r="BB15" s="280">
        <v>34</v>
      </c>
      <c r="BC15" s="280">
        <v>18</v>
      </c>
      <c r="BD15" s="281">
        <v>136</v>
      </c>
      <c r="BE15" s="282">
        <v>150</v>
      </c>
      <c r="BF15" s="276">
        <v>0</v>
      </c>
      <c r="BG15" s="280">
        <v>0</v>
      </c>
      <c r="BH15" s="277">
        <v>0</v>
      </c>
      <c r="BI15" s="279">
        <v>0</v>
      </c>
      <c r="BJ15" s="280">
        <v>54</v>
      </c>
      <c r="BK15" s="280">
        <v>31</v>
      </c>
      <c r="BL15" s="280">
        <v>15</v>
      </c>
      <c r="BM15" s="280">
        <v>12</v>
      </c>
      <c r="BN15" s="280">
        <v>0</v>
      </c>
      <c r="BO15" s="277">
        <v>112</v>
      </c>
      <c r="BP15" s="282">
        <v>112</v>
      </c>
      <c r="BQ15" s="276">
        <v>12</v>
      </c>
      <c r="BR15" s="280">
        <v>8</v>
      </c>
      <c r="BS15" s="277">
        <v>20</v>
      </c>
      <c r="BT15" s="279">
        <v>0</v>
      </c>
      <c r="BU15" s="280">
        <v>7</v>
      </c>
      <c r="BV15" s="280">
        <v>13</v>
      </c>
      <c r="BW15" s="280">
        <v>11</v>
      </c>
      <c r="BX15" s="280">
        <v>9</v>
      </c>
      <c r="BY15" s="280">
        <v>2</v>
      </c>
      <c r="BZ15" s="277">
        <v>42</v>
      </c>
      <c r="CA15" s="282">
        <v>62</v>
      </c>
      <c r="CB15" s="276">
        <v>2</v>
      </c>
      <c r="CC15" s="280">
        <v>2</v>
      </c>
      <c r="CD15" s="277">
        <v>4</v>
      </c>
      <c r="CE15" s="279">
        <v>0</v>
      </c>
      <c r="CF15" s="280">
        <v>12</v>
      </c>
      <c r="CG15" s="280">
        <v>7</v>
      </c>
      <c r="CH15" s="280">
        <v>7</v>
      </c>
      <c r="CI15" s="280">
        <v>5</v>
      </c>
      <c r="CJ15" s="280">
        <v>1</v>
      </c>
      <c r="CK15" s="277">
        <v>32</v>
      </c>
      <c r="CL15" s="282">
        <v>36</v>
      </c>
      <c r="CM15" s="276">
        <v>0</v>
      </c>
      <c r="CN15" s="280">
        <v>0</v>
      </c>
      <c r="CO15" s="277">
        <v>0</v>
      </c>
      <c r="CP15" s="279">
        <v>0</v>
      </c>
      <c r="CQ15" s="280">
        <v>0</v>
      </c>
      <c r="CR15" s="280">
        <v>1</v>
      </c>
      <c r="CS15" s="280">
        <v>1</v>
      </c>
      <c r="CT15" s="280">
        <v>0</v>
      </c>
      <c r="CU15" s="280">
        <v>0</v>
      </c>
      <c r="CV15" s="277">
        <v>2</v>
      </c>
      <c r="CW15" s="282">
        <v>2</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19</v>
      </c>
      <c r="DU15" s="280">
        <v>49</v>
      </c>
      <c r="DV15" s="277">
        <v>68</v>
      </c>
      <c r="DW15" s="279">
        <v>0</v>
      </c>
      <c r="DX15" s="280">
        <v>38</v>
      </c>
      <c r="DY15" s="280">
        <v>87</v>
      </c>
      <c r="DZ15" s="280">
        <v>48</v>
      </c>
      <c r="EA15" s="280">
        <v>45</v>
      </c>
      <c r="EB15" s="280">
        <v>18</v>
      </c>
      <c r="EC15" s="277">
        <v>236</v>
      </c>
      <c r="ED15" s="282">
        <v>304</v>
      </c>
      <c r="EE15" s="276">
        <v>2</v>
      </c>
      <c r="EF15" s="280">
        <v>5</v>
      </c>
      <c r="EG15" s="277">
        <v>7</v>
      </c>
      <c r="EH15" s="279">
        <v>0</v>
      </c>
      <c r="EI15" s="280">
        <v>7</v>
      </c>
      <c r="EJ15" s="280">
        <v>8</v>
      </c>
      <c r="EK15" s="280">
        <v>10</v>
      </c>
      <c r="EL15" s="280">
        <v>10</v>
      </c>
      <c r="EM15" s="280">
        <v>7</v>
      </c>
      <c r="EN15" s="277">
        <v>42</v>
      </c>
      <c r="EO15" s="282">
        <v>49</v>
      </c>
      <c r="EP15" s="276">
        <v>46</v>
      </c>
      <c r="EQ15" s="280">
        <v>68</v>
      </c>
      <c r="ER15" s="277">
        <v>114</v>
      </c>
      <c r="ES15" s="279">
        <v>0</v>
      </c>
      <c r="ET15" s="280">
        <v>113</v>
      </c>
      <c r="EU15" s="280">
        <v>94</v>
      </c>
      <c r="EV15" s="280">
        <v>52</v>
      </c>
      <c r="EW15" s="280">
        <v>42</v>
      </c>
      <c r="EX15" s="280">
        <v>17</v>
      </c>
      <c r="EY15" s="277">
        <v>318</v>
      </c>
      <c r="EZ15" s="282">
        <v>432</v>
      </c>
    </row>
    <row r="16" spans="2:156" ht="21" customHeight="1" x14ac:dyDescent="0.2">
      <c r="B16" s="261" t="s">
        <v>13</v>
      </c>
      <c r="C16" s="276">
        <v>0</v>
      </c>
      <c r="D16" s="280">
        <v>0</v>
      </c>
      <c r="E16" s="382">
        <v>0</v>
      </c>
      <c r="F16" s="279">
        <v>0</v>
      </c>
      <c r="G16" s="280">
        <v>19</v>
      </c>
      <c r="H16" s="280">
        <v>18</v>
      </c>
      <c r="I16" s="280">
        <v>10</v>
      </c>
      <c r="J16" s="280">
        <v>10</v>
      </c>
      <c r="K16" s="280">
        <v>10</v>
      </c>
      <c r="L16" s="281">
        <v>67</v>
      </c>
      <c r="M16" s="282">
        <v>67</v>
      </c>
      <c r="N16" s="276">
        <v>0</v>
      </c>
      <c r="O16" s="280">
        <v>0</v>
      </c>
      <c r="P16" s="277">
        <v>0</v>
      </c>
      <c r="Q16" s="279">
        <v>0</v>
      </c>
      <c r="R16" s="280">
        <v>0</v>
      </c>
      <c r="S16" s="280">
        <v>0</v>
      </c>
      <c r="T16" s="280">
        <v>1</v>
      </c>
      <c r="U16" s="280">
        <v>1</v>
      </c>
      <c r="V16" s="280">
        <v>6</v>
      </c>
      <c r="W16" s="277">
        <v>8</v>
      </c>
      <c r="X16" s="282">
        <v>8</v>
      </c>
      <c r="Y16" s="276">
        <v>1</v>
      </c>
      <c r="Z16" s="280">
        <v>2</v>
      </c>
      <c r="AA16" s="277">
        <v>3</v>
      </c>
      <c r="AB16" s="279">
        <v>0</v>
      </c>
      <c r="AC16" s="280">
        <v>10</v>
      </c>
      <c r="AD16" s="280">
        <v>11</v>
      </c>
      <c r="AE16" s="280">
        <v>10</v>
      </c>
      <c r="AF16" s="280">
        <v>6</v>
      </c>
      <c r="AG16" s="280">
        <v>10</v>
      </c>
      <c r="AH16" s="277">
        <v>47</v>
      </c>
      <c r="AI16" s="282">
        <v>50</v>
      </c>
      <c r="AJ16" s="276">
        <v>0</v>
      </c>
      <c r="AK16" s="280">
        <v>1</v>
      </c>
      <c r="AL16" s="277">
        <v>1</v>
      </c>
      <c r="AM16" s="279">
        <v>0</v>
      </c>
      <c r="AN16" s="280">
        <v>4</v>
      </c>
      <c r="AO16" s="280">
        <v>0</v>
      </c>
      <c r="AP16" s="280">
        <v>0</v>
      </c>
      <c r="AQ16" s="280">
        <v>2</v>
      </c>
      <c r="AR16" s="280">
        <v>0</v>
      </c>
      <c r="AS16" s="277">
        <v>6</v>
      </c>
      <c r="AT16" s="282">
        <v>7</v>
      </c>
      <c r="AU16" s="276">
        <v>3</v>
      </c>
      <c r="AV16" s="280">
        <v>3</v>
      </c>
      <c r="AW16" s="277">
        <v>6</v>
      </c>
      <c r="AX16" s="279">
        <v>0</v>
      </c>
      <c r="AY16" s="280">
        <v>15</v>
      </c>
      <c r="AZ16" s="280">
        <v>21</v>
      </c>
      <c r="BA16" s="280">
        <v>12</v>
      </c>
      <c r="BB16" s="280">
        <v>21</v>
      </c>
      <c r="BC16" s="280">
        <v>14</v>
      </c>
      <c r="BD16" s="281">
        <v>83</v>
      </c>
      <c r="BE16" s="282">
        <v>89</v>
      </c>
      <c r="BF16" s="276">
        <v>0</v>
      </c>
      <c r="BG16" s="280">
        <v>0</v>
      </c>
      <c r="BH16" s="277">
        <v>0</v>
      </c>
      <c r="BI16" s="279">
        <v>0</v>
      </c>
      <c r="BJ16" s="280">
        <v>20</v>
      </c>
      <c r="BK16" s="280">
        <v>19</v>
      </c>
      <c r="BL16" s="280">
        <v>9</v>
      </c>
      <c r="BM16" s="280">
        <v>5</v>
      </c>
      <c r="BN16" s="280">
        <v>3</v>
      </c>
      <c r="BO16" s="277">
        <v>56</v>
      </c>
      <c r="BP16" s="282">
        <v>56</v>
      </c>
      <c r="BQ16" s="276">
        <v>0</v>
      </c>
      <c r="BR16" s="280">
        <v>1</v>
      </c>
      <c r="BS16" s="277">
        <v>1</v>
      </c>
      <c r="BT16" s="279">
        <v>0</v>
      </c>
      <c r="BU16" s="280">
        <v>1</v>
      </c>
      <c r="BV16" s="280">
        <v>4</v>
      </c>
      <c r="BW16" s="280">
        <v>2</v>
      </c>
      <c r="BX16" s="280">
        <v>3</v>
      </c>
      <c r="BY16" s="280">
        <v>2</v>
      </c>
      <c r="BZ16" s="277">
        <v>12</v>
      </c>
      <c r="CA16" s="282">
        <v>13</v>
      </c>
      <c r="CB16" s="276">
        <v>0</v>
      </c>
      <c r="CC16" s="280">
        <v>0</v>
      </c>
      <c r="CD16" s="277">
        <v>0</v>
      </c>
      <c r="CE16" s="279">
        <v>0</v>
      </c>
      <c r="CF16" s="280">
        <v>3</v>
      </c>
      <c r="CG16" s="280">
        <v>2</v>
      </c>
      <c r="CH16" s="280">
        <v>3</v>
      </c>
      <c r="CI16" s="280">
        <v>4</v>
      </c>
      <c r="CJ16" s="280">
        <v>1</v>
      </c>
      <c r="CK16" s="277">
        <v>13</v>
      </c>
      <c r="CL16" s="282">
        <v>13</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2</v>
      </c>
      <c r="DU16" s="280">
        <v>14</v>
      </c>
      <c r="DV16" s="277">
        <v>16</v>
      </c>
      <c r="DW16" s="279">
        <v>0</v>
      </c>
      <c r="DX16" s="280">
        <v>27</v>
      </c>
      <c r="DY16" s="280">
        <v>34</v>
      </c>
      <c r="DZ16" s="280">
        <v>19</v>
      </c>
      <c r="EA16" s="280">
        <v>22</v>
      </c>
      <c r="EB16" s="280">
        <v>11</v>
      </c>
      <c r="EC16" s="277">
        <v>113</v>
      </c>
      <c r="ED16" s="282">
        <v>129</v>
      </c>
      <c r="EE16" s="276">
        <v>2</v>
      </c>
      <c r="EF16" s="280">
        <v>0</v>
      </c>
      <c r="EG16" s="277">
        <v>2</v>
      </c>
      <c r="EH16" s="279">
        <v>0</v>
      </c>
      <c r="EI16" s="280">
        <v>8</v>
      </c>
      <c r="EJ16" s="280">
        <v>9</v>
      </c>
      <c r="EK16" s="280">
        <v>6</v>
      </c>
      <c r="EL16" s="280">
        <v>7</v>
      </c>
      <c r="EM16" s="280">
        <v>5</v>
      </c>
      <c r="EN16" s="277">
        <v>35</v>
      </c>
      <c r="EO16" s="282">
        <v>37</v>
      </c>
      <c r="EP16" s="276">
        <v>3</v>
      </c>
      <c r="EQ16" s="280">
        <v>15</v>
      </c>
      <c r="ER16" s="277">
        <v>18</v>
      </c>
      <c r="ES16" s="279">
        <v>0</v>
      </c>
      <c r="ET16" s="280">
        <v>60</v>
      </c>
      <c r="EU16" s="280">
        <v>51</v>
      </c>
      <c r="EV16" s="280">
        <v>25</v>
      </c>
      <c r="EW16" s="280">
        <v>24</v>
      </c>
      <c r="EX16" s="280">
        <v>13</v>
      </c>
      <c r="EY16" s="277">
        <v>173</v>
      </c>
      <c r="EZ16" s="282">
        <v>191</v>
      </c>
    </row>
    <row r="17" spans="2:156" ht="21" customHeight="1" x14ac:dyDescent="0.2">
      <c r="B17" s="261" t="s">
        <v>15</v>
      </c>
      <c r="C17" s="276">
        <v>0</v>
      </c>
      <c r="D17" s="280">
        <v>0</v>
      </c>
      <c r="E17" s="382">
        <v>0</v>
      </c>
      <c r="F17" s="279">
        <v>0</v>
      </c>
      <c r="G17" s="280">
        <v>1</v>
      </c>
      <c r="H17" s="280">
        <v>6</v>
      </c>
      <c r="I17" s="280">
        <v>6</v>
      </c>
      <c r="J17" s="280">
        <v>4</v>
      </c>
      <c r="K17" s="280">
        <v>2</v>
      </c>
      <c r="L17" s="281">
        <v>19</v>
      </c>
      <c r="M17" s="282">
        <v>19</v>
      </c>
      <c r="N17" s="276">
        <v>0</v>
      </c>
      <c r="O17" s="280">
        <v>0</v>
      </c>
      <c r="P17" s="277">
        <v>0</v>
      </c>
      <c r="Q17" s="279">
        <v>0</v>
      </c>
      <c r="R17" s="280">
        <v>0</v>
      </c>
      <c r="S17" s="280">
        <v>0</v>
      </c>
      <c r="T17" s="280">
        <v>0</v>
      </c>
      <c r="U17" s="280">
        <v>1</v>
      </c>
      <c r="V17" s="280">
        <v>0</v>
      </c>
      <c r="W17" s="277">
        <v>1</v>
      </c>
      <c r="X17" s="282">
        <v>1</v>
      </c>
      <c r="Y17" s="276">
        <v>0</v>
      </c>
      <c r="Z17" s="280">
        <v>1</v>
      </c>
      <c r="AA17" s="277">
        <v>1</v>
      </c>
      <c r="AB17" s="279">
        <v>0</v>
      </c>
      <c r="AC17" s="280">
        <v>3</v>
      </c>
      <c r="AD17" s="280">
        <v>4</v>
      </c>
      <c r="AE17" s="280">
        <v>4</v>
      </c>
      <c r="AF17" s="280">
        <v>4</v>
      </c>
      <c r="AG17" s="280">
        <v>0</v>
      </c>
      <c r="AH17" s="277">
        <v>15</v>
      </c>
      <c r="AI17" s="282">
        <v>16</v>
      </c>
      <c r="AJ17" s="276">
        <v>0</v>
      </c>
      <c r="AK17" s="280">
        <v>0</v>
      </c>
      <c r="AL17" s="277">
        <v>0</v>
      </c>
      <c r="AM17" s="279">
        <v>0</v>
      </c>
      <c r="AN17" s="280">
        <v>1</v>
      </c>
      <c r="AO17" s="280">
        <v>2</v>
      </c>
      <c r="AP17" s="280">
        <v>0</v>
      </c>
      <c r="AQ17" s="280">
        <v>0</v>
      </c>
      <c r="AR17" s="280">
        <v>1</v>
      </c>
      <c r="AS17" s="277">
        <v>4</v>
      </c>
      <c r="AT17" s="282">
        <v>4</v>
      </c>
      <c r="AU17" s="276">
        <v>1</v>
      </c>
      <c r="AV17" s="280">
        <v>0</v>
      </c>
      <c r="AW17" s="277">
        <v>1</v>
      </c>
      <c r="AX17" s="279">
        <v>0</v>
      </c>
      <c r="AY17" s="280">
        <v>10</v>
      </c>
      <c r="AZ17" s="280">
        <v>8</v>
      </c>
      <c r="BA17" s="280">
        <v>4</v>
      </c>
      <c r="BB17" s="280">
        <v>7</v>
      </c>
      <c r="BC17" s="280">
        <v>2</v>
      </c>
      <c r="BD17" s="281">
        <v>31</v>
      </c>
      <c r="BE17" s="282">
        <v>32</v>
      </c>
      <c r="BF17" s="276">
        <v>0</v>
      </c>
      <c r="BG17" s="280">
        <v>0</v>
      </c>
      <c r="BH17" s="277">
        <v>0</v>
      </c>
      <c r="BI17" s="279">
        <v>0</v>
      </c>
      <c r="BJ17" s="280">
        <v>7</v>
      </c>
      <c r="BK17" s="280">
        <v>5</v>
      </c>
      <c r="BL17" s="280">
        <v>4</v>
      </c>
      <c r="BM17" s="280">
        <v>1</v>
      </c>
      <c r="BN17" s="280">
        <v>0</v>
      </c>
      <c r="BO17" s="277">
        <v>17</v>
      </c>
      <c r="BP17" s="282">
        <v>17</v>
      </c>
      <c r="BQ17" s="276">
        <v>0</v>
      </c>
      <c r="BR17" s="280">
        <v>0</v>
      </c>
      <c r="BS17" s="277">
        <v>0</v>
      </c>
      <c r="BT17" s="279">
        <v>0</v>
      </c>
      <c r="BU17" s="280">
        <v>0</v>
      </c>
      <c r="BV17" s="280">
        <v>3</v>
      </c>
      <c r="BW17" s="280">
        <v>2</v>
      </c>
      <c r="BX17" s="280">
        <v>1</v>
      </c>
      <c r="BY17" s="280">
        <v>0</v>
      </c>
      <c r="BZ17" s="277">
        <v>6</v>
      </c>
      <c r="CA17" s="282">
        <v>6</v>
      </c>
      <c r="CB17" s="276">
        <v>0</v>
      </c>
      <c r="CC17" s="280">
        <v>0</v>
      </c>
      <c r="CD17" s="277">
        <v>0</v>
      </c>
      <c r="CE17" s="279">
        <v>0</v>
      </c>
      <c r="CF17" s="280">
        <v>0</v>
      </c>
      <c r="CG17" s="280">
        <v>2</v>
      </c>
      <c r="CH17" s="280">
        <v>0</v>
      </c>
      <c r="CI17" s="280">
        <v>2</v>
      </c>
      <c r="CJ17" s="280">
        <v>2</v>
      </c>
      <c r="CK17" s="277">
        <v>6</v>
      </c>
      <c r="CL17" s="282">
        <v>6</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7</v>
      </c>
      <c r="DV17" s="277">
        <v>8</v>
      </c>
      <c r="DW17" s="279">
        <v>0</v>
      </c>
      <c r="DX17" s="280">
        <v>9</v>
      </c>
      <c r="DY17" s="280">
        <v>18</v>
      </c>
      <c r="DZ17" s="280">
        <v>10</v>
      </c>
      <c r="EA17" s="280">
        <v>8</v>
      </c>
      <c r="EB17" s="280">
        <v>3</v>
      </c>
      <c r="EC17" s="277">
        <v>48</v>
      </c>
      <c r="ED17" s="282">
        <v>56</v>
      </c>
      <c r="EE17" s="276">
        <v>3</v>
      </c>
      <c r="EF17" s="280">
        <v>3</v>
      </c>
      <c r="EG17" s="277">
        <v>6</v>
      </c>
      <c r="EH17" s="279">
        <v>0</v>
      </c>
      <c r="EI17" s="280">
        <v>6</v>
      </c>
      <c r="EJ17" s="280">
        <v>4</v>
      </c>
      <c r="EK17" s="280">
        <v>4</v>
      </c>
      <c r="EL17" s="280">
        <v>2</v>
      </c>
      <c r="EM17" s="280">
        <v>1</v>
      </c>
      <c r="EN17" s="277">
        <v>17</v>
      </c>
      <c r="EO17" s="282">
        <v>23</v>
      </c>
      <c r="EP17" s="276">
        <v>1</v>
      </c>
      <c r="EQ17" s="280">
        <v>8</v>
      </c>
      <c r="ER17" s="277">
        <v>9</v>
      </c>
      <c r="ES17" s="279">
        <v>0</v>
      </c>
      <c r="ET17" s="280">
        <v>23</v>
      </c>
      <c r="EU17" s="280">
        <v>24</v>
      </c>
      <c r="EV17" s="280">
        <v>13</v>
      </c>
      <c r="EW17" s="280">
        <v>11</v>
      </c>
      <c r="EX17" s="280">
        <v>3</v>
      </c>
      <c r="EY17" s="277">
        <v>74</v>
      </c>
      <c r="EZ17" s="282">
        <v>83</v>
      </c>
    </row>
    <row r="18" spans="2:156" ht="21" customHeight="1" x14ac:dyDescent="0.2">
      <c r="B18" s="261" t="s">
        <v>16</v>
      </c>
      <c r="C18" s="276">
        <v>0</v>
      </c>
      <c r="D18" s="280">
        <v>0</v>
      </c>
      <c r="E18" s="382">
        <v>0</v>
      </c>
      <c r="F18" s="279">
        <v>0</v>
      </c>
      <c r="G18" s="280">
        <v>13</v>
      </c>
      <c r="H18" s="280">
        <v>8</v>
      </c>
      <c r="I18" s="280">
        <v>5</v>
      </c>
      <c r="J18" s="280">
        <v>5</v>
      </c>
      <c r="K18" s="280">
        <v>3</v>
      </c>
      <c r="L18" s="281">
        <v>34</v>
      </c>
      <c r="M18" s="282">
        <v>34</v>
      </c>
      <c r="N18" s="276">
        <v>0</v>
      </c>
      <c r="O18" s="280">
        <v>0</v>
      </c>
      <c r="P18" s="277">
        <v>0</v>
      </c>
      <c r="Q18" s="279">
        <v>0</v>
      </c>
      <c r="R18" s="280">
        <v>0</v>
      </c>
      <c r="S18" s="280">
        <v>0</v>
      </c>
      <c r="T18" s="280">
        <v>0</v>
      </c>
      <c r="U18" s="280">
        <v>1</v>
      </c>
      <c r="V18" s="280">
        <v>5</v>
      </c>
      <c r="W18" s="277">
        <v>6</v>
      </c>
      <c r="X18" s="282">
        <v>6</v>
      </c>
      <c r="Y18" s="276">
        <v>3</v>
      </c>
      <c r="Z18" s="280">
        <v>7</v>
      </c>
      <c r="AA18" s="277">
        <v>10</v>
      </c>
      <c r="AB18" s="279">
        <v>0</v>
      </c>
      <c r="AC18" s="280">
        <v>19</v>
      </c>
      <c r="AD18" s="280">
        <v>16</v>
      </c>
      <c r="AE18" s="280">
        <v>8</v>
      </c>
      <c r="AF18" s="280">
        <v>13</v>
      </c>
      <c r="AG18" s="280">
        <v>5</v>
      </c>
      <c r="AH18" s="277">
        <v>61</v>
      </c>
      <c r="AI18" s="282">
        <v>71</v>
      </c>
      <c r="AJ18" s="276">
        <v>0</v>
      </c>
      <c r="AK18" s="280">
        <v>2</v>
      </c>
      <c r="AL18" s="277">
        <v>2</v>
      </c>
      <c r="AM18" s="279">
        <v>0</v>
      </c>
      <c r="AN18" s="280">
        <v>0</v>
      </c>
      <c r="AO18" s="280">
        <v>2</v>
      </c>
      <c r="AP18" s="280">
        <v>0</v>
      </c>
      <c r="AQ18" s="280">
        <v>0</v>
      </c>
      <c r="AR18" s="280">
        <v>0</v>
      </c>
      <c r="AS18" s="277">
        <v>2</v>
      </c>
      <c r="AT18" s="282">
        <v>4</v>
      </c>
      <c r="AU18" s="276">
        <v>4</v>
      </c>
      <c r="AV18" s="280">
        <v>2</v>
      </c>
      <c r="AW18" s="277">
        <v>6</v>
      </c>
      <c r="AX18" s="279">
        <v>0</v>
      </c>
      <c r="AY18" s="280">
        <v>21</v>
      </c>
      <c r="AZ18" s="280">
        <v>14</v>
      </c>
      <c r="BA18" s="280">
        <v>19</v>
      </c>
      <c r="BB18" s="280">
        <v>21</v>
      </c>
      <c r="BC18" s="280">
        <v>10</v>
      </c>
      <c r="BD18" s="281">
        <v>85</v>
      </c>
      <c r="BE18" s="282">
        <v>91</v>
      </c>
      <c r="BF18" s="276">
        <v>0</v>
      </c>
      <c r="BG18" s="280">
        <v>0</v>
      </c>
      <c r="BH18" s="277">
        <v>0</v>
      </c>
      <c r="BI18" s="279">
        <v>0</v>
      </c>
      <c r="BJ18" s="280">
        <v>19</v>
      </c>
      <c r="BK18" s="280">
        <v>25</v>
      </c>
      <c r="BL18" s="280">
        <v>5</v>
      </c>
      <c r="BM18" s="280">
        <v>10</v>
      </c>
      <c r="BN18" s="280">
        <v>0</v>
      </c>
      <c r="BO18" s="277">
        <v>59</v>
      </c>
      <c r="BP18" s="282">
        <v>59</v>
      </c>
      <c r="BQ18" s="276">
        <v>3</v>
      </c>
      <c r="BR18" s="280">
        <v>4</v>
      </c>
      <c r="BS18" s="277">
        <v>7</v>
      </c>
      <c r="BT18" s="279">
        <v>0</v>
      </c>
      <c r="BU18" s="280">
        <v>14</v>
      </c>
      <c r="BV18" s="280">
        <v>28</v>
      </c>
      <c r="BW18" s="280">
        <v>4</v>
      </c>
      <c r="BX18" s="280">
        <v>2</v>
      </c>
      <c r="BY18" s="280">
        <v>0</v>
      </c>
      <c r="BZ18" s="277">
        <v>48</v>
      </c>
      <c r="CA18" s="282">
        <v>55</v>
      </c>
      <c r="CB18" s="276">
        <v>0</v>
      </c>
      <c r="CC18" s="280">
        <v>0</v>
      </c>
      <c r="CD18" s="277">
        <v>0</v>
      </c>
      <c r="CE18" s="279">
        <v>0</v>
      </c>
      <c r="CF18" s="280">
        <v>1</v>
      </c>
      <c r="CG18" s="280">
        <v>4</v>
      </c>
      <c r="CH18" s="280">
        <v>3</v>
      </c>
      <c r="CI18" s="280">
        <v>1</v>
      </c>
      <c r="CJ18" s="280">
        <v>1</v>
      </c>
      <c r="CK18" s="277">
        <v>10</v>
      </c>
      <c r="CL18" s="282">
        <v>10</v>
      </c>
      <c r="CM18" s="276">
        <v>0</v>
      </c>
      <c r="CN18" s="280">
        <v>0</v>
      </c>
      <c r="CO18" s="277">
        <v>0</v>
      </c>
      <c r="CP18" s="279">
        <v>0</v>
      </c>
      <c r="CQ18" s="280">
        <v>1</v>
      </c>
      <c r="CR18" s="280">
        <v>3</v>
      </c>
      <c r="CS18" s="280">
        <v>1</v>
      </c>
      <c r="CT18" s="280">
        <v>1</v>
      </c>
      <c r="CU18" s="280">
        <v>0</v>
      </c>
      <c r="CV18" s="277">
        <v>6</v>
      </c>
      <c r="CW18" s="282">
        <v>6</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9</v>
      </c>
      <c r="DU18" s="280">
        <v>15</v>
      </c>
      <c r="DV18" s="277">
        <v>24</v>
      </c>
      <c r="DW18" s="279">
        <v>0</v>
      </c>
      <c r="DX18" s="280">
        <v>32</v>
      </c>
      <c r="DY18" s="280">
        <v>46</v>
      </c>
      <c r="DZ18" s="280">
        <v>20</v>
      </c>
      <c r="EA18" s="280">
        <v>20</v>
      </c>
      <c r="EB18" s="280">
        <v>7</v>
      </c>
      <c r="EC18" s="277">
        <v>125</v>
      </c>
      <c r="ED18" s="282">
        <v>149</v>
      </c>
      <c r="EE18" s="276">
        <v>3</v>
      </c>
      <c r="EF18" s="280">
        <v>1</v>
      </c>
      <c r="EG18" s="277">
        <v>4</v>
      </c>
      <c r="EH18" s="279">
        <v>0</v>
      </c>
      <c r="EI18" s="280">
        <v>10</v>
      </c>
      <c r="EJ18" s="280">
        <v>12</v>
      </c>
      <c r="EK18" s="280">
        <v>9</v>
      </c>
      <c r="EL18" s="280">
        <v>14</v>
      </c>
      <c r="EM18" s="280">
        <v>4</v>
      </c>
      <c r="EN18" s="277">
        <v>49</v>
      </c>
      <c r="EO18" s="282">
        <v>53</v>
      </c>
      <c r="EP18" s="276">
        <v>14</v>
      </c>
      <c r="EQ18" s="280">
        <v>24</v>
      </c>
      <c r="ER18" s="277">
        <v>38</v>
      </c>
      <c r="ES18" s="279">
        <v>0</v>
      </c>
      <c r="ET18" s="280">
        <v>58</v>
      </c>
      <c r="EU18" s="280">
        <v>68</v>
      </c>
      <c r="EV18" s="280">
        <v>23</v>
      </c>
      <c r="EW18" s="280">
        <v>22</v>
      </c>
      <c r="EX18" s="280">
        <v>8</v>
      </c>
      <c r="EY18" s="277">
        <v>179</v>
      </c>
      <c r="EZ18" s="282">
        <v>217</v>
      </c>
    </row>
    <row r="19" spans="2:156" ht="21" customHeight="1" x14ac:dyDescent="0.2">
      <c r="B19" s="261" t="s">
        <v>17</v>
      </c>
      <c r="C19" s="276">
        <v>0</v>
      </c>
      <c r="D19" s="280">
        <v>0</v>
      </c>
      <c r="E19" s="382">
        <v>0</v>
      </c>
      <c r="F19" s="279">
        <v>0</v>
      </c>
      <c r="G19" s="280">
        <v>11</v>
      </c>
      <c r="H19" s="280">
        <v>19</v>
      </c>
      <c r="I19" s="280">
        <v>13</v>
      </c>
      <c r="J19" s="280">
        <v>3</v>
      </c>
      <c r="K19" s="280">
        <v>10</v>
      </c>
      <c r="L19" s="281">
        <v>56</v>
      </c>
      <c r="M19" s="282">
        <v>56</v>
      </c>
      <c r="N19" s="276">
        <v>0</v>
      </c>
      <c r="O19" s="280">
        <v>0</v>
      </c>
      <c r="P19" s="277">
        <v>0</v>
      </c>
      <c r="Q19" s="279">
        <v>0</v>
      </c>
      <c r="R19" s="280">
        <v>0</v>
      </c>
      <c r="S19" s="280">
        <v>0</v>
      </c>
      <c r="T19" s="280">
        <v>0</v>
      </c>
      <c r="U19" s="280">
        <v>2</v>
      </c>
      <c r="V19" s="280">
        <v>4</v>
      </c>
      <c r="W19" s="277">
        <v>6</v>
      </c>
      <c r="X19" s="282">
        <v>6</v>
      </c>
      <c r="Y19" s="276">
        <v>1</v>
      </c>
      <c r="Z19" s="280">
        <v>4</v>
      </c>
      <c r="AA19" s="277">
        <v>5</v>
      </c>
      <c r="AB19" s="279">
        <v>0</v>
      </c>
      <c r="AC19" s="280">
        <v>8</v>
      </c>
      <c r="AD19" s="280">
        <v>10</v>
      </c>
      <c r="AE19" s="280">
        <v>12</v>
      </c>
      <c r="AF19" s="280">
        <v>2</v>
      </c>
      <c r="AG19" s="280">
        <v>9</v>
      </c>
      <c r="AH19" s="277">
        <v>41</v>
      </c>
      <c r="AI19" s="282">
        <v>46</v>
      </c>
      <c r="AJ19" s="276">
        <v>0</v>
      </c>
      <c r="AK19" s="280">
        <v>2</v>
      </c>
      <c r="AL19" s="277">
        <v>2</v>
      </c>
      <c r="AM19" s="279">
        <v>0</v>
      </c>
      <c r="AN19" s="280">
        <v>0</v>
      </c>
      <c r="AO19" s="280">
        <v>2</v>
      </c>
      <c r="AP19" s="280">
        <v>1</v>
      </c>
      <c r="AQ19" s="280">
        <v>0</v>
      </c>
      <c r="AR19" s="280">
        <v>0</v>
      </c>
      <c r="AS19" s="277">
        <v>3</v>
      </c>
      <c r="AT19" s="282">
        <v>5</v>
      </c>
      <c r="AU19" s="276">
        <v>3</v>
      </c>
      <c r="AV19" s="280">
        <v>6</v>
      </c>
      <c r="AW19" s="277">
        <v>9</v>
      </c>
      <c r="AX19" s="279">
        <v>0</v>
      </c>
      <c r="AY19" s="280">
        <v>10</v>
      </c>
      <c r="AZ19" s="280">
        <v>23</v>
      </c>
      <c r="BA19" s="280">
        <v>23</v>
      </c>
      <c r="BB19" s="280">
        <v>15</v>
      </c>
      <c r="BC19" s="280">
        <v>19</v>
      </c>
      <c r="BD19" s="281">
        <v>90</v>
      </c>
      <c r="BE19" s="282">
        <v>99</v>
      </c>
      <c r="BF19" s="276">
        <v>0</v>
      </c>
      <c r="BG19" s="280">
        <v>0</v>
      </c>
      <c r="BH19" s="277">
        <v>0</v>
      </c>
      <c r="BI19" s="279">
        <v>0</v>
      </c>
      <c r="BJ19" s="280">
        <v>22</v>
      </c>
      <c r="BK19" s="280">
        <v>26</v>
      </c>
      <c r="BL19" s="280">
        <v>10</v>
      </c>
      <c r="BM19" s="280">
        <v>7</v>
      </c>
      <c r="BN19" s="280">
        <v>6</v>
      </c>
      <c r="BO19" s="277">
        <v>71</v>
      </c>
      <c r="BP19" s="282">
        <v>71</v>
      </c>
      <c r="BQ19" s="276">
        <v>3</v>
      </c>
      <c r="BR19" s="280">
        <v>7</v>
      </c>
      <c r="BS19" s="277">
        <v>10</v>
      </c>
      <c r="BT19" s="279">
        <v>0</v>
      </c>
      <c r="BU19" s="280">
        <v>4</v>
      </c>
      <c r="BV19" s="280">
        <v>13</v>
      </c>
      <c r="BW19" s="280">
        <v>3</v>
      </c>
      <c r="BX19" s="280">
        <v>1</v>
      </c>
      <c r="BY19" s="280">
        <v>3</v>
      </c>
      <c r="BZ19" s="277">
        <v>24</v>
      </c>
      <c r="CA19" s="282">
        <v>34</v>
      </c>
      <c r="CB19" s="276">
        <v>0</v>
      </c>
      <c r="CC19" s="280">
        <v>0</v>
      </c>
      <c r="CD19" s="277">
        <v>0</v>
      </c>
      <c r="CE19" s="279">
        <v>0</v>
      </c>
      <c r="CF19" s="280">
        <v>6</v>
      </c>
      <c r="CG19" s="280">
        <v>6</v>
      </c>
      <c r="CH19" s="280">
        <v>5</v>
      </c>
      <c r="CI19" s="280">
        <v>10</v>
      </c>
      <c r="CJ19" s="280">
        <v>1</v>
      </c>
      <c r="CK19" s="277">
        <v>28</v>
      </c>
      <c r="CL19" s="282">
        <v>28</v>
      </c>
      <c r="CM19" s="276">
        <v>0</v>
      </c>
      <c r="CN19" s="280">
        <v>0</v>
      </c>
      <c r="CO19" s="277">
        <v>0</v>
      </c>
      <c r="CP19" s="279">
        <v>0</v>
      </c>
      <c r="CQ19" s="280">
        <v>0</v>
      </c>
      <c r="CR19" s="280">
        <v>3</v>
      </c>
      <c r="CS19" s="280">
        <v>0</v>
      </c>
      <c r="CT19" s="280">
        <v>1</v>
      </c>
      <c r="CU19" s="280">
        <v>0</v>
      </c>
      <c r="CV19" s="277">
        <v>4</v>
      </c>
      <c r="CW19" s="282">
        <v>4</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0</v>
      </c>
      <c r="DU19" s="280">
        <v>25</v>
      </c>
      <c r="DV19" s="277">
        <v>35</v>
      </c>
      <c r="DW19" s="279">
        <v>0</v>
      </c>
      <c r="DX19" s="280">
        <v>26</v>
      </c>
      <c r="DY19" s="280">
        <v>66</v>
      </c>
      <c r="DZ19" s="280">
        <v>37</v>
      </c>
      <c r="EA19" s="280">
        <v>16</v>
      </c>
      <c r="EB19" s="280">
        <v>18</v>
      </c>
      <c r="EC19" s="277">
        <v>163</v>
      </c>
      <c r="ED19" s="282">
        <v>198</v>
      </c>
      <c r="EE19" s="276">
        <v>5</v>
      </c>
      <c r="EF19" s="280">
        <v>2</v>
      </c>
      <c r="EG19" s="277">
        <v>7</v>
      </c>
      <c r="EH19" s="279">
        <v>0</v>
      </c>
      <c r="EI19" s="280">
        <v>5</v>
      </c>
      <c r="EJ19" s="280">
        <v>5</v>
      </c>
      <c r="EK19" s="280">
        <v>8</v>
      </c>
      <c r="EL19" s="280">
        <v>7</v>
      </c>
      <c r="EM19" s="280">
        <v>3</v>
      </c>
      <c r="EN19" s="277">
        <v>28</v>
      </c>
      <c r="EO19" s="282">
        <v>35</v>
      </c>
      <c r="EP19" s="276">
        <v>14</v>
      </c>
      <c r="EQ19" s="280">
        <v>30</v>
      </c>
      <c r="ER19" s="277">
        <v>44</v>
      </c>
      <c r="ES19" s="279">
        <v>0</v>
      </c>
      <c r="ET19" s="280">
        <v>68</v>
      </c>
      <c r="EU19" s="280">
        <v>80</v>
      </c>
      <c r="EV19" s="280">
        <v>38</v>
      </c>
      <c r="EW19" s="280">
        <v>21</v>
      </c>
      <c r="EX19" s="280">
        <v>18</v>
      </c>
      <c r="EY19" s="277">
        <v>225</v>
      </c>
      <c r="EZ19" s="282">
        <v>269</v>
      </c>
    </row>
    <row r="20" spans="2:156" ht="21" customHeight="1" x14ac:dyDescent="0.2">
      <c r="B20" s="261" t="s">
        <v>18</v>
      </c>
      <c r="C20" s="276">
        <v>0</v>
      </c>
      <c r="D20" s="280">
        <v>0</v>
      </c>
      <c r="E20" s="382">
        <v>0</v>
      </c>
      <c r="F20" s="279">
        <v>0</v>
      </c>
      <c r="G20" s="280">
        <v>20</v>
      </c>
      <c r="H20" s="280">
        <v>31</v>
      </c>
      <c r="I20" s="280">
        <v>21</v>
      </c>
      <c r="J20" s="280">
        <v>12</v>
      </c>
      <c r="K20" s="280">
        <v>6</v>
      </c>
      <c r="L20" s="281">
        <v>90</v>
      </c>
      <c r="M20" s="282">
        <v>90</v>
      </c>
      <c r="N20" s="276">
        <v>0</v>
      </c>
      <c r="O20" s="280">
        <v>0</v>
      </c>
      <c r="P20" s="277">
        <v>0</v>
      </c>
      <c r="Q20" s="279">
        <v>0</v>
      </c>
      <c r="R20" s="280">
        <v>1</v>
      </c>
      <c r="S20" s="280">
        <v>0</v>
      </c>
      <c r="T20" s="280">
        <v>2</v>
      </c>
      <c r="U20" s="280">
        <v>2</v>
      </c>
      <c r="V20" s="280">
        <v>5</v>
      </c>
      <c r="W20" s="277">
        <v>10</v>
      </c>
      <c r="X20" s="282">
        <v>10</v>
      </c>
      <c r="Y20" s="276">
        <v>4</v>
      </c>
      <c r="Z20" s="280">
        <v>5</v>
      </c>
      <c r="AA20" s="277">
        <v>9</v>
      </c>
      <c r="AB20" s="279">
        <v>0</v>
      </c>
      <c r="AC20" s="280">
        <v>27</v>
      </c>
      <c r="AD20" s="280">
        <v>25</v>
      </c>
      <c r="AE20" s="280">
        <v>16</v>
      </c>
      <c r="AF20" s="280">
        <v>11</v>
      </c>
      <c r="AG20" s="280">
        <v>5</v>
      </c>
      <c r="AH20" s="277">
        <v>84</v>
      </c>
      <c r="AI20" s="282">
        <v>93</v>
      </c>
      <c r="AJ20" s="276">
        <v>0</v>
      </c>
      <c r="AK20" s="280">
        <v>1</v>
      </c>
      <c r="AL20" s="277">
        <v>1</v>
      </c>
      <c r="AM20" s="279">
        <v>0</v>
      </c>
      <c r="AN20" s="280">
        <v>3</v>
      </c>
      <c r="AO20" s="280">
        <v>3</v>
      </c>
      <c r="AP20" s="280">
        <v>1</v>
      </c>
      <c r="AQ20" s="280">
        <v>2</v>
      </c>
      <c r="AR20" s="280">
        <v>0</v>
      </c>
      <c r="AS20" s="277">
        <v>9</v>
      </c>
      <c r="AT20" s="282">
        <v>10</v>
      </c>
      <c r="AU20" s="276">
        <v>2</v>
      </c>
      <c r="AV20" s="280">
        <v>4</v>
      </c>
      <c r="AW20" s="277">
        <v>6</v>
      </c>
      <c r="AX20" s="279">
        <v>0</v>
      </c>
      <c r="AY20" s="280">
        <v>23</v>
      </c>
      <c r="AZ20" s="280">
        <v>36</v>
      </c>
      <c r="BA20" s="280">
        <v>36</v>
      </c>
      <c r="BB20" s="280">
        <v>22</v>
      </c>
      <c r="BC20" s="280">
        <v>17</v>
      </c>
      <c r="BD20" s="281">
        <v>134</v>
      </c>
      <c r="BE20" s="282">
        <v>140</v>
      </c>
      <c r="BF20" s="276">
        <v>0</v>
      </c>
      <c r="BG20" s="280">
        <v>0</v>
      </c>
      <c r="BH20" s="277">
        <v>0</v>
      </c>
      <c r="BI20" s="279">
        <v>0</v>
      </c>
      <c r="BJ20" s="280">
        <v>38</v>
      </c>
      <c r="BK20" s="280">
        <v>34</v>
      </c>
      <c r="BL20" s="280">
        <v>26</v>
      </c>
      <c r="BM20" s="280">
        <v>10</v>
      </c>
      <c r="BN20" s="280">
        <v>4</v>
      </c>
      <c r="BO20" s="277">
        <v>112</v>
      </c>
      <c r="BP20" s="282">
        <v>112</v>
      </c>
      <c r="BQ20" s="276">
        <v>1</v>
      </c>
      <c r="BR20" s="280">
        <v>8</v>
      </c>
      <c r="BS20" s="277">
        <v>9</v>
      </c>
      <c r="BT20" s="279">
        <v>0</v>
      </c>
      <c r="BU20" s="280">
        <v>14</v>
      </c>
      <c r="BV20" s="280">
        <v>14</v>
      </c>
      <c r="BW20" s="280">
        <v>8</v>
      </c>
      <c r="BX20" s="280">
        <v>3</v>
      </c>
      <c r="BY20" s="280">
        <v>2</v>
      </c>
      <c r="BZ20" s="277">
        <v>41</v>
      </c>
      <c r="CA20" s="282">
        <v>50</v>
      </c>
      <c r="CB20" s="276">
        <v>0</v>
      </c>
      <c r="CC20" s="280">
        <v>1</v>
      </c>
      <c r="CD20" s="277">
        <v>1</v>
      </c>
      <c r="CE20" s="279">
        <v>0</v>
      </c>
      <c r="CF20" s="280">
        <v>3</v>
      </c>
      <c r="CG20" s="280">
        <v>8</v>
      </c>
      <c r="CH20" s="280">
        <v>16</v>
      </c>
      <c r="CI20" s="280">
        <v>3</v>
      </c>
      <c r="CJ20" s="280">
        <v>6</v>
      </c>
      <c r="CK20" s="277">
        <v>36</v>
      </c>
      <c r="CL20" s="282">
        <v>37</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4</v>
      </c>
      <c r="DU20" s="280">
        <v>29</v>
      </c>
      <c r="DV20" s="277">
        <v>43</v>
      </c>
      <c r="DW20" s="279">
        <v>0</v>
      </c>
      <c r="DX20" s="280">
        <v>43</v>
      </c>
      <c r="DY20" s="280">
        <v>62</v>
      </c>
      <c r="DZ20" s="280">
        <v>48</v>
      </c>
      <c r="EA20" s="280">
        <v>27</v>
      </c>
      <c r="EB20" s="280">
        <v>17</v>
      </c>
      <c r="EC20" s="277">
        <v>197</v>
      </c>
      <c r="ED20" s="282">
        <v>240</v>
      </c>
      <c r="EE20" s="276">
        <v>2</v>
      </c>
      <c r="EF20" s="280">
        <v>0</v>
      </c>
      <c r="EG20" s="277">
        <v>2</v>
      </c>
      <c r="EH20" s="279">
        <v>0</v>
      </c>
      <c r="EI20" s="280">
        <v>11</v>
      </c>
      <c r="EJ20" s="280">
        <v>13</v>
      </c>
      <c r="EK20" s="280">
        <v>8</v>
      </c>
      <c r="EL20" s="280">
        <v>8</v>
      </c>
      <c r="EM20" s="280">
        <v>4</v>
      </c>
      <c r="EN20" s="277">
        <v>44</v>
      </c>
      <c r="EO20" s="282">
        <v>46</v>
      </c>
      <c r="EP20" s="276">
        <v>18</v>
      </c>
      <c r="EQ20" s="280">
        <v>36</v>
      </c>
      <c r="ER20" s="277">
        <v>54</v>
      </c>
      <c r="ES20" s="279">
        <v>0</v>
      </c>
      <c r="ET20" s="280">
        <v>99</v>
      </c>
      <c r="EU20" s="280">
        <v>85</v>
      </c>
      <c r="EV20" s="280">
        <v>61</v>
      </c>
      <c r="EW20" s="280">
        <v>27</v>
      </c>
      <c r="EX20" s="280">
        <v>16</v>
      </c>
      <c r="EY20" s="277">
        <v>288</v>
      </c>
      <c r="EZ20" s="282">
        <v>342</v>
      </c>
    </row>
    <row r="21" spans="2:156" ht="21" customHeight="1" x14ac:dyDescent="0.2">
      <c r="B21" s="261" t="s">
        <v>19</v>
      </c>
      <c r="C21" s="276">
        <v>0</v>
      </c>
      <c r="D21" s="280">
        <v>0</v>
      </c>
      <c r="E21" s="382">
        <v>0</v>
      </c>
      <c r="F21" s="279">
        <v>0</v>
      </c>
      <c r="G21" s="280">
        <v>9</v>
      </c>
      <c r="H21" s="280">
        <v>10</v>
      </c>
      <c r="I21" s="280">
        <v>8</v>
      </c>
      <c r="J21" s="280">
        <v>5</v>
      </c>
      <c r="K21" s="280">
        <v>1</v>
      </c>
      <c r="L21" s="281">
        <v>33</v>
      </c>
      <c r="M21" s="282">
        <v>33</v>
      </c>
      <c r="N21" s="276">
        <v>0</v>
      </c>
      <c r="O21" s="280">
        <v>0</v>
      </c>
      <c r="P21" s="277">
        <v>0</v>
      </c>
      <c r="Q21" s="279">
        <v>0</v>
      </c>
      <c r="R21" s="280">
        <v>0</v>
      </c>
      <c r="S21" s="280">
        <v>0</v>
      </c>
      <c r="T21" s="280">
        <v>4</v>
      </c>
      <c r="U21" s="280">
        <v>1</v>
      </c>
      <c r="V21" s="280">
        <v>1</v>
      </c>
      <c r="W21" s="277">
        <v>6</v>
      </c>
      <c r="X21" s="282">
        <v>6</v>
      </c>
      <c r="Y21" s="276">
        <v>2</v>
      </c>
      <c r="Z21" s="280">
        <v>2</v>
      </c>
      <c r="AA21" s="277">
        <v>4</v>
      </c>
      <c r="AB21" s="279">
        <v>0</v>
      </c>
      <c r="AC21" s="280">
        <v>10</v>
      </c>
      <c r="AD21" s="280">
        <v>14</v>
      </c>
      <c r="AE21" s="280">
        <v>9</v>
      </c>
      <c r="AF21" s="280">
        <v>5</v>
      </c>
      <c r="AG21" s="280">
        <v>2</v>
      </c>
      <c r="AH21" s="277">
        <v>40</v>
      </c>
      <c r="AI21" s="282">
        <v>44</v>
      </c>
      <c r="AJ21" s="276">
        <v>0</v>
      </c>
      <c r="AK21" s="280">
        <v>0</v>
      </c>
      <c r="AL21" s="277">
        <v>0</v>
      </c>
      <c r="AM21" s="279">
        <v>0</v>
      </c>
      <c r="AN21" s="280">
        <v>1</v>
      </c>
      <c r="AO21" s="280">
        <v>4</v>
      </c>
      <c r="AP21" s="280">
        <v>0</v>
      </c>
      <c r="AQ21" s="280">
        <v>1</v>
      </c>
      <c r="AR21" s="280">
        <v>1</v>
      </c>
      <c r="AS21" s="277">
        <v>7</v>
      </c>
      <c r="AT21" s="282">
        <v>7</v>
      </c>
      <c r="AU21" s="276">
        <v>5</v>
      </c>
      <c r="AV21" s="280">
        <v>2</v>
      </c>
      <c r="AW21" s="277">
        <v>7</v>
      </c>
      <c r="AX21" s="279">
        <v>0</v>
      </c>
      <c r="AY21" s="280">
        <v>19</v>
      </c>
      <c r="AZ21" s="280">
        <v>15</v>
      </c>
      <c r="BA21" s="280">
        <v>16</v>
      </c>
      <c r="BB21" s="280">
        <v>11</v>
      </c>
      <c r="BC21" s="280">
        <v>5</v>
      </c>
      <c r="BD21" s="281">
        <v>66</v>
      </c>
      <c r="BE21" s="282">
        <v>73</v>
      </c>
      <c r="BF21" s="276">
        <v>0</v>
      </c>
      <c r="BG21" s="280">
        <v>0</v>
      </c>
      <c r="BH21" s="277">
        <v>0</v>
      </c>
      <c r="BI21" s="279">
        <v>0</v>
      </c>
      <c r="BJ21" s="280">
        <v>21</v>
      </c>
      <c r="BK21" s="280">
        <v>16</v>
      </c>
      <c r="BL21" s="280">
        <v>8</v>
      </c>
      <c r="BM21" s="280">
        <v>1</v>
      </c>
      <c r="BN21" s="280">
        <v>1</v>
      </c>
      <c r="BO21" s="277">
        <v>47</v>
      </c>
      <c r="BP21" s="282">
        <v>47</v>
      </c>
      <c r="BQ21" s="276">
        <v>2</v>
      </c>
      <c r="BR21" s="280">
        <v>4</v>
      </c>
      <c r="BS21" s="277">
        <v>6</v>
      </c>
      <c r="BT21" s="279">
        <v>0</v>
      </c>
      <c r="BU21" s="280">
        <v>12</v>
      </c>
      <c r="BV21" s="280">
        <v>6</v>
      </c>
      <c r="BW21" s="280">
        <v>3</v>
      </c>
      <c r="BX21" s="280">
        <v>3</v>
      </c>
      <c r="BY21" s="280">
        <v>0</v>
      </c>
      <c r="BZ21" s="277">
        <v>24</v>
      </c>
      <c r="CA21" s="282">
        <v>30</v>
      </c>
      <c r="CB21" s="276">
        <v>0</v>
      </c>
      <c r="CC21" s="280">
        <v>0</v>
      </c>
      <c r="CD21" s="277">
        <v>0</v>
      </c>
      <c r="CE21" s="279">
        <v>0</v>
      </c>
      <c r="CF21" s="280">
        <v>1</v>
      </c>
      <c r="CG21" s="280">
        <v>0</v>
      </c>
      <c r="CH21" s="280">
        <v>2</v>
      </c>
      <c r="CI21" s="280">
        <v>0</v>
      </c>
      <c r="CJ21" s="280">
        <v>2</v>
      </c>
      <c r="CK21" s="277">
        <v>5</v>
      </c>
      <c r="CL21" s="282">
        <v>5</v>
      </c>
      <c r="CM21" s="276">
        <v>0</v>
      </c>
      <c r="CN21" s="280">
        <v>0</v>
      </c>
      <c r="CO21" s="277">
        <v>0</v>
      </c>
      <c r="CP21" s="279">
        <v>0</v>
      </c>
      <c r="CQ21" s="280">
        <v>0</v>
      </c>
      <c r="CR21" s="280">
        <v>0</v>
      </c>
      <c r="CS21" s="280">
        <v>1</v>
      </c>
      <c r="CT21" s="280">
        <v>0</v>
      </c>
      <c r="CU21" s="280">
        <v>0</v>
      </c>
      <c r="CV21" s="277">
        <v>1</v>
      </c>
      <c r="CW21" s="282">
        <v>1</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3</v>
      </c>
      <c r="DU21" s="280">
        <v>10</v>
      </c>
      <c r="DV21" s="277">
        <v>13</v>
      </c>
      <c r="DW21" s="279">
        <v>0</v>
      </c>
      <c r="DX21" s="280">
        <v>30</v>
      </c>
      <c r="DY21" s="280">
        <v>31</v>
      </c>
      <c r="DZ21" s="280">
        <v>15</v>
      </c>
      <c r="EA21" s="280">
        <v>13</v>
      </c>
      <c r="EB21" s="280">
        <v>8</v>
      </c>
      <c r="EC21" s="277">
        <v>97</v>
      </c>
      <c r="ED21" s="282">
        <v>110</v>
      </c>
      <c r="EE21" s="276">
        <v>1</v>
      </c>
      <c r="EF21" s="280">
        <v>2</v>
      </c>
      <c r="EG21" s="277">
        <v>3</v>
      </c>
      <c r="EH21" s="279">
        <v>0</v>
      </c>
      <c r="EI21" s="280">
        <v>7</v>
      </c>
      <c r="EJ21" s="280">
        <v>7</v>
      </c>
      <c r="EK21" s="280">
        <v>5</v>
      </c>
      <c r="EL21" s="280">
        <v>2</v>
      </c>
      <c r="EM21" s="280">
        <v>0</v>
      </c>
      <c r="EN21" s="277">
        <v>21</v>
      </c>
      <c r="EO21" s="282">
        <v>24</v>
      </c>
      <c r="EP21" s="276">
        <v>7</v>
      </c>
      <c r="EQ21" s="280">
        <v>14</v>
      </c>
      <c r="ER21" s="277">
        <v>21</v>
      </c>
      <c r="ES21" s="279">
        <v>0</v>
      </c>
      <c r="ET21" s="280">
        <v>48</v>
      </c>
      <c r="EU21" s="280">
        <v>40</v>
      </c>
      <c r="EV21" s="280">
        <v>16</v>
      </c>
      <c r="EW21" s="280">
        <v>12</v>
      </c>
      <c r="EX21" s="280">
        <v>8</v>
      </c>
      <c r="EY21" s="277">
        <v>124</v>
      </c>
      <c r="EZ21" s="282">
        <v>145</v>
      </c>
    </row>
    <row r="22" spans="2:156" ht="21" customHeight="1" x14ac:dyDescent="0.2">
      <c r="B22" s="261" t="s">
        <v>20</v>
      </c>
      <c r="C22" s="276">
        <v>0</v>
      </c>
      <c r="D22" s="280">
        <v>0</v>
      </c>
      <c r="E22" s="382">
        <v>0</v>
      </c>
      <c r="F22" s="279">
        <v>0</v>
      </c>
      <c r="G22" s="280">
        <v>23</v>
      </c>
      <c r="H22" s="280">
        <v>19</v>
      </c>
      <c r="I22" s="280">
        <v>9</v>
      </c>
      <c r="J22" s="280">
        <v>7</v>
      </c>
      <c r="K22" s="280">
        <v>7</v>
      </c>
      <c r="L22" s="281">
        <v>65</v>
      </c>
      <c r="M22" s="282">
        <v>65</v>
      </c>
      <c r="N22" s="276">
        <v>0</v>
      </c>
      <c r="O22" s="280">
        <v>0</v>
      </c>
      <c r="P22" s="277">
        <v>0</v>
      </c>
      <c r="Q22" s="279">
        <v>0</v>
      </c>
      <c r="R22" s="280">
        <v>1</v>
      </c>
      <c r="S22" s="280">
        <v>0</v>
      </c>
      <c r="T22" s="280">
        <v>0</v>
      </c>
      <c r="U22" s="280">
        <v>1</v>
      </c>
      <c r="V22" s="280">
        <v>3</v>
      </c>
      <c r="W22" s="277">
        <v>5</v>
      </c>
      <c r="X22" s="282">
        <v>5</v>
      </c>
      <c r="Y22" s="276">
        <v>3</v>
      </c>
      <c r="Z22" s="280">
        <v>2</v>
      </c>
      <c r="AA22" s="277">
        <v>5</v>
      </c>
      <c r="AB22" s="279">
        <v>0</v>
      </c>
      <c r="AC22" s="280">
        <v>26</v>
      </c>
      <c r="AD22" s="280">
        <v>20</v>
      </c>
      <c r="AE22" s="280">
        <v>11</v>
      </c>
      <c r="AF22" s="280">
        <v>5</v>
      </c>
      <c r="AG22" s="280">
        <v>6</v>
      </c>
      <c r="AH22" s="277">
        <v>68</v>
      </c>
      <c r="AI22" s="282">
        <v>73</v>
      </c>
      <c r="AJ22" s="276">
        <v>1</v>
      </c>
      <c r="AK22" s="280">
        <v>3</v>
      </c>
      <c r="AL22" s="277">
        <v>4</v>
      </c>
      <c r="AM22" s="279">
        <v>0</v>
      </c>
      <c r="AN22" s="280">
        <v>6</v>
      </c>
      <c r="AO22" s="280">
        <v>9</v>
      </c>
      <c r="AP22" s="280">
        <v>5</v>
      </c>
      <c r="AQ22" s="280">
        <v>1</v>
      </c>
      <c r="AR22" s="280">
        <v>0</v>
      </c>
      <c r="AS22" s="277">
        <v>21</v>
      </c>
      <c r="AT22" s="282">
        <v>25</v>
      </c>
      <c r="AU22" s="276">
        <v>2</v>
      </c>
      <c r="AV22" s="280">
        <v>5</v>
      </c>
      <c r="AW22" s="277">
        <v>7</v>
      </c>
      <c r="AX22" s="279">
        <v>0</v>
      </c>
      <c r="AY22" s="280">
        <v>22</v>
      </c>
      <c r="AZ22" s="280">
        <v>21</v>
      </c>
      <c r="BA22" s="280">
        <v>24</v>
      </c>
      <c r="BB22" s="280">
        <v>19</v>
      </c>
      <c r="BC22" s="280">
        <v>11</v>
      </c>
      <c r="BD22" s="281">
        <v>97</v>
      </c>
      <c r="BE22" s="282">
        <v>104</v>
      </c>
      <c r="BF22" s="276">
        <v>0</v>
      </c>
      <c r="BG22" s="280">
        <v>0</v>
      </c>
      <c r="BH22" s="277">
        <v>0</v>
      </c>
      <c r="BI22" s="279">
        <v>0</v>
      </c>
      <c r="BJ22" s="280">
        <v>21</v>
      </c>
      <c r="BK22" s="280">
        <v>24</v>
      </c>
      <c r="BL22" s="280">
        <v>14</v>
      </c>
      <c r="BM22" s="280">
        <v>3</v>
      </c>
      <c r="BN22" s="280">
        <v>0</v>
      </c>
      <c r="BO22" s="277">
        <v>62</v>
      </c>
      <c r="BP22" s="282">
        <v>62</v>
      </c>
      <c r="BQ22" s="276">
        <v>3</v>
      </c>
      <c r="BR22" s="280">
        <v>4</v>
      </c>
      <c r="BS22" s="277">
        <v>7</v>
      </c>
      <c r="BT22" s="279">
        <v>0</v>
      </c>
      <c r="BU22" s="280">
        <v>11</v>
      </c>
      <c r="BV22" s="280">
        <v>12</v>
      </c>
      <c r="BW22" s="280">
        <v>10</v>
      </c>
      <c r="BX22" s="280">
        <v>5</v>
      </c>
      <c r="BY22" s="280">
        <v>0</v>
      </c>
      <c r="BZ22" s="277">
        <v>38</v>
      </c>
      <c r="CA22" s="282">
        <v>45</v>
      </c>
      <c r="CB22" s="276">
        <v>0</v>
      </c>
      <c r="CC22" s="280">
        <v>1</v>
      </c>
      <c r="CD22" s="277">
        <v>1</v>
      </c>
      <c r="CE22" s="279">
        <v>0</v>
      </c>
      <c r="CF22" s="280">
        <v>3</v>
      </c>
      <c r="CG22" s="280">
        <v>7</v>
      </c>
      <c r="CH22" s="280">
        <v>7</v>
      </c>
      <c r="CI22" s="280">
        <v>9</v>
      </c>
      <c r="CJ22" s="280">
        <v>0</v>
      </c>
      <c r="CK22" s="277">
        <v>26</v>
      </c>
      <c r="CL22" s="282">
        <v>27</v>
      </c>
      <c r="CM22" s="276">
        <v>0</v>
      </c>
      <c r="CN22" s="280">
        <v>0</v>
      </c>
      <c r="CO22" s="277">
        <v>0</v>
      </c>
      <c r="CP22" s="279">
        <v>0</v>
      </c>
      <c r="CQ22" s="280">
        <v>0</v>
      </c>
      <c r="CR22" s="280">
        <v>0</v>
      </c>
      <c r="CS22" s="280">
        <v>1</v>
      </c>
      <c r="CT22" s="280">
        <v>3</v>
      </c>
      <c r="CU22" s="280">
        <v>0</v>
      </c>
      <c r="CV22" s="277">
        <v>4</v>
      </c>
      <c r="CW22" s="282">
        <v>4</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9</v>
      </c>
      <c r="DU22" s="280">
        <v>22</v>
      </c>
      <c r="DV22" s="277">
        <v>31</v>
      </c>
      <c r="DW22" s="279">
        <v>0</v>
      </c>
      <c r="DX22" s="280">
        <v>39</v>
      </c>
      <c r="DY22" s="280">
        <v>49</v>
      </c>
      <c r="DZ22" s="280">
        <v>28</v>
      </c>
      <c r="EA22" s="280">
        <v>17</v>
      </c>
      <c r="EB22" s="280">
        <v>9</v>
      </c>
      <c r="EC22" s="277">
        <v>142</v>
      </c>
      <c r="ED22" s="282">
        <v>173</v>
      </c>
      <c r="EE22" s="276">
        <v>1</v>
      </c>
      <c r="EF22" s="280">
        <v>2</v>
      </c>
      <c r="EG22" s="277">
        <v>3</v>
      </c>
      <c r="EH22" s="279">
        <v>0</v>
      </c>
      <c r="EI22" s="280">
        <v>7</v>
      </c>
      <c r="EJ22" s="280">
        <v>6</v>
      </c>
      <c r="EK22" s="280">
        <v>7</v>
      </c>
      <c r="EL22" s="280">
        <v>5</v>
      </c>
      <c r="EM22" s="280">
        <v>5</v>
      </c>
      <c r="EN22" s="277">
        <v>30</v>
      </c>
      <c r="EO22" s="282">
        <v>33</v>
      </c>
      <c r="EP22" s="276">
        <v>15</v>
      </c>
      <c r="EQ22" s="280">
        <v>29</v>
      </c>
      <c r="ER22" s="277">
        <v>44</v>
      </c>
      <c r="ES22" s="279">
        <v>0</v>
      </c>
      <c r="ET22" s="280">
        <v>83</v>
      </c>
      <c r="EU22" s="280">
        <v>63</v>
      </c>
      <c r="EV22" s="280">
        <v>37</v>
      </c>
      <c r="EW22" s="280">
        <v>20</v>
      </c>
      <c r="EX22" s="280">
        <v>9</v>
      </c>
      <c r="EY22" s="277">
        <v>212</v>
      </c>
      <c r="EZ22" s="282">
        <v>256</v>
      </c>
    </row>
    <row r="23" spans="2:156" ht="21" customHeight="1" x14ac:dyDescent="0.2">
      <c r="B23" s="261" t="s">
        <v>21</v>
      </c>
      <c r="C23" s="276">
        <v>0</v>
      </c>
      <c r="D23" s="280">
        <v>0</v>
      </c>
      <c r="E23" s="382">
        <v>0</v>
      </c>
      <c r="F23" s="279">
        <v>0</v>
      </c>
      <c r="G23" s="280">
        <v>12</v>
      </c>
      <c r="H23" s="280">
        <v>14</v>
      </c>
      <c r="I23" s="280">
        <v>7</v>
      </c>
      <c r="J23" s="280">
        <v>8</v>
      </c>
      <c r="K23" s="280">
        <v>3</v>
      </c>
      <c r="L23" s="281">
        <v>44</v>
      </c>
      <c r="M23" s="282">
        <v>44</v>
      </c>
      <c r="N23" s="276">
        <v>0</v>
      </c>
      <c r="O23" s="280">
        <v>0</v>
      </c>
      <c r="P23" s="277">
        <v>0</v>
      </c>
      <c r="Q23" s="279">
        <v>0</v>
      </c>
      <c r="R23" s="280">
        <v>0</v>
      </c>
      <c r="S23" s="280">
        <v>0</v>
      </c>
      <c r="T23" s="280">
        <v>0</v>
      </c>
      <c r="U23" s="280">
        <v>0</v>
      </c>
      <c r="V23" s="280">
        <v>5</v>
      </c>
      <c r="W23" s="277">
        <v>5</v>
      </c>
      <c r="X23" s="282">
        <v>5</v>
      </c>
      <c r="Y23" s="276">
        <v>3</v>
      </c>
      <c r="Z23" s="280">
        <v>3</v>
      </c>
      <c r="AA23" s="277">
        <v>6</v>
      </c>
      <c r="AB23" s="279">
        <v>0</v>
      </c>
      <c r="AC23" s="280">
        <v>13</v>
      </c>
      <c r="AD23" s="280">
        <v>19</v>
      </c>
      <c r="AE23" s="280">
        <v>6</v>
      </c>
      <c r="AF23" s="280">
        <v>11</v>
      </c>
      <c r="AG23" s="280">
        <v>5</v>
      </c>
      <c r="AH23" s="277">
        <v>54</v>
      </c>
      <c r="AI23" s="282">
        <v>60</v>
      </c>
      <c r="AJ23" s="276">
        <v>0</v>
      </c>
      <c r="AK23" s="280">
        <v>2</v>
      </c>
      <c r="AL23" s="277">
        <v>2</v>
      </c>
      <c r="AM23" s="279">
        <v>0</v>
      </c>
      <c r="AN23" s="280">
        <v>1</v>
      </c>
      <c r="AO23" s="280">
        <v>2</v>
      </c>
      <c r="AP23" s="280">
        <v>2</v>
      </c>
      <c r="AQ23" s="280">
        <v>1</v>
      </c>
      <c r="AR23" s="280">
        <v>1</v>
      </c>
      <c r="AS23" s="277">
        <v>7</v>
      </c>
      <c r="AT23" s="282">
        <v>9</v>
      </c>
      <c r="AU23" s="276">
        <v>4</v>
      </c>
      <c r="AV23" s="280">
        <v>4</v>
      </c>
      <c r="AW23" s="277">
        <v>8</v>
      </c>
      <c r="AX23" s="279">
        <v>0</v>
      </c>
      <c r="AY23" s="280">
        <v>9</v>
      </c>
      <c r="AZ23" s="280">
        <v>18</v>
      </c>
      <c r="BA23" s="280">
        <v>11</v>
      </c>
      <c r="BB23" s="280">
        <v>17</v>
      </c>
      <c r="BC23" s="280">
        <v>11</v>
      </c>
      <c r="BD23" s="281">
        <v>66</v>
      </c>
      <c r="BE23" s="282">
        <v>74</v>
      </c>
      <c r="BF23" s="276">
        <v>0</v>
      </c>
      <c r="BG23" s="280">
        <v>0</v>
      </c>
      <c r="BH23" s="277">
        <v>0</v>
      </c>
      <c r="BI23" s="279">
        <v>0</v>
      </c>
      <c r="BJ23" s="280">
        <v>18</v>
      </c>
      <c r="BK23" s="280">
        <v>16</v>
      </c>
      <c r="BL23" s="280">
        <v>13</v>
      </c>
      <c r="BM23" s="280">
        <v>4</v>
      </c>
      <c r="BN23" s="280">
        <v>3</v>
      </c>
      <c r="BO23" s="277">
        <v>54</v>
      </c>
      <c r="BP23" s="282">
        <v>54</v>
      </c>
      <c r="BQ23" s="276">
        <v>2</v>
      </c>
      <c r="BR23" s="280">
        <v>0</v>
      </c>
      <c r="BS23" s="277">
        <v>2</v>
      </c>
      <c r="BT23" s="279">
        <v>0</v>
      </c>
      <c r="BU23" s="280">
        <v>6</v>
      </c>
      <c r="BV23" s="280">
        <v>11</v>
      </c>
      <c r="BW23" s="280">
        <v>2</v>
      </c>
      <c r="BX23" s="280">
        <v>1</v>
      </c>
      <c r="BY23" s="280">
        <v>0</v>
      </c>
      <c r="BZ23" s="277">
        <v>20</v>
      </c>
      <c r="CA23" s="282">
        <v>22</v>
      </c>
      <c r="CB23" s="276">
        <v>0</v>
      </c>
      <c r="CC23" s="280">
        <v>0</v>
      </c>
      <c r="CD23" s="277">
        <v>0</v>
      </c>
      <c r="CE23" s="279">
        <v>0</v>
      </c>
      <c r="CF23" s="280">
        <v>3</v>
      </c>
      <c r="CG23" s="280">
        <v>2</v>
      </c>
      <c r="CH23" s="280">
        <v>8</v>
      </c>
      <c r="CI23" s="280">
        <v>7</v>
      </c>
      <c r="CJ23" s="280">
        <v>2</v>
      </c>
      <c r="CK23" s="277">
        <v>22</v>
      </c>
      <c r="CL23" s="282">
        <v>22</v>
      </c>
      <c r="CM23" s="276">
        <v>0</v>
      </c>
      <c r="CN23" s="280">
        <v>0</v>
      </c>
      <c r="CO23" s="277">
        <v>0</v>
      </c>
      <c r="CP23" s="279">
        <v>0</v>
      </c>
      <c r="CQ23" s="280">
        <v>0</v>
      </c>
      <c r="CR23" s="280">
        <v>1</v>
      </c>
      <c r="CS23" s="280">
        <v>0</v>
      </c>
      <c r="CT23" s="280">
        <v>0</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6</v>
      </c>
      <c r="DU23" s="280">
        <v>13</v>
      </c>
      <c r="DV23" s="277">
        <v>19</v>
      </c>
      <c r="DW23" s="279">
        <v>0</v>
      </c>
      <c r="DX23" s="280">
        <v>15</v>
      </c>
      <c r="DY23" s="280">
        <v>41</v>
      </c>
      <c r="DZ23" s="280">
        <v>24</v>
      </c>
      <c r="EA23" s="280">
        <v>19</v>
      </c>
      <c r="EB23" s="280">
        <v>7</v>
      </c>
      <c r="EC23" s="277">
        <v>106</v>
      </c>
      <c r="ED23" s="282">
        <v>125</v>
      </c>
      <c r="EE23" s="276">
        <v>1</v>
      </c>
      <c r="EF23" s="280">
        <v>1</v>
      </c>
      <c r="EG23" s="277">
        <v>2</v>
      </c>
      <c r="EH23" s="279">
        <v>0</v>
      </c>
      <c r="EI23" s="280">
        <v>4</v>
      </c>
      <c r="EJ23" s="280">
        <v>4</v>
      </c>
      <c r="EK23" s="280">
        <v>4</v>
      </c>
      <c r="EL23" s="280">
        <v>5</v>
      </c>
      <c r="EM23" s="280">
        <v>2</v>
      </c>
      <c r="EN23" s="277">
        <v>19</v>
      </c>
      <c r="EO23" s="282">
        <v>21</v>
      </c>
      <c r="EP23" s="276">
        <v>11</v>
      </c>
      <c r="EQ23" s="280">
        <v>16</v>
      </c>
      <c r="ER23" s="277">
        <v>27</v>
      </c>
      <c r="ES23" s="279">
        <v>0</v>
      </c>
      <c r="ET23" s="280">
        <v>48</v>
      </c>
      <c r="EU23" s="280">
        <v>59</v>
      </c>
      <c r="EV23" s="280">
        <v>28</v>
      </c>
      <c r="EW23" s="280">
        <v>22</v>
      </c>
      <c r="EX23" s="280">
        <v>8</v>
      </c>
      <c r="EY23" s="277">
        <v>165</v>
      </c>
      <c r="EZ23" s="282">
        <v>192</v>
      </c>
    </row>
    <row r="24" spans="2:156" ht="21" customHeight="1" x14ac:dyDescent="0.2">
      <c r="B24" s="261" t="s">
        <v>22</v>
      </c>
      <c r="C24" s="276">
        <v>0</v>
      </c>
      <c r="D24" s="280">
        <v>0</v>
      </c>
      <c r="E24" s="382">
        <v>0</v>
      </c>
      <c r="F24" s="279">
        <v>0</v>
      </c>
      <c r="G24" s="280">
        <v>7</v>
      </c>
      <c r="H24" s="280">
        <v>5</v>
      </c>
      <c r="I24" s="280">
        <v>2</v>
      </c>
      <c r="J24" s="280">
        <v>5</v>
      </c>
      <c r="K24" s="280">
        <v>2</v>
      </c>
      <c r="L24" s="281">
        <v>21</v>
      </c>
      <c r="M24" s="282">
        <v>21</v>
      </c>
      <c r="N24" s="276">
        <v>0</v>
      </c>
      <c r="O24" s="280">
        <v>0</v>
      </c>
      <c r="P24" s="277">
        <v>0</v>
      </c>
      <c r="Q24" s="279">
        <v>0</v>
      </c>
      <c r="R24" s="280">
        <v>1</v>
      </c>
      <c r="S24" s="280">
        <v>0</v>
      </c>
      <c r="T24" s="280">
        <v>0</v>
      </c>
      <c r="U24" s="280">
        <v>0</v>
      </c>
      <c r="V24" s="280">
        <v>0</v>
      </c>
      <c r="W24" s="277">
        <v>1</v>
      </c>
      <c r="X24" s="282">
        <v>1</v>
      </c>
      <c r="Y24" s="276">
        <v>0</v>
      </c>
      <c r="Z24" s="280">
        <v>1</v>
      </c>
      <c r="AA24" s="277">
        <v>1</v>
      </c>
      <c r="AB24" s="279">
        <v>0</v>
      </c>
      <c r="AC24" s="280">
        <v>2</v>
      </c>
      <c r="AD24" s="280">
        <v>3</v>
      </c>
      <c r="AE24" s="280">
        <v>4</v>
      </c>
      <c r="AF24" s="280">
        <v>4</v>
      </c>
      <c r="AG24" s="280">
        <v>3</v>
      </c>
      <c r="AH24" s="277">
        <v>16</v>
      </c>
      <c r="AI24" s="282">
        <v>17</v>
      </c>
      <c r="AJ24" s="276">
        <v>0</v>
      </c>
      <c r="AK24" s="280">
        <v>0</v>
      </c>
      <c r="AL24" s="277">
        <v>0</v>
      </c>
      <c r="AM24" s="279">
        <v>0</v>
      </c>
      <c r="AN24" s="280">
        <v>0</v>
      </c>
      <c r="AO24" s="280">
        <v>1</v>
      </c>
      <c r="AP24" s="280">
        <v>1</v>
      </c>
      <c r="AQ24" s="280">
        <v>0</v>
      </c>
      <c r="AR24" s="280">
        <v>0</v>
      </c>
      <c r="AS24" s="277">
        <v>2</v>
      </c>
      <c r="AT24" s="282">
        <v>2</v>
      </c>
      <c r="AU24" s="276">
        <v>1</v>
      </c>
      <c r="AV24" s="280">
        <v>1</v>
      </c>
      <c r="AW24" s="277">
        <v>2</v>
      </c>
      <c r="AX24" s="279">
        <v>0</v>
      </c>
      <c r="AY24" s="280">
        <v>6</v>
      </c>
      <c r="AZ24" s="280">
        <v>7</v>
      </c>
      <c r="BA24" s="280">
        <v>5</v>
      </c>
      <c r="BB24" s="280">
        <v>6</v>
      </c>
      <c r="BC24" s="280">
        <v>2</v>
      </c>
      <c r="BD24" s="281">
        <v>26</v>
      </c>
      <c r="BE24" s="282">
        <v>28</v>
      </c>
      <c r="BF24" s="276">
        <v>0</v>
      </c>
      <c r="BG24" s="280">
        <v>0</v>
      </c>
      <c r="BH24" s="277">
        <v>0</v>
      </c>
      <c r="BI24" s="279">
        <v>0</v>
      </c>
      <c r="BJ24" s="280">
        <v>8</v>
      </c>
      <c r="BK24" s="280">
        <v>5</v>
      </c>
      <c r="BL24" s="280">
        <v>8</v>
      </c>
      <c r="BM24" s="280">
        <v>4</v>
      </c>
      <c r="BN24" s="280">
        <v>2</v>
      </c>
      <c r="BO24" s="277">
        <v>27</v>
      </c>
      <c r="BP24" s="282">
        <v>27</v>
      </c>
      <c r="BQ24" s="276">
        <v>0</v>
      </c>
      <c r="BR24" s="280">
        <v>1</v>
      </c>
      <c r="BS24" s="277">
        <v>1</v>
      </c>
      <c r="BT24" s="279">
        <v>0</v>
      </c>
      <c r="BU24" s="280">
        <v>2</v>
      </c>
      <c r="BV24" s="280">
        <v>2</v>
      </c>
      <c r="BW24" s="280">
        <v>2</v>
      </c>
      <c r="BX24" s="280">
        <v>1</v>
      </c>
      <c r="BY24" s="280">
        <v>1</v>
      </c>
      <c r="BZ24" s="277">
        <v>8</v>
      </c>
      <c r="CA24" s="282">
        <v>9</v>
      </c>
      <c r="CB24" s="276">
        <v>0</v>
      </c>
      <c r="CC24" s="280">
        <v>0</v>
      </c>
      <c r="CD24" s="277">
        <v>0</v>
      </c>
      <c r="CE24" s="279">
        <v>0</v>
      </c>
      <c r="CF24" s="280">
        <v>1</v>
      </c>
      <c r="CG24" s="280">
        <v>0</v>
      </c>
      <c r="CH24" s="280">
        <v>2</v>
      </c>
      <c r="CI24" s="280">
        <v>2</v>
      </c>
      <c r="CJ24" s="280">
        <v>0</v>
      </c>
      <c r="CK24" s="277">
        <v>5</v>
      </c>
      <c r="CL24" s="282">
        <v>5</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1</v>
      </c>
      <c r="DU24" s="280">
        <v>8</v>
      </c>
      <c r="DV24" s="277">
        <v>9</v>
      </c>
      <c r="DW24" s="279">
        <v>0</v>
      </c>
      <c r="DX24" s="280">
        <v>13</v>
      </c>
      <c r="DY24" s="280">
        <v>14</v>
      </c>
      <c r="DZ24" s="280">
        <v>9</v>
      </c>
      <c r="EA24" s="280">
        <v>12</v>
      </c>
      <c r="EB24" s="280">
        <v>6</v>
      </c>
      <c r="EC24" s="277">
        <v>54</v>
      </c>
      <c r="ED24" s="282">
        <v>63</v>
      </c>
      <c r="EE24" s="276">
        <v>0</v>
      </c>
      <c r="EF24" s="280">
        <v>1</v>
      </c>
      <c r="EG24" s="277">
        <v>1</v>
      </c>
      <c r="EH24" s="279">
        <v>0</v>
      </c>
      <c r="EI24" s="280">
        <v>4</v>
      </c>
      <c r="EJ24" s="280">
        <v>3</v>
      </c>
      <c r="EK24" s="280">
        <v>2</v>
      </c>
      <c r="EL24" s="280">
        <v>2</v>
      </c>
      <c r="EM24" s="280">
        <v>0</v>
      </c>
      <c r="EN24" s="277">
        <v>11</v>
      </c>
      <c r="EO24" s="282">
        <v>12</v>
      </c>
      <c r="EP24" s="276">
        <v>1</v>
      </c>
      <c r="EQ24" s="280">
        <v>9</v>
      </c>
      <c r="ER24" s="277">
        <v>10</v>
      </c>
      <c r="ES24" s="279">
        <v>0</v>
      </c>
      <c r="ET24" s="280">
        <v>25</v>
      </c>
      <c r="EU24" s="280">
        <v>19</v>
      </c>
      <c r="EV24" s="280">
        <v>12</v>
      </c>
      <c r="EW24" s="280">
        <v>11</v>
      </c>
      <c r="EX24" s="280">
        <v>6</v>
      </c>
      <c r="EY24" s="277">
        <v>73</v>
      </c>
      <c r="EZ24" s="282">
        <v>83</v>
      </c>
    </row>
    <row r="25" spans="2:156" ht="21" customHeight="1" x14ac:dyDescent="0.2">
      <c r="B25" s="261" t="s">
        <v>23</v>
      </c>
      <c r="C25" s="276">
        <v>0</v>
      </c>
      <c r="D25" s="280">
        <v>0</v>
      </c>
      <c r="E25" s="382">
        <v>0</v>
      </c>
      <c r="F25" s="279">
        <v>0</v>
      </c>
      <c r="G25" s="280">
        <v>4</v>
      </c>
      <c r="H25" s="280">
        <v>8</v>
      </c>
      <c r="I25" s="280">
        <v>5</v>
      </c>
      <c r="J25" s="280">
        <v>1</v>
      </c>
      <c r="K25" s="280">
        <v>3</v>
      </c>
      <c r="L25" s="281">
        <v>21</v>
      </c>
      <c r="M25" s="282">
        <v>21</v>
      </c>
      <c r="N25" s="276">
        <v>0</v>
      </c>
      <c r="O25" s="280">
        <v>0</v>
      </c>
      <c r="P25" s="277">
        <v>0</v>
      </c>
      <c r="Q25" s="279">
        <v>0</v>
      </c>
      <c r="R25" s="280">
        <v>0</v>
      </c>
      <c r="S25" s="280">
        <v>1</v>
      </c>
      <c r="T25" s="280">
        <v>0</v>
      </c>
      <c r="U25" s="280">
        <v>0</v>
      </c>
      <c r="V25" s="280">
        <v>0</v>
      </c>
      <c r="W25" s="277">
        <v>1</v>
      </c>
      <c r="X25" s="282">
        <v>1</v>
      </c>
      <c r="Y25" s="276">
        <v>3</v>
      </c>
      <c r="Z25" s="280">
        <v>6</v>
      </c>
      <c r="AA25" s="277">
        <v>9</v>
      </c>
      <c r="AB25" s="279">
        <v>0</v>
      </c>
      <c r="AC25" s="280">
        <v>5</v>
      </c>
      <c r="AD25" s="280">
        <v>12</v>
      </c>
      <c r="AE25" s="280">
        <v>4</v>
      </c>
      <c r="AF25" s="280">
        <v>2</v>
      </c>
      <c r="AG25" s="280">
        <v>1</v>
      </c>
      <c r="AH25" s="277">
        <v>24</v>
      </c>
      <c r="AI25" s="282">
        <v>33</v>
      </c>
      <c r="AJ25" s="276">
        <v>0</v>
      </c>
      <c r="AK25" s="280">
        <v>0</v>
      </c>
      <c r="AL25" s="277">
        <v>0</v>
      </c>
      <c r="AM25" s="279">
        <v>0</v>
      </c>
      <c r="AN25" s="280">
        <v>0</v>
      </c>
      <c r="AO25" s="280">
        <v>1</v>
      </c>
      <c r="AP25" s="280">
        <v>0</v>
      </c>
      <c r="AQ25" s="280">
        <v>1</v>
      </c>
      <c r="AR25" s="280">
        <v>0</v>
      </c>
      <c r="AS25" s="277">
        <v>2</v>
      </c>
      <c r="AT25" s="282">
        <v>2</v>
      </c>
      <c r="AU25" s="276">
        <v>2</v>
      </c>
      <c r="AV25" s="280">
        <v>0</v>
      </c>
      <c r="AW25" s="277">
        <v>2</v>
      </c>
      <c r="AX25" s="279">
        <v>0</v>
      </c>
      <c r="AY25" s="280">
        <v>14</v>
      </c>
      <c r="AZ25" s="280">
        <v>9</v>
      </c>
      <c r="BA25" s="280">
        <v>7</v>
      </c>
      <c r="BB25" s="280">
        <v>10</v>
      </c>
      <c r="BC25" s="280">
        <v>7</v>
      </c>
      <c r="BD25" s="281">
        <v>47</v>
      </c>
      <c r="BE25" s="282">
        <v>49</v>
      </c>
      <c r="BF25" s="276">
        <v>0</v>
      </c>
      <c r="BG25" s="280">
        <v>0</v>
      </c>
      <c r="BH25" s="277">
        <v>0</v>
      </c>
      <c r="BI25" s="279">
        <v>0</v>
      </c>
      <c r="BJ25" s="280">
        <v>12</v>
      </c>
      <c r="BK25" s="280">
        <v>13</v>
      </c>
      <c r="BL25" s="280">
        <v>7</v>
      </c>
      <c r="BM25" s="280">
        <v>4</v>
      </c>
      <c r="BN25" s="280">
        <v>1</v>
      </c>
      <c r="BO25" s="277">
        <v>37</v>
      </c>
      <c r="BP25" s="282">
        <v>37</v>
      </c>
      <c r="BQ25" s="276">
        <v>0</v>
      </c>
      <c r="BR25" s="280">
        <v>0</v>
      </c>
      <c r="BS25" s="277">
        <v>0</v>
      </c>
      <c r="BT25" s="279">
        <v>0</v>
      </c>
      <c r="BU25" s="280">
        <v>3</v>
      </c>
      <c r="BV25" s="280">
        <v>4</v>
      </c>
      <c r="BW25" s="280">
        <v>3</v>
      </c>
      <c r="BX25" s="280">
        <v>2</v>
      </c>
      <c r="BY25" s="280">
        <v>1</v>
      </c>
      <c r="BZ25" s="277">
        <v>13</v>
      </c>
      <c r="CA25" s="282">
        <v>13</v>
      </c>
      <c r="CB25" s="276">
        <v>0</v>
      </c>
      <c r="CC25" s="280">
        <v>0</v>
      </c>
      <c r="CD25" s="277">
        <v>0</v>
      </c>
      <c r="CE25" s="279">
        <v>0</v>
      </c>
      <c r="CF25" s="280">
        <v>0</v>
      </c>
      <c r="CG25" s="280">
        <v>2</v>
      </c>
      <c r="CH25" s="280">
        <v>2</v>
      </c>
      <c r="CI25" s="280">
        <v>5</v>
      </c>
      <c r="CJ25" s="280">
        <v>1</v>
      </c>
      <c r="CK25" s="277">
        <v>10</v>
      </c>
      <c r="CL25" s="282">
        <v>10</v>
      </c>
      <c r="CM25" s="276">
        <v>0</v>
      </c>
      <c r="CN25" s="280">
        <v>1</v>
      </c>
      <c r="CO25" s="277">
        <v>1</v>
      </c>
      <c r="CP25" s="279">
        <v>0</v>
      </c>
      <c r="CQ25" s="280">
        <v>1</v>
      </c>
      <c r="CR25" s="280">
        <v>0</v>
      </c>
      <c r="CS25" s="280">
        <v>0</v>
      </c>
      <c r="CT25" s="280">
        <v>0</v>
      </c>
      <c r="CU25" s="280">
        <v>1</v>
      </c>
      <c r="CV25" s="277">
        <v>2</v>
      </c>
      <c r="CW25" s="282">
        <v>3</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3</v>
      </c>
      <c r="DU25" s="280">
        <v>10</v>
      </c>
      <c r="DV25" s="277">
        <v>13</v>
      </c>
      <c r="DW25" s="279">
        <v>0</v>
      </c>
      <c r="DX25" s="280">
        <v>10</v>
      </c>
      <c r="DY25" s="280">
        <v>19</v>
      </c>
      <c r="DZ25" s="280">
        <v>8</v>
      </c>
      <c r="EA25" s="280">
        <v>5</v>
      </c>
      <c r="EB25" s="280">
        <v>4</v>
      </c>
      <c r="EC25" s="277">
        <v>46</v>
      </c>
      <c r="ED25" s="282">
        <v>59</v>
      </c>
      <c r="EE25" s="276">
        <v>2</v>
      </c>
      <c r="EF25" s="280">
        <v>0</v>
      </c>
      <c r="EG25" s="277">
        <v>2</v>
      </c>
      <c r="EH25" s="279">
        <v>0</v>
      </c>
      <c r="EI25" s="280">
        <v>8</v>
      </c>
      <c r="EJ25" s="280">
        <v>1</v>
      </c>
      <c r="EK25" s="280">
        <v>0</v>
      </c>
      <c r="EL25" s="280">
        <v>4</v>
      </c>
      <c r="EM25" s="280">
        <v>2</v>
      </c>
      <c r="EN25" s="277">
        <v>15</v>
      </c>
      <c r="EO25" s="282">
        <v>17</v>
      </c>
      <c r="EP25" s="276">
        <v>6</v>
      </c>
      <c r="EQ25" s="280">
        <v>15</v>
      </c>
      <c r="ER25" s="277">
        <v>21</v>
      </c>
      <c r="ES25" s="279">
        <v>0</v>
      </c>
      <c r="ET25" s="280">
        <v>29</v>
      </c>
      <c r="EU25" s="280">
        <v>29</v>
      </c>
      <c r="EV25" s="280">
        <v>12</v>
      </c>
      <c r="EW25" s="280">
        <v>7</v>
      </c>
      <c r="EX25" s="280">
        <v>4</v>
      </c>
      <c r="EY25" s="277">
        <v>81</v>
      </c>
      <c r="EZ25" s="282">
        <v>102</v>
      </c>
    </row>
    <row r="26" spans="2:156" ht="21" customHeight="1" x14ac:dyDescent="0.2">
      <c r="B26" s="261" t="s">
        <v>24</v>
      </c>
      <c r="C26" s="276">
        <v>0</v>
      </c>
      <c r="D26" s="280">
        <v>0</v>
      </c>
      <c r="E26" s="382">
        <v>0</v>
      </c>
      <c r="F26" s="279">
        <v>0</v>
      </c>
      <c r="G26" s="280">
        <v>7</v>
      </c>
      <c r="H26" s="280">
        <v>4</v>
      </c>
      <c r="I26" s="280">
        <v>5</v>
      </c>
      <c r="J26" s="280">
        <v>0</v>
      </c>
      <c r="K26" s="280">
        <v>5</v>
      </c>
      <c r="L26" s="281">
        <v>21</v>
      </c>
      <c r="M26" s="282">
        <v>21</v>
      </c>
      <c r="N26" s="276">
        <v>0</v>
      </c>
      <c r="O26" s="280">
        <v>0</v>
      </c>
      <c r="P26" s="277">
        <v>0</v>
      </c>
      <c r="Q26" s="279">
        <v>0</v>
      </c>
      <c r="R26" s="280">
        <v>0</v>
      </c>
      <c r="S26" s="280">
        <v>0</v>
      </c>
      <c r="T26" s="280">
        <v>1</v>
      </c>
      <c r="U26" s="280">
        <v>2</v>
      </c>
      <c r="V26" s="280">
        <v>2</v>
      </c>
      <c r="W26" s="277">
        <v>5</v>
      </c>
      <c r="X26" s="282">
        <v>5</v>
      </c>
      <c r="Y26" s="276">
        <v>2</v>
      </c>
      <c r="Z26" s="280">
        <v>2</v>
      </c>
      <c r="AA26" s="277">
        <v>4</v>
      </c>
      <c r="AB26" s="279">
        <v>0</v>
      </c>
      <c r="AC26" s="280">
        <v>5</v>
      </c>
      <c r="AD26" s="280">
        <v>5</v>
      </c>
      <c r="AE26" s="280">
        <v>7</v>
      </c>
      <c r="AF26" s="280">
        <v>2</v>
      </c>
      <c r="AG26" s="280">
        <v>3</v>
      </c>
      <c r="AH26" s="277">
        <v>22</v>
      </c>
      <c r="AI26" s="282">
        <v>26</v>
      </c>
      <c r="AJ26" s="276">
        <v>0</v>
      </c>
      <c r="AK26" s="280">
        <v>0</v>
      </c>
      <c r="AL26" s="277">
        <v>0</v>
      </c>
      <c r="AM26" s="279">
        <v>0</v>
      </c>
      <c r="AN26" s="280">
        <v>1</v>
      </c>
      <c r="AO26" s="280">
        <v>2</v>
      </c>
      <c r="AP26" s="280">
        <v>1</v>
      </c>
      <c r="AQ26" s="280">
        <v>0</v>
      </c>
      <c r="AR26" s="280">
        <v>0</v>
      </c>
      <c r="AS26" s="277">
        <v>4</v>
      </c>
      <c r="AT26" s="282">
        <v>4</v>
      </c>
      <c r="AU26" s="276">
        <v>4</v>
      </c>
      <c r="AV26" s="280">
        <v>0</v>
      </c>
      <c r="AW26" s="277">
        <v>4</v>
      </c>
      <c r="AX26" s="279">
        <v>0</v>
      </c>
      <c r="AY26" s="280">
        <v>10</v>
      </c>
      <c r="AZ26" s="280">
        <v>7</v>
      </c>
      <c r="BA26" s="280">
        <v>11</v>
      </c>
      <c r="BB26" s="280">
        <v>2</v>
      </c>
      <c r="BC26" s="280">
        <v>12</v>
      </c>
      <c r="BD26" s="281">
        <v>42</v>
      </c>
      <c r="BE26" s="282">
        <v>46</v>
      </c>
      <c r="BF26" s="276">
        <v>0</v>
      </c>
      <c r="BG26" s="280">
        <v>0</v>
      </c>
      <c r="BH26" s="277">
        <v>0</v>
      </c>
      <c r="BI26" s="279">
        <v>0</v>
      </c>
      <c r="BJ26" s="280">
        <v>15</v>
      </c>
      <c r="BK26" s="280">
        <v>7</v>
      </c>
      <c r="BL26" s="280">
        <v>4</v>
      </c>
      <c r="BM26" s="280">
        <v>0</v>
      </c>
      <c r="BN26" s="280">
        <v>1</v>
      </c>
      <c r="BO26" s="277">
        <v>27</v>
      </c>
      <c r="BP26" s="282">
        <v>27</v>
      </c>
      <c r="BQ26" s="276">
        <v>3</v>
      </c>
      <c r="BR26" s="280">
        <v>2</v>
      </c>
      <c r="BS26" s="277">
        <v>5</v>
      </c>
      <c r="BT26" s="279">
        <v>0</v>
      </c>
      <c r="BU26" s="280">
        <v>0</v>
      </c>
      <c r="BV26" s="280">
        <v>5</v>
      </c>
      <c r="BW26" s="280">
        <v>3</v>
      </c>
      <c r="BX26" s="280">
        <v>0</v>
      </c>
      <c r="BY26" s="280">
        <v>0</v>
      </c>
      <c r="BZ26" s="277">
        <v>8</v>
      </c>
      <c r="CA26" s="282">
        <v>13</v>
      </c>
      <c r="CB26" s="276">
        <v>0</v>
      </c>
      <c r="CC26" s="280">
        <v>0</v>
      </c>
      <c r="CD26" s="277">
        <v>0</v>
      </c>
      <c r="CE26" s="279">
        <v>0</v>
      </c>
      <c r="CF26" s="280">
        <v>2</v>
      </c>
      <c r="CG26" s="280">
        <v>1</v>
      </c>
      <c r="CH26" s="280">
        <v>3</v>
      </c>
      <c r="CI26" s="280">
        <v>0</v>
      </c>
      <c r="CJ26" s="280">
        <v>1</v>
      </c>
      <c r="CK26" s="277">
        <v>7</v>
      </c>
      <c r="CL26" s="282">
        <v>7</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0</v>
      </c>
      <c r="DU26" s="280">
        <v>5</v>
      </c>
      <c r="DV26" s="277">
        <v>15</v>
      </c>
      <c r="DW26" s="279">
        <v>0</v>
      </c>
      <c r="DX26" s="280">
        <v>12</v>
      </c>
      <c r="DY26" s="280">
        <v>19</v>
      </c>
      <c r="DZ26" s="280">
        <v>14</v>
      </c>
      <c r="EA26" s="280">
        <v>2</v>
      </c>
      <c r="EB26" s="280">
        <v>5</v>
      </c>
      <c r="EC26" s="277">
        <v>52</v>
      </c>
      <c r="ED26" s="282">
        <v>67</v>
      </c>
      <c r="EE26" s="276">
        <v>5</v>
      </c>
      <c r="EF26" s="280">
        <v>1</v>
      </c>
      <c r="EG26" s="277">
        <v>6</v>
      </c>
      <c r="EH26" s="279">
        <v>0</v>
      </c>
      <c r="EI26" s="280">
        <v>2</v>
      </c>
      <c r="EJ26" s="280">
        <v>4</v>
      </c>
      <c r="EK26" s="280">
        <v>3</v>
      </c>
      <c r="EL26" s="280">
        <v>2</v>
      </c>
      <c r="EM26" s="280">
        <v>3</v>
      </c>
      <c r="EN26" s="277">
        <v>14</v>
      </c>
      <c r="EO26" s="282">
        <v>20</v>
      </c>
      <c r="EP26" s="276">
        <v>13</v>
      </c>
      <c r="EQ26" s="280">
        <v>6</v>
      </c>
      <c r="ER26" s="277">
        <v>19</v>
      </c>
      <c r="ES26" s="279">
        <v>0</v>
      </c>
      <c r="ET26" s="280">
        <v>29</v>
      </c>
      <c r="EU26" s="280">
        <v>23</v>
      </c>
      <c r="EV26" s="280">
        <v>17</v>
      </c>
      <c r="EW26" s="280">
        <v>2</v>
      </c>
      <c r="EX26" s="280">
        <v>5</v>
      </c>
      <c r="EY26" s="277">
        <v>76</v>
      </c>
      <c r="EZ26" s="282">
        <v>95</v>
      </c>
    </row>
    <row r="27" spans="2:156" ht="21" customHeight="1" x14ac:dyDescent="0.2">
      <c r="B27" s="261" t="s">
        <v>25</v>
      </c>
      <c r="C27" s="276">
        <v>0</v>
      </c>
      <c r="D27" s="280">
        <v>0</v>
      </c>
      <c r="E27" s="382">
        <v>0</v>
      </c>
      <c r="F27" s="279">
        <v>0</v>
      </c>
      <c r="G27" s="280">
        <v>7</v>
      </c>
      <c r="H27" s="280">
        <v>4</v>
      </c>
      <c r="I27" s="280">
        <v>4</v>
      </c>
      <c r="J27" s="280">
        <v>1</v>
      </c>
      <c r="K27" s="280">
        <v>0</v>
      </c>
      <c r="L27" s="281">
        <v>16</v>
      </c>
      <c r="M27" s="282">
        <v>16</v>
      </c>
      <c r="N27" s="276">
        <v>0</v>
      </c>
      <c r="O27" s="280">
        <v>0</v>
      </c>
      <c r="P27" s="277">
        <v>0</v>
      </c>
      <c r="Q27" s="279">
        <v>0</v>
      </c>
      <c r="R27" s="280">
        <v>0</v>
      </c>
      <c r="S27" s="280">
        <v>1</v>
      </c>
      <c r="T27" s="280">
        <v>2</v>
      </c>
      <c r="U27" s="280">
        <v>0</v>
      </c>
      <c r="V27" s="280">
        <v>1</v>
      </c>
      <c r="W27" s="277">
        <v>4</v>
      </c>
      <c r="X27" s="282">
        <v>4</v>
      </c>
      <c r="Y27" s="276">
        <v>0</v>
      </c>
      <c r="Z27" s="280">
        <v>2</v>
      </c>
      <c r="AA27" s="277">
        <v>2</v>
      </c>
      <c r="AB27" s="279">
        <v>0</v>
      </c>
      <c r="AC27" s="280">
        <v>4</v>
      </c>
      <c r="AD27" s="280">
        <v>5</v>
      </c>
      <c r="AE27" s="280">
        <v>3</v>
      </c>
      <c r="AF27" s="280">
        <v>3</v>
      </c>
      <c r="AG27" s="280">
        <v>1</v>
      </c>
      <c r="AH27" s="277">
        <v>16</v>
      </c>
      <c r="AI27" s="282">
        <v>18</v>
      </c>
      <c r="AJ27" s="276">
        <v>0</v>
      </c>
      <c r="AK27" s="280">
        <v>2</v>
      </c>
      <c r="AL27" s="277">
        <v>2</v>
      </c>
      <c r="AM27" s="279">
        <v>0</v>
      </c>
      <c r="AN27" s="280">
        <v>0</v>
      </c>
      <c r="AO27" s="280">
        <v>0</v>
      </c>
      <c r="AP27" s="280">
        <v>1</v>
      </c>
      <c r="AQ27" s="280">
        <v>0</v>
      </c>
      <c r="AR27" s="280">
        <v>0</v>
      </c>
      <c r="AS27" s="277">
        <v>1</v>
      </c>
      <c r="AT27" s="282">
        <v>3</v>
      </c>
      <c r="AU27" s="276">
        <v>0</v>
      </c>
      <c r="AV27" s="280">
        <v>2</v>
      </c>
      <c r="AW27" s="277">
        <v>2</v>
      </c>
      <c r="AX27" s="279">
        <v>0</v>
      </c>
      <c r="AY27" s="280">
        <v>5</v>
      </c>
      <c r="AZ27" s="280">
        <v>2</v>
      </c>
      <c r="BA27" s="280">
        <v>3</v>
      </c>
      <c r="BB27" s="280">
        <v>2</v>
      </c>
      <c r="BC27" s="280">
        <v>2</v>
      </c>
      <c r="BD27" s="281">
        <v>14</v>
      </c>
      <c r="BE27" s="282">
        <v>16</v>
      </c>
      <c r="BF27" s="276">
        <v>0</v>
      </c>
      <c r="BG27" s="280">
        <v>0</v>
      </c>
      <c r="BH27" s="277">
        <v>0</v>
      </c>
      <c r="BI27" s="279">
        <v>0</v>
      </c>
      <c r="BJ27" s="280">
        <v>4</v>
      </c>
      <c r="BK27" s="280">
        <v>5</v>
      </c>
      <c r="BL27" s="280">
        <v>2</v>
      </c>
      <c r="BM27" s="280">
        <v>3</v>
      </c>
      <c r="BN27" s="280">
        <v>0</v>
      </c>
      <c r="BO27" s="277">
        <v>14</v>
      </c>
      <c r="BP27" s="282">
        <v>14</v>
      </c>
      <c r="BQ27" s="276">
        <v>4</v>
      </c>
      <c r="BR27" s="280">
        <v>2</v>
      </c>
      <c r="BS27" s="277">
        <v>6</v>
      </c>
      <c r="BT27" s="279">
        <v>0</v>
      </c>
      <c r="BU27" s="280">
        <v>1</v>
      </c>
      <c r="BV27" s="280">
        <v>5</v>
      </c>
      <c r="BW27" s="280">
        <v>4</v>
      </c>
      <c r="BX27" s="280">
        <v>0</v>
      </c>
      <c r="BY27" s="280">
        <v>0</v>
      </c>
      <c r="BZ27" s="277">
        <v>10</v>
      </c>
      <c r="CA27" s="282">
        <v>16</v>
      </c>
      <c r="CB27" s="276">
        <v>0</v>
      </c>
      <c r="CC27" s="280">
        <v>0</v>
      </c>
      <c r="CD27" s="277">
        <v>0</v>
      </c>
      <c r="CE27" s="279">
        <v>0</v>
      </c>
      <c r="CF27" s="280">
        <v>1</v>
      </c>
      <c r="CG27" s="280">
        <v>1</v>
      </c>
      <c r="CH27" s="280">
        <v>0</v>
      </c>
      <c r="CI27" s="280">
        <v>2</v>
      </c>
      <c r="CJ27" s="280">
        <v>0</v>
      </c>
      <c r="CK27" s="277">
        <v>4</v>
      </c>
      <c r="CL27" s="282">
        <v>4</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2</v>
      </c>
      <c r="DU27" s="280">
        <v>11</v>
      </c>
      <c r="DV27" s="277">
        <v>13</v>
      </c>
      <c r="DW27" s="279">
        <v>0</v>
      </c>
      <c r="DX27" s="280">
        <v>4</v>
      </c>
      <c r="DY27" s="280">
        <v>10</v>
      </c>
      <c r="DZ27" s="280">
        <v>7</v>
      </c>
      <c r="EA27" s="280">
        <v>5</v>
      </c>
      <c r="EB27" s="280">
        <v>1</v>
      </c>
      <c r="EC27" s="277">
        <v>27</v>
      </c>
      <c r="ED27" s="282">
        <v>40</v>
      </c>
      <c r="EE27" s="276">
        <v>0</v>
      </c>
      <c r="EF27" s="280">
        <v>1</v>
      </c>
      <c r="EG27" s="277">
        <v>1</v>
      </c>
      <c r="EH27" s="279">
        <v>0</v>
      </c>
      <c r="EI27" s="280">
        <v>3</v>
      </c>
      <c r="EJ27" s="280">
        <v>1</v>
      </c>
      <c r="EK27" s="280">
        <v>0</v>
      </c>
      <c r="EL27" s="280">
        <v>2</v>
      </c>
      <c r="EM27" s="280">
        <v>1</v>
      </c>
      <c r="EN27" s="277">
        <v>7</v>
      </c>
      <c r="EO27" s="282">
        <v>8</v>
      </c>
      <c r="EP27" s="276">
        <v>6</v>
      </c>
      <c r="EQ27" s="280">
        <v>12</v>
      </c>
      <c r="ER27" s="277">
        <v>18</v>
      </c>
      <c r="ES27" s="279">
        <v>0</v>
      </c>
      <c r="ET27" s="280">
        <v>18</v>
      </c>
      <c r="EU27" s="280">
        <v>13</v>
      </c>
      <c r="EV27" s="280">
        <v>8</v>
      </c>
      <c r="EW27" s="280">
        <v>5</v>
      </c>
      <c r="EX27" s="280">
        <v>1</v>
      </c>
      <c r="EY27" s="277">
        <v>45</v>
      </c>
      <c r="EZ27" s="282">
        <v>63</v>
      </c>
    </row>
    <row r="28" spans="2:156" ht="21" customHeight="1" x14ac:dyDescent="0.2">
      <c r="B28" s="261" t="s">
        <v>26</v>
      </c>
      <c r="C28" s="276">
        <v>0</v>
      </c>
      <c r="D28" s="280">
        <v>0</v>
      </c>
      <c r="E28" s="382">
        <v>0</v>
      </c>
      <c r="F28" s="279">
        <v>0</v>
      </c>
      <c r="G28" s="280">
        <v>7</v>
      </c>
      <c r="H28" s="280">
        <v>6</v>
      </c>
      <c r="I28" s="280">
        <v>7</v>
      </c>
      <c r="J28" s="280">
        <v>1</v>
      </c>
      <c r="K28" s="280">
        <v>0</v>
      </c>
      <c r="L28" s="281">
        <v>21</v>
      </c>
      <c r="M28" s="282">
        <v>21</v>
      </c>
      <c r="N28" s="276">
        <v>0</v>
      </c>
      <c r="O28" s="280">
        <v>0</v>
      </c>
      <c r="P28" s="277">
        <v>0</v>
      </c>
      <c r="Q28" s="279">
        <v>0</v>
      </c>
      <c r="R28" s="280">
        <v>0</v>
      </c>
      <c r="S28" s="280">
        <v>0</v>
      </c>
      <c r="T28" s="280">
        <v>0</v>
      </c>
      <c r="U28" s="280">
        <v>1</v>
      </c>
      <c r="V28" s="280">
        <v>0</v>
      </c>
      <c r="W28" s="277">
        <v>1</v>
      </c>
      <c r="X28" s="282">
        <v>1</v>
      </c>
      <c r="Y28" s="276">
        <v>0</v>
      </c>
      <c r="Z28" s="280">
        <v>0</v>
      </c>
      <c r="AA28" s="277">
        <v>0</v>
      </c>
      <c r="AB28" s="279">
        <v>0</v>
      </c>
      <c r="AC28" s="280">
        <v>4</v>
      </c>
      <c r="AD28" s="280">
        <v>2</v>
      </c>
      <c r="AE28" s="280">
        <v>5</v>
      </c>
      <c r="AF28" s="280">
        <v>1</v>
      </c>
      <c r="AG28" s="280">
        <v>1</v>
      </c>
      <c r="AH28" s="277">
        <v>13</v>
      </c>
      <c r="AI28" s="282">
        <v>13</v>
      </c>
      <c r="AJ28" s="276">
        <v>0</v>
      </c>
      <c r="AK28" s="280">
        <v>0</v>
      </c>
      <c r="AL28" s="277">
        <v>0</v>
      </c>
      <c r="AM28" s="279">
        <v>0</v>
      </c>
      <c r="AN28" s="280">
        <v>0</v>
      </c>
      <c r="AO28" s="280">
        <v>0</v>
      </c>
      <c r="AP28" s="280">
        <v>1</v>
      </c>
      <c r="AQ28" s="280">
        <v>0</v>
      </c>
      <c r="AR28" s="280">
        <v>0</v>
      </c>
      <c r="AS28" s="277">
        <v>1</v>
      </c>
      <c r="AT28" s="282">
        <v>1</v>
      </c>
      <c r="AU28" s="276">
        <v>1</v>
      </c>
      <c r="AV28" s="280">
        <v>0</v>
      </c>
      <c r="AW28" s="277">
        <v>1</v>
      </c>
      <c r="AX28" s="279">
        <v>0</v>
      </c>
      <c r="AY28" s="280">
        <v>4</v>
      </c>
      <c r="AZ28" s="280">
        <v>4</v>
      </c>
      <c r="BA28" s="280">
        <v>5</v>
      </c>
      <c r="BB28" s="280">
        <v>2</v>
      </c>
      <c r="BC28" s="280">
        <v>4</v>
      </c>
      <c r="BD28" s="281">
        <v>19</v>
      </c>
      <c r="BE28" s="282">
        <v>20</v>
      </c>
      <c r="BF28" s="276">
        <v>0</v>
      </c>
      <c r="BG28" s="280">
        <v>0</v>
      </c>
      <c r="BH28" s="277">
        <v>0</v>
      </c>
      <c r="BI28" s="279">
        <v>0</v>
      </c>
      <c r="BJ28" s="280">
        <v>8</v>
      </c>
      <c r="BK28" s="280">
        <v>7</v>
      </c>
      <c r="BL28" s="280">
        <v>5</v>
      </c>
      <c r="BM28" s="280">
        <v>1</v>
      </c>
      <c r="BN28" s="280">
        <v>1</v>
      </c>
      <c r="BO28" s="277">
        <v>22</v>
      </c>
      <c r="BP28" s="282">
        <v>22</v>
      </c>
      <c r="BQ28" s="276">
        <v>1</v>
      </c>
      <c r="BR28" s="280">
        <v>0</v>
      </c>
      <c r="BS28" s="277">
        <v>1</v>
      </c>
      <c r="BT28" s="279">
        <v>0</v>
      </c>
      <c r="BU28" s="280">
        <v>1</v>
      </c>
      <c r="BV28" s="280">
        <v>4</v>
      </c>
      <c r="BW28" s="280">
        <v>1</v>
      </c>
      <c r="BX28" s="280">
        <v>0</v>
      </c>
      <c r="BY28" s="280">
        <v>0</v>
      </c>
      <c r="BZ28" s="277">
        <v>6</v>
      </c>
      <c r="CA28" s="282">
        <v>7</v>
      </c>
      <c r="CB28" s="276">
        <v>0</v>
      </c>
      <c r="CC28" s="280">
        <v>0</v>
      </c>
      <c r="CD28" s="277">
        <v>0</v>
      </c>
      <c r="CE28" s="279">
        <v>0</v>
      </c>
      <c r="CF28" s="280">
        <v>2</v>
      </c>
      <c r="CG28" s="280">
        <v>3</v>
      </c>
      <c r="CH28" s="280">
        <v>1</v>
      </c>
      <c r="CI28" s="280">
        <v>1</v>
      </c>
      <c r="CJ28" s="280">
        <v>0</v>
      </c>
      <c r="CK28" s="277">
        <v>7</v>
      </c>
      <c r="CL28" s="282">
        <v>7</v>
      </c>
      <c r="CM28" s="276">
        <v>0</v>
      </c>
      <c r="CN28" s="280">
        <v>0</v>
      </c>
      <c r="CO28" s="277">
        <v>0</v>
      </c>
      <c r="CP28" s="279">
        <v>0</v>
      </c>
      <c r="CQ28" s="280">
        <v>0</v>
      </c>
      <c r="CR28" s="280">
        <v>0</v>
      </c>
      <c r="CS28" s="280">
        <v>1</v>
      </c>
      <c r="CT28" s="280">
        <v>0</v>
      </c>
      <c r="CU28" s="280">
        <v>0</v>
      </c>
      <c r="CV28" s="277">
        <v>1</v>
      </c>
      <c r="CW28" s="282">
        <v>1</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4</v>
      </c>
      <c r="DU28" s="280">
        <v>4</v>
      </c>
      <c r="DV28" s="277">
        <v>8</v>
      </c>
      <c r="DW28" s="279">
        <v>0</v>
      </c>
      <c r="DX28" s="280">
        <v>12</v>
      </c>
      <c r="DY28" s="280">
        <v>16</v>
      </c>
      <c r="DZ28" s="280">
        <v>9</v>
      </c>
      <c r="EA28" s="280">
        <v>4</v>
      </c>
      <c r="EB28" s="280">
        <v>1</v>
      </c>
      <c r="EC28" s="277">
        <v>42</v>
      </c>
      <c r="ED28" s="282">
        <v>50</v>
      </c>
      <c r="EE28" s="276">
        <v>1</v>
      </c>
      <c r="EF28" s="280">
        <v>0</v>
      </c>
      <c r="EG28" s="277">
        <v>1</v>
      </c>
      <c r="EH28" s="279">
        <v>0</v>
      </c>
      <c r="EI28" s="280">
        <v>3</v>
      </c>
      <c r="EJ28" s="280">
        <v>1</v>
      </c>
      <c r="EK28" s="280">
        <v>0</v>
      </c>
      <c r="EL28" s="280">
        <v>0</v>
      </c>
      <c r="EM28" s="280">
        <v>1</v>
      </c>
      <c r="EN28" s="277">
        <v>5</v>
      </c>
      <c r="EO28" s="282">
        <v>6</v>
      </c>
      <c r="EP28" s="276">
        <v>5</v>
      </c>
      <c r="EQ28" s="280">
        <v>4</v>
      </c>
      <c r="ER28" s="277">
        <v>9</v>
      </c>
      <c r="ES28" s="279">
        <v>0</v>
      </c>
      <c r="ET28" s="280">
        <v>22</v>
      </c>
      <c r="EU28" s="280">
        <v>22</v>
      </c>
      <c r="EV28" s="280">
        <v>13</v>
      </c>
      <c r="EW28" s="280">
        <v>4</v>
      </c>
      <c r="EX28" s="280">
        <v>3</v>
      </c>
      <c r="EY28" s="277">
        <v>64</v>
      </c>
      <c r="EZ28" s="282">
        <v>73</v>
      </c>
    </row>
    <row r="29" spans="2:156" ht="21" customHeight="1" x14ac:dyDescent="0.2">
      <c r="B29" s="261" t="s">
        <v>27</v>
      </c>
      <c r="C29" s="276">
        <v>0</v>
      </c>
      <c r="D29" s="280">
        <v>0</v>
      </c>
      <c r="E29" s="382">
        <v>0</v>
      </c>
      <c r="F29" s="279">
        <v>0</v>
      </c>
      <c r="G29" s="280">
        <v>4</v>
      </c>
      <c r="H29" s="280">
        <v>7</v>
      </c>
      <c r="I29" s="280">
        <v>3</v>
      </c>
      <c r="J29" s="280">
        <v>5</v>
      </c>
      <c r="K29" s="280">
        <v>1</v>
      </c>
      <c r="L29" s="281">
        <v>20</v>
      </c>
      <c r="M29" s="282">
        <v>20</v>
      </c>
      <c r="N29" s="276">
        <v>0</v>
      </c>
      <c r="O29" s="280">
        <v>0</v>
      </c>
      <c r="P29" s="277">
        <v>0</v>
      </c>
      <c r="Q29" s="279">
        <v>0</v>
      </c>
      <c r="R29" s="280">
        <v>0</v>
      </c>
      <c r="S29" s="280">
        <v>0</v>
      </c>
      <c r="T29" s="280">
        <v>0</v>
      </c>
      <c r="U29" s="280">
        <v>0</v>
      </c>
      <c r="V29" s="280">
        <v>2</v>
      </c>
      <c r="W29" s="277">
        <v>2</v>
      </c>
      <c r="X29" s="282">
        <v>2</v>
      </c>
      <c r="Y29" s="276">
        <v>1</v>
      </c>
      <c r="Z29" s="280">
        <v>3</v>
      </c>
      <c r="AA29" s="277">
        <v>4</v>
      </c>
      <c r="AB29" s="279">
        <v>0</v>
      </c>
      <c r="AC29" s="280">
        <v>4</v>
      </c>
      <c r="AD29" s="280">
        <v>5</v>
      </c>
      <c r="AE29" s="280">
        <v>5</v>
      </c>
      <c r="AF29" s="280">
        <v>4</v>
      </c>
      <c r="AG29" s="280">
        <v>4</v>
      </c>
      <c r="AH29" s="277">
        <v>22</v>
      </c>
      <c r="AI29" s="282">
        <v>26</v>
      </c>
      <c r="AJ29" s="276">
        <v>0</v>
      </c>
      <c r="AK29" s="280">
        <v>0</v>
      </c>
      <c r="AL29" s="277">
        <v>0</v>
      </c>
      <c r="AM29" s="279">
        <v>0</v>
      </c>
      <c r="AN29" s="280">
        <v>0</v>
      </c>
      <c r="AO29" s="280">
        <v>1</v>
      </c>
      <c r="AP29" s="280">
        <v>0</v>
      </c>
      <c r="AQ29" s="280">
        <v>0</v>
      </c>
      <c r="AR29" s="280">
        <v>0</v>
      </c>
      <c r="AS29" s="277">
        <v>1</v>
      </c>
      <c r="AT29" s="282">
        <v>1</v>
      </c>
      <c r="AU29" s="276">
        <v>1</v>
      </c>
      <c r="AV29" s="280">
        <v>1</v>
      </c>
      <c r="AW29" s="277">
        <v>2</v>
      </c>
      <c r="AX29" s="279">
        <v>0</v>
      </c>
      <c r="AY29" s="280">
        <v>4</v>
      </c>
      <c r="AZ29" s="280">
        <v>6</v>
      </c>
      <c r="BA29" s="280">
        <v>6</v>
      </c>
      <c r="BB29" s="280">
        <v>7</v>
      </c>
      <c r="BC29" s="280">
        <v>3</v>
      </c>
      <c r="BD29" s="281">
        <v>26</v>
      </c>
      <c r="BE29" s="282">
        <v>28</v>
      </c>
      <c r="BF29" s="276">
        <v>0</v>
      </c>
      <c r="BG29" s="280">
        <v>0</v>
      </c>
      <c r="BH29" s="277">
        <v>0</v>
      </c>
      <c r="BI29" s="279">
        <v>0</v>
      </c>
      <c r="BJ29" s="280">
        <v>8</v>
      </c>
      <c r="BK29" s="280">
        <v>6</v>
      </c>
      <c r="BL29" s="280">
        <v>7</v>
      </c>
      <c r="BM29" s="280">
        <v>5</v>
      </c>
      <c r="BN29" s="280">
        <v>0</v>
      </c>
      <c r="BO29" s="277">
        <v>26</v>
      </c>
      <c r="BP29" s="282">
        <v>26</v>
      </c>
      <c r="BQ29" s="276">
        <v>0</v>
      </c>
      <c r="BR29" s="280">
        <v>2</v>
      </c>
      <c r="BS29" s="277">
        <v>2</v>
      </c>
      <c r="BT29" s="279">
        <v>0</v>
      </c>
      <c r="BU29" s="280">
        <v>1</v>
      </c>
      <c r="BV29" s="280">
        <v>4</v>
      </c>
      <c r="BW29" s="280">
        <v>1</v>
      </c>
      <c r="BX29" s="280">
        <v>0</v>
      </c>
      <c r="BY29" s="280">
        <v>0</v>
      </c>
      <c r="BZ29" s="277">
        <v>6</v>
      </c>
      <c r="CA29" s="282">
        <v>8</v>
      </c>
      <c r="CB29" s="276">
        <v>0</v>
      </c>
      <c r="CC29" s="280">
        <v>0</v>
      </c>
      <c r="CD29" s="277">
        <v>0</v>
      </c>
      <c r="CE29" s="279">
        <v>0</v>
      </c>
      <c r="CF29" s="280">
        <v>1</v>
      </c>
      <c r="CG29" s="280">
        <v>0</v>
      </c>
      <c r="CH29" s="280">
        <v>3</v>
      </c>
      <c r="CI29" s="280">
        <v>1</v>
      </c>
      <c r="CJ29" s="280">
        <v>1</v>
      </c>
      <c r="CK29" s="277">
        <v>6</v>
      </c>
      <c r="CL29" s="282">
        <v>6</v>
      </c>
      <c r="CM29" s="276">
        <v>0</v>
      </c>
      <c r="CN29" s="280">
        <v>0</v>
      </c>
      <c r="CO29" s="277">
        <v>0</v>
      </c>
      <c r="CP29" s="279">
        <v>0</v>
      </c>
      <c r="CQ29" s="280">
        <v>1</v>
      </c>
      <c r="CR29" s="280">
        <v>0</v>
      </c>
      <c r="CS29" s="280">
        <v>1</v>
      </c>
      <c r="CT29" s="280">
        <v>0</v>
      </c>
      <c r="CU29" s="280">
        <v>0</v>
      </c>
      <c r="CV29" s="277">
        <v>2</v>
      </c>
      <c r="CW29" s="282">
        <v>2</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3</v>
      </c>
      <c r="DU29" s="280">
        <v>15</v>
      </c>
      <c r="DV29" s="277">
        <v>18</v>
      </c>
      <c r="DW29" s="279">
        <v>0</v>
      </c>
      <c r="DX29" s="280">
        <v>4</v>
      </c>
      <c r="DY29" s="280">
        <v>13</v>
      </c>
      <c r="DZ29" s="280">
        <v>10</v>
      </c>
      <c r="EA29" s="280">
        <v>8</v>
      </c>
      <c r="EB29" s="280">
        <v>4</v>
      </c>
      <c r="EC29" s="277">
        <v>39</v>
      </c>
      <c r="ED29" s="282">
        <v>57</v>
      </c>
      <c r="EE29" s="276">
        <v>1</v>
      </c>
      <c r="EF29" s="280">
        <v>0</v>
      </c>
      <c r="EG29" s="277">
        <v>1</v>
      </c>
      <c r="EH29" s="279">
        <v>0</v>
      </c>
      <c r="EI29" s="280">
        <v>3</v>
      </c>
      <c r="EJ29" s="280">
        <v>0</v>
      </c>
      <c r="EK29" s="280">
        <v>1</v>
      </c>
      <c r="EL29" s="280">
        <v>2</v>
      </c>
      <c r="EM29" s="280">
        <v>1</v>
      </c>
      <c r="EN29" s="277">
        <v>7</v>
      </c>
      <c r="EO29" s="282">
        <v>8</v>
      </c>
      <c r="EP29" s="276">
        <v>4</v>
      </c>
      <c r="EQ29" s="280">
        <v>18</v>
      </c>
      <c r="ER29" s="277">
        <v>22</v>
      </c>
      <c r="ES29" s="279">
        <v>0</v>
      </c>
      <c r="ET29" s="280">
        <v>14</v>
      </c>
      <c r="EU29" s="280">
        <v>14</v>
      </c>
      <c r="EV29" s="280">
        <v>13</v>
      </c>
      <c r="EW29" s="280">
        <v>9</v>
      </c>
      <c r="EX29" s="280">
        <v>4</v>
      </c>
      <c r="EY29" s="277">
        <v>54</v>
      </c>
      <c r="EZ29" s="282">
        <v>76</v>
      </c>
    </row>
    <row r="30" spans="2:156" ht="21" customHeight="1" x14ac:dyDescent="0.2">
      <c r="B30" s="261" t="s">
        <v>28</v>
      </c>
      <c r="C30" s="276">
        <v>0</v>
      </c>
      <c r="D30" s="280">
        <v>0</v>
      </c>
      <c r="E30" s="382">
        <v>0</v>
      </c>
      <c r="F30" s="279">
        <v>0</v>
      </c>
      <c r="G30" s="280">
        <v>0</v>
      </c>
      <c r="H30" s="280">
        <v>0</v>
      </c>
      <c r="I30" s="280">
        <v>0</v>
      </c>
      <c r="J30" s="280">
        <v>1</v>
      </c>
      <c r="K30" s="280">
        <v>0</v>
      </c>
      <c r="L30" s="281">
        <v>1</v>
      </c>
      <c r="M30" s="282">
        <v>1</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v>
      </c>
      <c r="AE30" s="280">
        <v>0</v>
      </c>
      <c r="AF30" s="280">
        <v>2</v>
      </c>
      <c r="AG30" s="280">
        <v>0</v>
      </c>
      <c r="AH30" s="277">
        <v>3</v>
      </c>
      <c r="AI30" s="282">
        <v>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2</v>
      </c>
      <c r="AZ30" s="280">
        <v>2</v>
      </c>
      <c r="BA30" s="280">
        <v>0</v>
      </c>
      <c r="BB30" s="280">
        <v>2</v>
      </c>
      <c r="BC30" s="280">
        <v>2</v>
      </c>
      <c r="BD30" s="281">
        <v>8</v>
      </c>
      <c r="BE30" s="282">
        <v>8</v>
      </c>
      <c r="BF30" s="276">
        <v>0</v>
      </c>
      <c r="BG30" s="280">
        <v>0</v>
      </c>
      <c r="BH30" s="277">
        <v>0</v>
      </c>
      <c r="BI30" s="279">
        <v>0</v>
      </c>
      <c r="BJ30" s="280">
        <v>2</v>
      </c>
      <c r="BK30" s="280">
        <v>1</v>
      </c>
      <c r="BL30" s="280">
        <v>0</v>
      </c>
      <c r="BM30" s="280">
        <v>0</v>
      </c>
      <c r="BN30" s="280">
        <v>0</v>
      </c>
      <c r="BO30" s="277">
        <v>3</v>
      </c>
      <c r="BP30" s="282">
        <v>3</v>
      </c>
      <c r="BQ30" s="276">
        <v>0</v>
      </c>
      <c r="BR30" s="280">
        <v>1</v>
      </c>
      <c r="BS30" s="277">
        <v>1</v>
      </c>
      <c r="BT30" s="279">
        <v>0</v>
      </c>
      <c r="BU30" s="280">
        <v>0</v>
      </c>
      <c r="BV30" s="280">
        <v>0</v>
      </c>
      <c r="BW30" s="280">
        <v>0</v>
      </c>
      <c r="BX30" s="280">
        <v>0</v>
      </c>
      <c r="BY30" s="280">
        <v>0</v>
      </c>
      <c r="BZ30" s="277">
        <v>0</v>
      </c>
      <c r="CA30" s="282">
        <v>1</v>
      </c>
      <c r="CB30" s="276">
        <v>0</v>
      </c>
      <c r="CC30" s="280">
        <v>0</v>
      </c>
      <c r="CD30" s="277">
        <v>0</v>
      </c>
      <c r="CE30" s="279">
        <v>0</v>
      </c>
      <c r="CF30" s="280">
        <v>0</v>
      </c>
      <c r="CG30" s="280">
        <v>0</v>
      </c>
      <c r="CH30" s="280">
        <v>1</v>
      </c>
      <c r="CI30" s="280">
        <v>0</v>
      </c>
      <c r="CJ30" s="280">
        <v>1</v>
      </c>
      <c r="CK30" s="277">
        <v>2</v>
      </c>
      <c r="CL30" s="282">
        <v>2</v>
      </c>
      <c r="CM30" s="276">
        <v>0</v>
      </c>
      <c r="CN30" s="280">
        <v>0</v>
      </c>
      <c r="CO30" s="277">
        <v>0</v>
      </c>
      <c r="CP30" s="279">
        <v>0</v>
      </c>
      <c r="CQ30" s="280">
        <v>0</v>
      </c>
      <c r="CR30" s="280">
        <v>0</v>
      </c>
      <c r="CS30" s="280">
        <v>1</v>
      </c>
      <c r="CT30" s="280">
        <v>0</v>
      </c>
      <c r="CU30" s="280">
        <v>0</v>
      </c>
      <c r="CV30" s="277">
        <v>1</v>
      </c>
      <c r="CW30" s="282">
        <v>1</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0</v>
      </c>
      <c r="DU30" s="280">
        <v>1</v>
      </c>
      <c r="DV30" s="277">
        <v>1</v>
      </c>
      <c r="DW30" s="279">
        <v>0</v>
      </c>
      <c r="DX30" s="280">
        <v>1</v>
      </c>
      <c r="DY30" s="280">
        <v>4</v>
      </c>
      <c r="DZ30" s="280">
        <v>2</v>
      </c>
      <c r="EA30" s="280">
        <v>1</v>
      </c>
      <c r="EB30" s="280">
        <v>0</v>
      </c>
      <c r="EC30" s="277">
        <v>8</v>
      </c>
      <c r="ED30" s="282">
        <v>9</v>
      </c>
      <c r="EE30" s="276">
        <v>0</v>
      </c>
      <c r="EF30" s="280">
        <v>0</v>
      </c>
      <c r="EG30" s="277">
        <v>0</v>
      </c>
      <c r="EH30" s="279">
        <v>0</v>
      </c>
      <c r="EI30" s="280">
        <v>1</v>
      </c>
      <c r="EJ30" s="280">
        <v>0</v>
      </c>
      <c r="EK30" s="280">
        <v>0</v>
      </c>
      <c r="EL30" s="280">
        <v>1</v>
      </c>
      <c r="EM30" s="280">
        <v>0</v>
      </c>
      <c r="EN30" s="277">
        <v>2</v>
      </c>
      <c r="EO30" s="282">
        <v>2</v>
      </c>
      <c r="EP30" s="276">
        <v>0</v>
      </c>
      <c r="EQ30" s="280">
        <v>1</v>
      </c>
      <c r="ER30" s="277">
        <v>1</v>
      </c>
      <c r="ES30" s="279">
        <v>0</v>
      </c>
      <c r="ET30" s="280">
        <v>6</v>
      </c>
      <c r="EU30" s="280">
        <v>5</v>
      </c>
      <c r="EV30" s="280">
        <v>2</v>
      </c>
      <c r="EW30" s="280">
        <v>2</v>
      </c>
      <c r="EX30" s="280">
        <v>1</v>
      </c>
      <c r="EY30" s="277">
        <v>16</v>
      </c>
      <c r="EZ30" s="282">
        <v>17</v>
      </c>
    </row>
    <row r="31" spans="2:156" ht="21" customHeight="1" x14ac:dyDescent="0.2">
      <c r="B31" s="261" t="s">
        <v>29</v>
      </c>
      <c r="C31" s="276">
        <v>0</v>
      </c>
      <c r="D31" s="280">
        <v>0</v>
      </c>
      <c r="E31" s="382">
        <v>0</v>
      </c>
      <c r="F31" s="279">
        <v>0</v>
      </c>
      <c r="G31" s="280">
        <v>0</v>
      </c>
      <c r="H31" s="280">
        <v>2</v>
      </c>
      <c r="I31" s="280">
        <v>0</v>
      </c>
      <c r="J31" s="280">
        <v>1</v>
      </c>
      <c r="K31" s="280">
        <v>0</v>
      </c>
      <c r="L31" s="281">
        <v>3</v>
      </c>
      <c r="M31" s="282">
        <v>3</v>
      </c>
      <c r="N31" s="276">
        <v>0</v>
      </c>
      <c r="O31" s="280">
        <v>0</v>
      </c>
      <c r="P31" s="277">
        <v>0</v>
      </c>
      <c r="Q31" s="279">
        <v>0</v>
      </c>
      <c r="R31" s="280">
        <v>0</v>
      </c>
      <c r="S31" s="280">
        <v>0</v>
      </c>
      <c r="T31" s="280">
        <v>0</v>
      </c>
      <c r="U31" s="280">
        <v>0</v>
      </c>
      <c r="V31" s="280">
        <v>1</v>
      </c>
      <c r="W31" s="277">
        <v>1</v>
      </c>
      <c r="X31" s="282">
        <v>1</v>
      </c>
      <c r="Y31" s="276">
        <v>0</v>
      </c>
      <c r="Z31" s="280">
        <v>1</v>
      </c>
      <c r="AA31" s="277">
        <v>1</v>
      </c>
      <c r="AB31" s="279">
        <v>0</v>
      </c>
      <c r="AC31" s="280">
        <v>0</v>
      </c>
      <c r="AD31" s="280">
        <v>1</v>
      </c>
      <c r="AE31" s="280">
        <v>0</v>
      </c>
      <c r="AF31" s="280">
        <v>0</v>
      </c>
      <c r="AG31" s="280">
        <v>0</v>
      </c>
      <c r="AH31" s="277">
        <v>1</v>
      </c>
      <c r="AI31" s="282">
        <v>2</v>
      </c>
      <c r="AJ31" s="276">
        <v>0</v>
      </c>
      <c r="AK31" s="280">
        <v>0</v>
      </c>
      <c r="AL31" s="277">
        <v>0</v>
      </c>
      <c r="AM31" s="279">
        <v>0</v>
      </c>
      <c r="AN31" s="280">
        <v>0</v>
      </c>
      <c r="AO31" s="280">
        <v>1</v>
      </c>
      <c r="AP31" s="280">
        <v>0</v>
      </c>
      <c r="AQ31" s="280">
        <v>0</v>
      </c>
      <c r="AR31" s="280">
        <v>0</v>
      </c>
      <c r="AS31" s="277">
        <v>1</v>
      </c>
      <c r="AT31" s="282">
        <v>1</v>
      </c>
      <c r="AU31" s="276">
        <v>0</v>
      </c>
      <c r="AV31" s="280">
        <v>0</v>
      </c>
      <c r="AW31" s="277">
        <v>0</v>
      </c>
      <c r="AX31" s="279">
        <v>0</v>
      </c>
      <c r="AY31" s="280">
        <v>0</v>
      </c>
      <c r="AZ31" s="280">
        <v>3</v>
      </c>
      <c r="BA31" s="280">
        <v>1</v>
      </c>
      <c r="BB31" s="280">
        <v>1</v>
      </c>
      <c r="BC31" s="280">
        <v>0</v>
      </c>
      <c r="BD31" s="281">
        <v>5</v>
      </c>
      <c r="BE31" s="282">
        <v>5</v>
      </c>
      <c r="BF31" s="276">
        <v>0</v>
      </c>
      <c r="BG31" s="280">
        <v>0</v>
      </c>
      <c r="BH31" s="277">
        <v>0</v>
      </c>
      <c r="BI31" s="279">
        <v>0</v>
      </c>
      <c r="BJ31" s="280">
        <v>4</v>
      </c>
      <c r="BK31" s="280">
        <v>6</v>
      </c>
      <c r="BL31" s="280">
        <v>1</v>
      </c>
      <c r="BM31" s="280">
        <v>1</v>
      </c>
      <c r="BN31" s="280">
        <v>0</v>
      </c>
      <c r="BO31" s="277">
        <v>12</v>
      </c>
      <c r="BP31" s="282">
        <v>12</v>
      </c>
      <c r="BQ31" s="276">
        <v>1</v>
      </c>
      <c r="BR31" s="280">
        <v>0</v>
      </c>
      <c r="BS31" s="277">
        <v>1</v>
      </c>
      <c r="BT31" s="279">
        <v>0</v>
      </c>
      <c r="BU31" s="280">
        <v>1</v>
      </c>
      <c r="BV31" s="280">
        <v>0</v>
      </c>
      <c r="BW31" s="280">
        <v>0</v>
      </c>
      <c r="BX31" s="280">
        <v>0</v>
      </c>
      <c r="BY31" s="280">
        <v>0</v>
      </c>
      <c r="BZ31" s="277">
        <v>1</v>
      </c>
      <c r="CA31" s="282">
        <v>2</v>
      </c>
      <c r="CB31" s="276">
        <v>0</v>
      </c>
      <c r="CC31" s="280">
        <v>0</v>
      </c>
      <c r="CD31" s="277">
        <v>0</v>
      </c>
      <c r="CE31" s="279">
        <v>0</v>
      </c>
      <c r="CF31" s="280">
        <v>0</v>
      </c>
      <c r="CG31" s="280">
        <v>0</v>
      </c>
      <c r="CH31" s="280">
        <v>1</v>
      </c>
      <c r="CI31" s="280">
        <v>0</v>
      </c>
      <c r="CJ31" s="280">
        <v>1</v>
      </c>
      <c r="CK31" s="277">
        <v>2</v>
      </c>
      <c r="CL31" s="282">
        <v>2</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0</v>
      </c>
      <c r="DV31" s="277">
        <v>2</v>
      </c>
      <c r="DW31" s="279">
        <v>0</v>
      </c>
      <c r="DX31" s="280">
        <v>2</v>
      </c>
      <c r="DY31" s="280">
        <v>6</v>
      </c>
      <c r="DZ31" s="280">
        <v>1</v>
      </c>
      <c r="EA31" s="280">
        <v>1</v>
      </c>
      <c r="EB31" s="280">
        <v>1</v>
      </c>
      <c r="EC31" s="277">
        <v>11</v>
      </c>
      <c r="ED31" s="282">
        <v>13</v>
      </c>
      <c r="EE31" s="276">
        <v>1</v>
      </c>
      <c r="EF31" s="280">
        <v>0</v>
      </c>
      <c r="EG31" s="277">
        <v>1</v>
      </c>
      <c r="EH31" s="279">
        <v>0</v>
      </c>
      <c r="EI31" s="280">
        <v>0</v>
      </c>
      <c r="EJ31" s="280">
        <v>1</v>
      </c>
      <c r="EK31" s="280">
        <v>0</v>
      </c>
      <c r="EL31" s="280">
        <v>1</v>
      </c>
      <c r="EM31" s="280">
        <v>0</v>
      </c>
      <c r="EN31" s="277">
        <v>2</v>
      </c>
      <c r="EO31" s="282">
        <v>3</v>
      </c>
      <c r="EP31" s="276">
        <v>3</v>
      </c>
      <c r="EQ31" s="280">
        <v>1</v>
      </c>
      <c r="ER31" s="277">
        <v>4</v>
      </c>
      <c r="ES31" s="279">
        <v>0</v>
      </c>
      <c r="ET31" s="280">
        <v>5</v>
      </c>
      <c r="EU31" s="280">
        <v>7</v>
      </c>
      <c r="EV31" s="280">
        <v>1</v>
      </c>
      <c r="EW31" s="280">
        <v>2</v>
      </c>
      <c r="EX31" s="280">
        <v>1</v>
      </c>
      <c r="EY31" s="277">
        <v>16</v>
      </c>
      <c r="EZ31" s="282">
        <v>20</v>
      </c>
    </row>
    <row r="32" spans="2:156" ht="21" customHeight="1" x14ac:dyDescent="0.2">
      <c r="B32" s="261" t="s">
        <v>30</v>
      </c>
      <c r="C32" s="276">
        <v>0</v>
      </c>
      <c r="D32" s="280">
        <v>0</v>
      </c>
      <c r="E32" s="382">
        <v>0</v>
      </c>
      <c r="F32" s="279">
        <v>0</v>
      </c>
      <c r="G32" s="280">
        <v>2</v>
      </c>
      <c r="H32" s="280">
        <v>1</v>
      </c>
      <c r="I32" s="280">
        <v>1</v>
      </c>
      <c r="J32" s="280">
        <v>1</v>
      </c>
      <c r="K32" s="280">
        <v>0</v>
      </c>
      <c r="L32" s="281">
        <v>5</v>
      </c>
      <c r="M32" s="282">
        <v>5</v>
      </c>
      <c r="N32" s="276">
        <v>0</v>
      </c>
      <c r="O32" s="280">
        <v>0</v>
      </c>
      <c r="P32" s="277">
        <v>0</v>
      </c>
      <c r="Q32" s="279">
        <v>0</v>
      </c>
      <c r="R32" s="280">
        <v>0</v>
      </c>
      <c r="S32" s="280">
        <v>0</v>
      </c>
      <c r="T32" s="280">
        <v>0</v>
      </c>
      <c r="U32" s="280">
        <v>0</v>
      </c>
      <c r="V32" s="280">
        <v>0</v>
      </c>
      <c r="W32" s="277">
        <v>0</v>
      </c>
      <c r="X32" s="282">
        <v>0</v>
      </c>
      <c r="Y32" s="276">
        <v>0</v>
      </c>
      <c r="Z32" s="280">
        <v>1</v>
      </c>
      <c r="AA32" s="277">
        <v>1</v>
      </c>
      <c r="AB32" s="279">
        <v>0</v>
      </c>
      <c r="AC32" s="280">
        <v>1</v>
      </c>
      <c r="AD32" s="280">
        <v>0</v>
      </c>
      <c r="AE32" s="280">
        <v>1</v>
      </c>
      <c r="AF32" s="280">
        <v>1</v>
      </c>
      <c r="AG32" s="280">
        <v>1</v>
      </c>
      <c r="AH32" s="277">
        <v>4</v>
      </c>
      <c r="AI32" s="282">
        <v>5</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0</v>
      </c>
      <c r="BA32" s="280">
        <v>0</v>
      </c>
      <c r="BB32" s="280">
        <v>2</v>
      </c>
      <c r="BC32" s="280">
        <v>1</v>
      </c>
      <c r="BD32" s="281">
        <v>5</v>
      </c>
      <c r="BE32" s="282">
        <v>5</v>
      </c>
      <c r="BF32" s="276">
        <v>0</v>
      </c>
      <c r="BG32" s="280">
        <v>0</v>
      </c>
      <c r="BH32" s="277">
        <v>0</v>
      </c>
      <c r="BI32" s="279">
        <v>0</v>
      </c>
      <c r="BJ32" s="280">
        <v>2</v>
      </c>
      <c r="BK32" s="280">
        <v>0</v>
      </c>
      <c r="BL32" s="280">
        <v>0</v>
      </c>
      <c r="BM32" s="280">
        <v>1</v>
      </c>
      <c r="BN32" s="280">
        <v>0</v>
      </c>
      <c r="BO32" s="277">
        <v>3</v>
      </c>
      <c r="BP32" s="282">
        <v>3</v>
      </c>
      <c r="BQ32" s="276">
        <v>2</v>
      </c>
      <c r="BR32" s="280">
        <v>0</v>
      </c>
      <c r="BS32" s="277">
        <v>2</v>
      </c>
      <c r="BT32" s="279">
        <v>0</v>
      </c>
      <c r="BU32" s="280">
        <v>0</v>
      </c>
      <c r="BV32" s="280">
        <v>0</v>
      </c>
      <c r="BW32" s="280">
        <v>1</v>
      </c>
      <c r="BX32" s="280">
        <v>0</v>
      </c>
      <c r="BY32" s="280">
        <v>0</v>
      </c>
      <c r="BZ32" s="277">
        <v>1</v>
      </c>
      <c r="CA32" s="282">
        <v>3</v>
      </c>
      <c r="CB32" s="276">
        <v>0</v>
      </c>
      <c r="CC32" s="280">
        <v>0</v>
      </c>
      <c r="CD32" s="277">
        <v>0</v>
      </c>
      <c r="CE32" s="279">
        <v>0</v>
      </c>
      <c r="CF32" s="280">
        <v>0</v>
      </c>
      <c r="CG32" s="280">
        <v>0</v>
      </c>
      <c r="CH32" s="280">
        <v>1</v>
      </c>
      <c r="CI32" s="280">
        <v>1</v>
      </c>
      <c r="CJ32" s="280">
        <v>0</v>
      </c>
      <c r="CK32" s="277">
        <v>2</v>
      </c>
      <c r="CL32" s="282">
        <v>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1</v>
      </c>
      <c r="DV32" s="277">
        <v>1</v>
      </c>
      <c r="DW32" s="279">
        <v>0</v>
      </c>
      <c r="DX32" s="280">
        <v>2</v>
      </c>
      <c r="DY32" s="280">
        <v>1</v>
      </c>
      <c r="DZ32" s="280">
        <v>3</v>
      </c>
      <c r="EA32" s="280">
        <v>1</v>
      </c>
      <c r="EB32" s="280">
        <v>1</v>
      </c>
      <c r="EC32" s="277">
        <v>8</v>
      </c>
      <c r="ED32" s="282">
        <v>9</v>
      </c>
      <c r="EE32" s="276">
        <v>0</v>
      </c>
      <c r="EF32" s="280">
        <v>0</v>
      </c>
      <c r="EG32" s="277">
        <v>0</v>
      </c>
      <c r="EH32" s="279">
        <v>0</v>
      </c>
      <c r="EI32" s="280">
        <v>1</v>
      </c>
      <c r="EJ32" s="280">
        <v>0</v>
      </c>
      <c r="EK32" s="280">
        <v>0</v>
      </c>
      <c r="EL32" s="280">
        <v>0</v>
      </c>
      <c r="EM32" s="280">
        <v>0</v>
      </c>
      <c r="EN32" s="277">
        <v>1</v>
      </c>
      <c r="EO32" s="282">
        <v>1</v>
      </c>
      <c r="EP32" s="276">
        <v>3</v>
      </c>
      <c r="EQ32" s="280">
        <v>2</v>
      </c>
      <c r="ER32" s="277">
        <v>5</v>
      </c>
      <c r="ES32" s="279">
        <v>0</v>
      </c>
      <c r="ET32" s="280">
        <v>5</v>
      </c>
      <c r="EU32" s="280">
        <v>1</v>
      </c>
      <c r="EV32" s="280">
        <v>3</v>
      </c>
      <c r="EW32" s="280">
        <v>1</v>
      </c>
      <c r="EX32" s="280">
        <v>1</v>
      </c>
      <c r="EY32" s="277">
        <v>11</v>
      </c>
      <c r="EZ32" s="282">
        <v>16</v>
      </c>
    </row>
    <row r="33" spans="2:156" ht="21" customHeight="1" x14ac:dyDescent="0.2">
      <c r="B33" s="261" t="s">
        <v>31</v>
      </c>
      <c r="C33" s="276">
        <v>0</v>
      </c>
      <c r="D33" s="280">
        <v>0</v>
      </c>
      <c r="E33" s="382">
        <v>0</v>
      </c>
      <c r="F33" s="279">
        <v>0</v>
      </c>
      <c r="G33" s="280">
        <v>1</v>
      </c>
      <c r="H33" s="280">
        <v>0</v>
      </c>
      <c r="I33" s="280">
        <v>1</v>
      </c>
      <c r="J33" s="280">
        <v>1</v>
      </c>
      <c r="K33" s="280">
        <v>0</v>
      </c>
      <c r="L33" s="281">
        <v>3</v>
      </c>
      <c r="M33" s="282">
        <v>3</v>
      </c>
      <c r="N33" s="276">
        <v>0</v>
      </c>
      <c r="O33" s="280">
        <v>0</v>
      </c>
      <c r="P33" s="277">
        <v>0</v>
      </c>
      <c r="Q33" s="279">
        <v>0</v>
      </c>
      <c r="R33" s="280">
        <v>0</v>
      </c>
      <c r="S33" s="280">
        <v>1</v>
      </c>
      <c r="T33" s="280">
        <v>1</v>
      </c>
      <c r="U33" s="280">
        <v>0</v>
      </c>
      <c r="V33" s="280">
        <v>0</v>
      </c>
      <c r="W33" s="277">
        <v>2</v>
      </c>
      <c r="X33" s="282">
        <v>2</v>
      </c>
      <c r="Y33" s="276">
        <v>1</v>
      </c>
      <c r="Z33" s="280">
        <v>0</v>
      </c>
      <c r="AA33" s="277">
        <v>1</v>
      </c>
      <c r="AB33" s="279">
        <v>0</v>
      </c>
      <c r="AC33" s="280">
        <v>0</v>
      </c>
      <c r="AD33" s="280">
        <v>1</v>
      </c>
      <c r="AE33" s="280">
        <v>3</v>
      </c>
      <c r="AF33" s="280">
        <v>1</v>
      </c>
      <c r="AG33" s="280">
        <v>0</v>
      </c>
      <c r="AH33" s="277">
        <v>5</v>
      </c>
      <c r="AI33" s="282">
        <v>6</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1</v>
      </c>
      <c r="BB33" s="280">
        <v>2</v>
      </c>
      <c r="BC33" s="280">
        <v>1</v>
      </c>
      <c r="BD33" s="281">
        <v>5</v>
      </c>
      <c r="BE33" s="282">
        <v>5</v>
      </c>
      <c r="BF33" s="276">
        <v>0</v>
      </c>
      <c r="BG33" s="280">
        <v>0</v>
      </c>
      <c r="BH33" s="277">
        <v>0</v>
      </c>
      <c r="BI33" s="279">
        <v>0</v>
      </c>
      <c r="BJ33" s="280">
        <v>3</v>
      </c>
      <c r="BK33" s="280">
        <v>2</v>
      </c>
      <c r="BL33" s="280">
        <v>1</v>
      </c>
      <c r="BM33" s="280">
        <v>1</v>
      </c>
      <c r="BN33" s="280">
        <v>0</v>
      </c>
      <c r="BO33" s="277">
        <v>7</v>
      </c>
      <c r="BP33" s="282">
        <v>7</v>
      </c>
      <c r="BQ33" s="276">
        <v>0</v>
      </c>
      <c r="BR33" s="280">
        <v>0</v>
      </c>
      <c r="BS33" s="277">
        <v>0</v>
      </c>
      <c r="BT33" s="279">
        <v>0</v>
      </c>
      <c r="BU33" s="280">
        <v>1</v>
      </c>
      <c r="BV33" s="280">
        <v>1</v>
      </c>
      <c r="BW33" s="280">
        <v>2</v>
      </c>
      <c r="BX33" s="280">
        <v>0</v>
      </c>
      <c r="BY33" s="280">
        <v>0</v>
      </c>
      <c r="BZ33" s="277">
        <v>4</v>
      </c>
      <c r="CA33" s="282">
        <v>4</v>
      </c>
      <c r="CB33" s="276">
        <v>0</v>
      </c>
      <c r="CC33" s="280">
        <v>0</v>
      </c>
      <c r="CD33" s="277">
        <v>0</v>
      </c>
      <c r="CE33" s="279">
        <v>0</v>
      </c>
      <c r="CF33" s="280">
        <v>1</v>
      </c>
      <c r="CG33" s="280">
        <v>1</v>
      </c>
      <c r="CH33" s="280">
        <v>1</v>
      </c>
      <c r="CI33" s="280">
        <v>1</v>
      </c>
      <c r="CJ33" s="280">
        <v>0</v>
      </c>
      <c r="CK33" s="277">
        <v>4</v>
      </c>
      <c r="CL33" s="282">
        <v>4</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3</v>
      </c>
      <c r="DV33" s="277">
        <v>5</v>
      </c>
      <c r="DW33" s="279">
        <v>0</v>
      </c>
      <c r="DX33" s="280">
        <v>4</v>
      </c>
      <c r="DY33" s="280">
        <v>5</v>
      </c>
      <c r="DZ33" s="280">
        <v>3</v>
      </c>
      <c r="EA33" s="280">
        <v>2</v>
      </c>
      <c r="EB33" s="280">
        <v>1</v>
      </c>
      <c r="EC33" s="277">
        <v>15</v>
      </c>
      <c r="ED33" s="282">
        <v>20</v>
      </c>
      <c r="EE33" s="276">
        <v>0</v>
      </c>
      <c r="EF33" s="280">
        <v>0</v>
      </c>
      <c r="EG33" s="277">
        <v>0</v>
      </c>
      <c r="EH33" s="279">
        <v>0</v>
      </c>
      <c r="EI33" s="280">
        <v>0</v>
      </c>
      <c r="EJ33" s="280">
        <v>0</v>
      </c>
      <c r="EK33" s="280">
        <v>1</v>
      </c>
      <c r="EL33" s="280">
        <v>1</v>
      </c>
      <c r="EM33" s="280">
        <v>0</v>
      </c>
      <c r="EN33" s="277">
        <v>2</v>
      </c>
      <c r="EO33" s="282">
        <v>2</v>
      </c>
      <c r="EP33" s="276">
        <v>3</v>
      </c>
      <c r="EQ33" s="280">
        <v>3</v>
      </c>
      <c r="ER33" s="277">
        <v>6</v>
      </c>
      <c r="ES33" s="279">
        <v>0</v>
      </c>
      <c r="ET33" s="280">
        <v>7</v>
      </c>
      <c r="EU33" s="280">
        <v>7</v>
      </c>
      <c r="EV33" s="280">
        <v>3</v>
      </c>
      <c r="EW33" s="280">
        <v>2</v>
      </c>
      <c r="EX33" s="280">
        <v>1</v>
      </c>
      <c r="EY33" s="277">
        <v>20</v>
      </c>
      <c r="EZ33" s="282">
        <v>26</v>
      </c>
    </row>
    <row r="34" spans="2:156" ht="21" customHeight="1" x14ac:dyDescent="0.2">
      <c r="B34" s="261" t="s">
        <v>32</v>
      </c>
      <c r="C34" s="276">
        <v>0</v>
      </c>
      <c r="D34" s="280">
        <v>0</v>
      </c>
      <c r="E34" s="382">
        <v>0</v>
      </c>
      <c r="F34" s="279">
        <v>0</v>
      </c>
      <c r="G34" s="280">
        <v>1</v>
      </c>
      <c r="H34" s="280">
        <v>2</v>
      </c>
      <c r="I34" s="280">
        <v>2</v>
      </c>
      <c r="J34" s="280">
        <v>1</v>
      </c>
      <c r="K34" s="280">
        <v>1</v>
      </c>
      <c r="L34" s="281">
        <v>7</v>
      </c>
      <c r="M34" s="282">
        <v>7</v>
      </c>
      <c r="N34" s="276">
        <v>0</v>
      </c>
      <c r="O34" s="280">
        <v>0</v>
      </c>
      <c r="P34" s="277">
        <v>0</v>
      </c>
      <c r="Q34" s="279">
        <v>0</v>
      </c>
      <c r="R34" s="280">
        <v>0</v>
      </c>
      <c r="S34" s="280">
        <v>0</v>
      </c>
      <c r="T34" s="280">
        <v>0</v>
      </c>
      <c r="U34" s="280">
        <v>0</v>
      </c>
      <c r="V34" s="280">
        <v>1</v>
      </c>
      <c r="W34" s="277">
        <v>1</v>
      </c>
      <c r="X34" s="282">
        <v>1</v>
      </c>
      <c r="Y34" s="276">
        <v>0</v>
      </c>
      <c r="Z34" s="280">
        <v>1</v>
      </c>
      <c r="AA34" s="277">
        <v>1</v>
      </c>
      <c r="AB34" s="279">
        <v>0</v>
      </c>
      <c r="AC34" s="280">
        <v>2</v>
      </c>
      <c r="AD34" s="280">
        <v>2</v>
      </c>
      <c r="AE34" s="280">
        <v>1</v>
      </c>
      <c r="AF34" s="280">
        <v>0</v>
      </c>
      <c r="AG34" s="280">
        <v>0</v>
      </c>
      <c r="AH34" s="277">
        <v>5</v>
      </c>
      <c r="AI34" s="282">
        <v>6</v>
      </c>
      <c r="AJ34" s="276">
        <v>0</v>
      </c>
      <c r="AK34" s="280">
        <v>0</v>
      </c>
      <c r="AL34" s="277">
        <v>0</v>
      </c>
      <c r="AM34" s="279">
        <v>0</v>
      </c>
      <c r="AN34" s="280">
        <v>0</v>
      </c>
      <c r="AO34" s="280">
        <v>1</v>
      </c>
      <c r="AP34" s="280">
        <v>0</v>
      </c>
      <c r="AQ34" s="280">
        <v>0</v>
      </c>
      <c r="AR34" s="280">
        <v>0</v>
      </c>
      <c r="AS34" s="277">
        <v>1</v>
      </c>
      <c r="AT34" s="282">
        <v>1</v>
      </c>
      <c r="AU34" s="276">
        <v>0</v>
      </c>
      <c r="AV34" s="280">
        <v>0</v>
      </c>
      <c r="AW34" s="277">
        <v>0</v>
      </c>
      <c r="AX34" s="279">
        <v>0</v>
      </c>
      <c r="AY34" s="280">
        <v>0</v>
      </c>
      <c r="AZ34" s="280">
        <v>1</v>
      </c>
      <c r="BA34" s="280">
        <v>4</v>
      </c>
      <c r="BB34" s="280">
        <v>2</v>
      </c>
      <c r="BC34" s="280">
        <v>2</v>
      </c>
      <c r="BD34" s="281">
        <v>9</v>
      </c>
      <c r="BE34" s="282">
        <v>9</v>
      </c>
      <c r="BF34" s="276">
        <v>0</v>
      </c>
      <c r="BG34" s="280">
        <v>0</v>
      </c>
      <c r="BH34" s="277">
        <v>0</v>
      </c>
      <c r="BI34" s="279">
        <v>0</v>
      </c>
      <c r="BJ34" s="280">
        <v>3</v>
      </c>
      <c r="BK34" s="280">
        <v>4</v>
      </c>
      <c r="BL34" s="280">
        <v>2</v>
      </c>
      <c r="BM34" s="280">
        <v>0</v>
      </c>
      <c r="BN34" s="280">
        <v>1</v>
      </c>
      <c r="BO34" s="277">
        <v>10</v>
      </c>
      <c r="BP34" s="282">
        <v>10</v>
      </c>
      <c r="BQ34" s="276">
        <v>0</v>
      </c>
      <c r="BR34" s="280">
        <v>0</v>
      </c>
      <c r="BS34" s="277">
        <v>0</v>
      </c>
      <c r="BT34" s="279">
        <v>0</v>
      </c>
      <c r="BU34" s="280">
        <v>2</v>
      </c>
      <c r="BV34" s="280">
        <v>1</v>
      </c>
      <c r="BW34" s="280">
        <v>0</v>
      </c>
      <c r="BX34" s="280">
        <v>0</v>
      </c>
      <c r="BY34" s="280">
        <v>1</v>
      </c>
      <c r="BZ34" s="277">
        <v>4</v>
      </c>
      <c r="CA34" s="282">
        <v>4</v>
      </c>
      <c r="CB34" s="276">
        <v>0</v>
      </c>
      <c r="CC34" s="280">
        <v>0</v>
      </c>
      <c r="CD34" s="277">
        <v>0</v>
      </c>
      <c r="CE34" s="279">
        <v>0</v>
      </c>
      <c r="CF34" s="280">
        <v>0</v>
      </c>
      <c r="CG34" s="280">
        <v>0</v>
      </c>
      <c r="CH34" s="280">
        <v>0</v>
      </c>
      <c r="CI34" s="280">
        <v>0</v>
      </c>
      <c r="CJ34" s="280">
        <v>1</v>
      </c>
      <c r="CK34" s="277">
        <v>1</v>
      </c>
      <c r="CL34" s="282">
        <v>1</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0</v>
      </c>
      <c r="DU34" s="280">
        <v>3</v>
      </c>
      <c r="DV34" s="277">
        <v>3</v>
      </c>
      <c r="DW34" s="279">
        <v>0</v>
      </c>
      <c r="DX34" s="280">
        <v>7</v>
      </c>
      <c r="DY34" s="280">
        <v>8</v>
      </c>
      <c r="DZ34" s="280">
        <v>5</v>
      </c>
      <c r="EA34" s="280">
        <v>1</v>
      </c>
      <c r="EB34" s="280">
        <v>2</v>
      </c>
      <c r="EC34" s="277">
        <v>23</v>
      </c>
      <c r="ED34" s="282">
        <v>26</v>
      </c>
      <c r="EE34" s="276">
        <v>0</v>
      </c>
      <c r="EF34" s="280">
        <v>0</v>
      </c>
      <c r="EG34" s="277">
        <v>0</v>
      </c>
      <c r="EH34" s="279">
        <v>0</v>
      </c>
      <c r="EI34" s="280">
        <v>0</v>
      </c>
      <c r="EJ34" s="280">
        <v>1</v>
      </c>
      <c r="EK34" s="280">
        <v>1</v>
      </c>
      <c r="EL34" s="280">
        <v>1</v>
      </c>
      <c r="EM34" s="280">
        <v>2</v>
      </c>
      <c r="EN34" s="277">
        <v>5</v>
      </c>
      <c r="EO34" s="282">
        <v>5</v>
      </c>
      <c r="EP34" s="276">
        <v>0</v>
      </c>
      <c r="EQ34" s="280">
        <v>4</v>
      </c>
      <c r="ER34" s="277">
        <v>4</v>
      </c>
      <c r="ES34" s="279">
        <v>0</v>
      </c>
      <c r="ET34" s="280">
        <v>9</v>
      </c>
      <c r="EU34" s="280">
        <v>10</v>
      </c>
      <c r="EV34" s="280">
        <v>5</v>
      </c>
      <c r="EW34" s="280">
        <v>1</v>
      </c>
      <c r="EX34" s="280">
        <v>2</v>
      </c>
      <c r="EY34" s="277">
        <v>27</v>
      </c>
      <c r="EZ34" s="282">
        <v>31</v>
      </c>
    </row>
    <row r="35" spans="2:156" ht="21" customHeight="1" x14ac:dyDescent="0.2">
      <c r="B35" s="261" t="s">
        <v>33</v>
      </c>
      <c r="C35" s="276">
        <v>0</v>
      </c>
      <c r="D35" s="280">
        <v>0</v>
      </c>
      <c r="E35" s="382">
        <v>0</v>
      </c>
      <c r="F35" s="279">
        <v>0</v>
      </c>
      <c r="G35" s="280">
        <v>2</v>
      </c>
      <c r="H35" s="280">
        <v>0</v>
      </c>
      <c r="I35" s="280">
        <v>0</v>
      </c>
      <c r="J35" s="280">
        <v>0</v>
      </c>
      <c r="K35" s="280">
        <v>1</v>
      </c>
      <c r="L35" s="281">
        <v>3</v>
      </c>
      <c r="M35" s="282">
        <v>3</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1</v>
      </c>
      <c r="AE35" s="280">
        <v>0</v>
      </c>
      <c r="AF35" s="280">
        <v>0</v>
      </c>
      <c r="AG35" s="280">
        <v>1</v>
      </c>
      <c r="AH35" s="277">
        <v>3</v>
      </c>
      <c r="AI35" s="282">
        <v>3</v>
      </c>
      <c r="AJ35" s="276">
        <v>2</v>
      </c>
      <c r="AK35" s="280">
        <v>1</v>
      </c>
      <c r="AL35" s="277">
        <v>3</v>
      </c>
      <c r="AM35" s="279">
        <v>0</v>
      </c>
      <c r="AN35" s="280">
        <v>1</v>
      </c>
      <c r="AO35" s="280">
        <v>0</v>
      </c>
      <c r="AP35" s="280">
        <v>1</v>
      </c>
      <c r="AQ35" s="280">
        <v>0</v>
      </c>
      <c r="AR35" s="280">
        <v>1</v>
      </c>
      <c r="AS35" s="277">
        <v>3</v>
      </c>
      <c r="AT35" s="282">
        <v>6</v>
      </c>
      <c r="AU35" s="276">
        <v>0</v>
      </c>
      <c r="AV35" s="280">
        <v>0</v>
      </c>
      <c r="AW35" s="277">
        <v>0</v>
      </c>
      <c r="AX35" s="279">
        <v>0</v>
      </c>
      <c r="AY35" s="280">
        <v>1</v>
      </c>
      <c r="AZ35" s="280">
        <v>1</v>
      </c>
      <c r="BA35" s="280">
        <v>1</v>
      </c>
      <c r="BB35" s="280">
        <v>1</v>
      </c>
      <c r="BC35" s="280">
        <v>0</v>
      </c>
      <c r="BD35" s="281">
        <v>4</v>
      </c>
      <c r="BE35" s="282">
        <v>4</v>
      </c>
      <c r="BF35" s="276">
        <v>0</v>
      </c>
      <c r="BG35" s="280">
        <v>0</v>
      </c>
      <c r="BH35" s="277">
        <v>0</v>
      </c>
      <c r="BI35" s="279">
        <v>0</v>
      </c>
      <c r="BJ35" s="280">
        <v>1</v>
      </c>
      <c r="BK35" s="280">
        <v>0</v>
      </c>
      <c r="BL35" s="280">
        <v>0</v>
      </c>
      <c r="BM35" s="280">
        <v>0</v>
      </c>
      <c r="BN35" s="280">
        <v>0</v>
      </c>
      <c r="BO35" s="277">
        <v>1</v>
      </c>
      <c r="BP35" s="282">
        <v>1</v>
      </c>
      <c r="BQ35" s="276">
        <v>1</v>
      </c>
      <c r="BR35" s="280">
        <v>0</v>
      </c>
      <c r="BS35" s="277">
        <v>1</v>
      </c>
      <c r="BT35" s="279">
        <v>0</v>
      </c>
      <c r="BU35" s="280">
        <v>2</v>
      </c>
      <c r="BV35" s="280">
        <v>1</v>
      </c>
      <c r="BW35" s="280">
        <v>0</v>
      </c>
      <c r="BX35" s="280">
        <v>0</v>
      </c>
      <c r="BY35" s="280">
        <v>0</v>
      </c>
      <c r="BZ35" s="277">
        <v>3</v>
      </c>
      <c r="CA35" s="282">
        <v>4</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0</v>
      </c>
      <c r="DV35" s="277">
        <v>1</v>
      </c>
      <c r="DW35" s="279">
        <v>0</v>
      </c>
      <c r="DX35" s="280">
        <v>5</v>
      </c>
      <c r="DY35" s="280">
        <v>1</v>
      </c>
      <c r="DZ35" s="280">
        <v>1</v>
      </c>
      <c r="EA35" s="280">
        <v>0</v>
      </c>
      <c r="EB35" s="280">
        <v>0</v>
      </c>
      <c r="EC35" s="277">
        <v>7</v>
      </c>
      <c r="ED35" s="282">
        <v>8</v>
      </c>
      <c r="EE35" s="276">
        <v>0</v>
      </c>
      <c r="EF35" s="280">
        <v>0</v>
      </c>
      <c r="EG35" s="277">
        <v>0</v>
      </c>
      <c r="EH35" s="279">
        <v>0</v>
      </c>
      <c r="EI35" s="280">
        <v>0</v>
      </c>
      <c r="EJ35" s="280">
        <v>1</v>
      </c>
      <c r="EK35" s="280">
        <v>0</v>
      </c>
      <c r="EL35" s="280">
        <v>1</v>
      </c>
      <c r="EM35" s="280">
        <v>0</v>
      </c>
      <c r="EN35" s="277">
        <v>2</v>
      </c>
      <c r="EO35" s="282">
        <v>2</v>
      </c>
      <c r="EP35" s="276">
        <v>3</v>
      </c>
      <c r="EQ35" s="280">
        <v>1</v>
      </c>
      <c r="ER35" s="277">
        <v>4</v>
      </c>
      <c r="ES35" s="279">
        <v>0</v>
      </c>
      <c r="ET35" s="280">
        <v>6</v>
      </c>
      <c r="EU35" s="280">
        <v>2</v>
      </c>
      <c r="EV35" s="280">
        <v>1</v>
      </c>
      <c r="EW35" s="280">
        <v>0</v>
      </c>
      <c r="EX35" s="280">
        <v>1</v>
      </c>
      <c r="EY35" s="277">
        <v>10</v>
      </c>
      <c r="EZ35" s="282">
        <v>14</v>
      </c>
    </row>
    <row r="36" spans="2:156" ht="21" customHeight="1" x14ac:dyDescent="0.2">
      <c r="B36" s="261" t="s">
        <v>34</v>
      </c>
      <c r="C36" s="276">
        <v>0</v>
      </c>
      <c r="D36" s="280">
        <v>0</v>
      </c>
      <c r="E36" s="382">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v>
      </c>
      <c r="AD36" s="280">
        <v>0</v>
      </c>
      <c r="AE36" s="280">
        <v>0</v>
      </c>
      <c r="AF36" s="280">
        <v>0</v>
      </c>
      <c r="AG36" s="280">
        <v>0</v>
      </c>
      <c r="AH36" s="277">
        <v>1</v>
      </c>
      <c r="AI36" s="282">
        <v>1</v>
      </c>
      <c r="AJ36" s="276">
        <v>0</v>
      </c>
      <c r="AK36" s="280">
        <v>0</v>
      </c>
      <c r="AL36" s="277">
        <v>0</v>
      </c>
      <c r="AM36" s="279">
        <v>0</v>
      </c>
      <c r="AN36" s="280">
        <v>0</v>
      </c>
      <c r="AO36" s="280">
        <v>2</v>
      </c>
      <c r="AP36" s="280">
        <v>0</v>
      </c>
      <c r="AQ36" s="280">
        <v>0</v>
      </c>
      <c r="AR36" s="280">
        <v>0</v>
      </c>
      <c r="AS36" s="277">
        <v>2</v>
      </c>
      <c r="AT36" s="282">
        <v>2</v>
      </c>
      <c r="AU36" s="276">
        <v>0</v>
      </c>
      <c r="AV36" s="280">
        <v>0</v>
      </c>
      <c r="AW36" s="277">
        <v>0</v>
      </c>
      <c r="AX36" s="279">
        <v>0</v>
      </c>
      <c r="AY36" s="280">
        <v>0</v>
      </c>
      <c r="AZ36" s="280">
        <v>2</v>
      </c>
      <c r="BA36" s="280">
        <v>0</v>
      </c>
      <c r="BB36" s="280">
        <v>0</v>
      </c>
      <c r="BC36" s="280">
        <v>2</v>
      </c>
      <c r="BD36" s="281">
        <v>4</v>
      </c>
      <c r="BE36" s="282">
        <v>4</v>
      </c>
      <c r="BF36" s="276">
        <v>0</v>
      </c>
      <c r="BG36" s="280">
        <v>0</v>
      </c>
      <c r="BH36" s="277">
        <v>0</v>
      </c>
      <c r="BI36" s="279">
        <v>0</v>
      </c>
      <c r="BJ36" s="280">
        <v>0</v>
      </c>
      <c r="BK36" s="280">
        <v>0</v>
      </c>
      <c r="BL36" s="280">
        <v>0</v>
      </c>
      <c r="BM36" s="280">
        <v>1</v>
      </c>
      <c r="BN36" s="280">
        <v>0</v>
      </c>
      <c r="BO36" s="277">
        <v>1</v>
      </c>
      <c r="BP36" s="282">
        <v>1</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1</v>
      </c>
      <c r="DV36" s="277">
        <v>1</v>
      </c>
      <c r="DW36" s="279">
        <v>0</v>
      </c>
      <c r="DX36" s="280">
        <v>1</v>
      </c>
      <c r="DY36" s="280">
        <v>3</v>
      </c>
      <c r="DZ36" s="280">
        <v>1</v>
      </c>
      <c r="EA36" s="280">
        <v>1</v>
      </c>
      <c r="EB36" s="280">
        <v>0</v>
      </c>
      <c r="EC36" s="277">
        <v>6</v>
      </c>
      <c r="ED36" s="282">
        <v>7</v>
      </c>
      <c r="EE36" s="276">
        <v>0</v>
      </c>
      <c r="EF36" s="280">
        <v>0</v>
      </c>
      <c r="EG36" s="277">
        <v>0</v>
      </c>
      <c r="EH36" s="279">
        <v>0</v>
      </c>
      <c r="EI36" s="280">
        <v>0</v>
      </c>
      <c r="EJ36" s="280">
        <v>0</v>
      </c>
      <c r="EK36" s="280">
        <v>0</v>
      </c>
      <c r="EL36" s="280">
        <v>0</v>
      </c>
      <c r="EM36" s="280">
        <v>2</v>
      </c>
      <c r="EN36" s="277">
        <v>2</v>
      </c>
      <c r="EO36" s="282">
        <v>2</v>
      </c>
      <c r="EP36" s="276">
        <v>0</v>
      </c>
      <c r="EQ36" s="280">
        <v>1</v>
      </c>
      <c r="ER36" s="277">
        <v>1</v>
      </c>
      <c r="ES36" s="279">
        <v>0</v>
      </c>
      <c r="ET36" s="280">
        <v>2</v>
      </c>
      <c r="EU36" s="280">
        <v>3</v>
      </c>
      <c r="EV36" s="280">
        <v>1</v>
      </c>
      <c r="EW36" s="280">
        <v>1</v>
      </c>
      <c r="EX36" s="280">
        <v>0</v>
      </c>
      <c r="EY36" s="277">
        <v>7</v>
      </c>
      <c r="EZ36" s="282">
        <v>8</v>
      </c>
    </row>
    <row r="37" spans="2:156" ht="21" customHeight="1" x14ac:dyDescent="0.2">
      <c r="B37" s="261" t="s">
        <v>35</v>
      </c>
      <c r="C37" s="276">
        <v>0</v>
      </c>
      <c r="D37" s="280">
        <v>0</v>
      </c>
      <c r="E37" s="382">
        <v>0</v>
      </c>
      <c r="F37" s="279">
        <v>0</v>
      </c>
      <c r="G37" s="280">
        <v>7</v>
      </c>
      <c r="H37" s="280">
        <v>2</v>
      </c>
      <c r="I37" s="280">
        <v>0</v>
      </c>
      <c r="J37" s="280">
        <v>0</v>
      </c>
      <c r="K37" s="280">
        <v>1</v>
      </c>
      <c r="L37" s="281">
        <v>10</v>
      </c>
      <c r="M37" s="282">
        <v>10</v>
      </c>
      <c r="N37" s="276">
        <v>0</v>
      </c>
      <c r="O37" s="280">
        <v>0</v>
      </c>
      <c r="P37" s="277">
        <v>0</v>
      </c>
      <c r="Q37" s="279">
        <v>0</v>
      </c>
      <c r="R37" s="280">
        <v>0</v>
      </c>
      <c r="S37" s="280">
        <v>0</v>
      </c>
      <c r="T37" s="280">
        <v>1</v>
      </c>
      <c r="U37" s="280">
        <v>0</v>
      </c>
      <c r="V37" s="280">
        <v>2</v>
      </c>
      <c r="W37" s="277">
        <v>3</v>
      </c>
      <c r="X37" s="282">
        <v>3</v>
      </c>
      <c r="Y37" s="276">
        <v>1</v>
      </c>
      <c r="Z37" s="280">
        <v>0</v>
      </c>
      <c r="AA37" s="277">
        <v>1</v>
      </c>
      <c r="AB37" s="279">
        <v>0</v>
      </c>
      <c r="AC37" s="280">
        <v>2</v>
      </c>
      <c r="AD37" s="280">
        <v>1</v>
      </c>
      <c r="AE37" s="280">
        <v>1</v>
      </c>
      <c r="AF37" s="280">
        <v>1</v>
      </c>
      <c r="AG37" s="280">
        <v>1</v>
      </c>
      <c r="AH37" s="277">
        <v>6</v>
      </c>
      <c r="AI37" s="282">
        <v>7</v>
      </c>
      <c r="AJ37" s="276">
        <v>1</v>
      </c>
      <c r="AK37" s="280">
        <v>0</v>
      </c>
      <c r="AL37" s="277">
        <v>1</v>
      </c>
      <c r="AM37" s="279">
        <v>0</v>
      </c>
      <c r="AN37" s="280">
        <v>1</v>
      </c>
      <c r="AO37" s="280">
        <v>0</v>
      </c>
      <c r="AP37" s="280">
        <v>0</v>
      </c>
      <c r="AQ37" s="280">
        <v>1</v>
      </c>
      <c r="AR37" s="280">
        <v>0</v>
      </c>
      <c r="AS37" s="277">
        <v>2</v>
      </c>
      <c r="AT37" s="282">
        <v>3</v>
      </c>
      <c r="AU37" s="276">
        <v>2</v>
      </c>
      <c r="AV37" s="280">
        <v>1</v>
      </c>
      <c r="AW37" s="277">
        <v>3</v>
      </c>
      <c r="AX37" s="279">
        <v>0</v>
      </c>
      <c r="AY37" s="280">
        <v>10</v>
      </c>
      <c r="AZ37" s="280">
        <v>2</v>
      </c>
      <c r="BA37" s="280">
        <v>2</v>
      </c>
      <c r="BB37" s="280">
        <v>5</v>
      </c>
      <c r="BC37" s="280">
        <v>3</v>
      </c>
      <c r="BD37" s="281">
        <v>22</v>
      </c>
      <c r="BE37" s="282">
        <v>25</v>
      </c>
      <c r="BF37" s="276">
        <v>0</v>
      </c>
      <c r="BG37" s="280">
        <v>0</v>
      </c>
      <c r="BH37" s="277">
        <v>0</v>
      </c>
      <c r="BI37" s="279">
        <v>0</v>
      </c>
      <c r="BJ37" s="280">
        <v>8</v>
      </c>
      <c r="BK37" s="280">
        <v>5</v>
      </c>
      <c r="BL37" s="280">
        <v>2</v>
      </c>
      <c r="BM37" s="280">
        <v>0</v>
      </c>
      <c r="BN37" s="280">
        <v>0</v>
      </c>
      <c r="BO37" s="277">
        <v>15</v>
      </c>
      <c r="BP37" s="282">
        <v>15</v>
      </c>
      <c r="BQ37" s="276">
        <v>0</v>
      </c>
      <c r="BR37" s="280">
        <v>1</v>
      </c>
      <c r="BS37" s="277">
        <v>1</v>
      </c>
      <c r="BT37" s="279">
        <v>0</v>
      </c>
      <c r="BU37" s="280">
        <v>2</v>
      </c>
      <c r="BV37" s="280">
        <v>0</v>
      </c>
      <c r="BW37" s="280">
        <v>0</v>
      </c>
      <c r="BX37" s="280">
        <v>0</v>
      </c>
      <c r="BY37" s="280">
        <v>0</v>
      </c>
      <c r="BZ37" s="277">
        <v>2</v>
      </c>
      <c r="CA37" s="282">
        <v>3</v>
      </c>
      <c r="CB37" s="276">
        <v>0</v>
      </c>
      <c r="CC37" s="280">
        <v>0</v>
      </c>
      <c r="CD37" s="277">
        <v>0</v>
      </c>
      <c r="CE37" s="279">
        <v>0</v>
      </c>
      <c r="CF37" s="280">
        <v>0</v>
      </c>
      <c r="CG37" s="280">
        <v>2</v>
      </c>
      <c r="CH37" s="280">
        <v>0</v>
      </c>
      <c r="CI37" s="280">
        <v>0</v>
      </c>
      <c r="CJ37" s="280">
        <v>0</v>
      </c>
      <c r="CK37" s="277">
        <v>2</v>
      </c>
      <c r="CL37" s="282">
        <v>2</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0</v>
      </c>
      <c r="DU37" s="280">
        <v>0</v>
      </c>
      <c r="DV37" s="277">
        <v>0</v>
      </c>
      <c r="DW37" s="279">
        <v>0</v>
      </c>
      <c r="DX37" s="280">
        <v>10</v>
      </c>
      <c r="DY37" s="280">
        <v>6</v>
      </c>
      <c r="DZ37" s="280">
        <v>4</v>
      </c>
      <c r="EA37" s="280">
        <v>1</v>
      </c>
      <c r="EB37" s="280">
        <v>2</v>
      </c>
      <c r="EC37" s="277">
        <v>23</v>
      </c>
      <c r="ED37" s="282">
        <v>23</v>
      </c>
      <c r="EE37" s="276">
        <v>3</v>
      </c>
      <c r="EF37" s="280">
        <v>1</v>
      </c>
      <c r="EG37" s="277">
        <v>4</v>
      </c>
      <c r="EH37" s="279">
        <v>0</v>
      </c>
      <c r="EI37" s="280">
        <v>4</v>
      </c>
      <c r="EJ37" s="280">
        <v>1</v>
      </c>
      <c r="EK37" s="280">
        <v>0</v>
      </c>
      <c r="EL37" s="280">
        <v>4</v>
      </c>
      <c r="EM37" s="280">
        <v>1</v>
      </c>
      <c r="EN37" s="277">
        <v>10</v>
      </c>
      <c r="EO37" s="282">
        <v>14</v>
      </c>
      <c r="EP37" s="276">
        <v>2</v>
      </c>
      <c r="EQ37" s="280">
        <v>1</v>
      </c>
      <c r="ER37" s="277">
        <v>3</v>
      </c>
      <c r="ES37" s="279">
        <v>0</v>
      </c>
      <c r="ET37" s="280">
        <v>18</v>
      </c>
      <c r="EU37" s="280">
        <v>7</v>
      </c>
      <c r="EV37" s="280">
        <v>4</v>
      </c>
      <c r="EW37" s="280">
        <v>1</v>
      </c>
      <c r="EX37" s="280">
        <v>2</v>
      </c>
      <c r="EY37" s="277">
        <v>32</v>
      </c>
      <c r="EZ37" s="282">
        <v>35</v>
      </c>
    </row>
    <row r="38" spans="2:156" ht="21" customHeight="1" x14ac:dyDescent="0.2">
      <c r="B38" s="261" t="s">
        <v>36</v>
      </c>
      <c r="C38" s="276">
        <v>0</v>
      </c>
      <c r="D38" s="280">
        <v>0</v>
      </c>
      <c r="E38" s="382">
        <v>0</v>
      </c>
      <c r="F38" s="279">
        <v>0</v>
      </c>
      <c r="G38" s="280">
        <v>1</v>
      </c>
      <c r="H38" s="280">
        <v>1</v>
      </c>
      <c r="I38" s="280">
        <v>1</v>
      </c>
      <c r="J38" s="280">
        <v>1</v>
      </c>
      <c r="K38" s="280">
        <v>2</v>
      </c>
      <c r="L38" s="281">
        <v>6</v>
      </c>
      <c r="M38" s="282">
        <v>6</v>
      </c>
      <c r="N38" s="276">
        <v>0</v>
      </c>
      <c r="O38" s="280">
        <v>0</v>
      </c>
      <c r="P38" s="277">
        <v>0</v>
      </c>
      <c r="Q38" s="279">
        <v>0</v>
      </c>
      <c r="R38" s="280">
        <v>1</v>
      </c>
      <c r="S38" s="280">
        <v>0</v>
      </c>
      <c r="T38" s="280">
        <v>0</v>
      </c>
      <c r="U38" s="280">
        <v>0</v>
      </c>
      <c r="V38" s="280">
        <v>0</v>
      </c>
      <c r="W38" s="277">
        <v>1</v>
      </c>
      <c r="X38" s="282">
        <v>1</v>
      </c>
      <c r="Y38" s="276">
        <v>0</v>
      </c>
      <c r="Z38" s="280">
        <v>1</v>
      </c>
      <c r="AA38" s="277">
        <v>1</v>
      </c>
      <c r="AB38" s="279">
        <v>0</v>
      </c>
      <c r="AC38" s="280">
        <v>3</v>
      </c>
      <c r="AD38" s="280">
        <v>0</v>
      </c>
      <c r="AE38" s="280">
        <v>0</v>
      </c>
      <c r="AF38" s="280">
        <v>0</v>
      </c>
      <c r="AG38" s="280">
        <v>1</v>
      </c>
      <c r="AH38" s="277">
        <v>4</v>
      </c>
      <c r="AI38" s="282">
        <v>5</v>
      </c>
      <c r="AJ38" s="276">
        <v>0</v>
      </c>
      <c r="AK38" s="280">
        <v>1</v>
      </c>
      <c r="AL38" s="277">
        <v>1</v>
      </c>
      <c r="AM38" s="279">
        <v>0</v>
      </c>
      <c r="AN38" s="280">
        <v>0</v>
      </c>
      <c r="AO38" s="280">
        <v>1</v>
      </c>
      <c r="AP38" s="280">
        <v>1</v>
      </c>
      <c r="AQ38" s="280">
        <v>0</v>
      </c>
      <c r="AR38" s="280">
        <v>0</v>
      </c>
      <c r="AS38" s="277">
        <v>2</v>
      </c>
      <c r="AT38" s="282">
        <v>3</v>
      </c>
      <c r="AU38" s="276">
        <v>1</v>
      </c>
      <c r="AV38" s="280">
        <v>0</v>
      </c>
      <c r="AW38" s="277">
        <v>1</v>
      </c>
      <c r="AX38" s="279">
        <v>0</v>
      </c>
      <c r="AY38" s="280">
        <v>1</v>
      </c>
      <c r="AZ38" s="280">
        <v>3</v>
      </c>
      <c r="BA38" s="280">
        <v>4</v>
      </c>
      <c r="BB38" s="280">
        <v>2</v>
      </c>
      <c r="BC38" s="280">
        <v>2</v>
      </c>
      <c r="BD38" s="281">
        <v>12</v>
      </c>
      <c r="BE38" s="282">
        <v>13</v>
      </c>
      <c r="BF38" s="276">
        <v>0</v>
      </c>
      <c r="BG38" s="280">
        <v>0</v>
      </c>
      <c r="BH38" s="277">
        <v>0</v>
      </c>
      <c r="BI38" s="279">
        <v>0</v>
      </c>
      <c r="BJ38" s="280">
        <v>3</v>
      </c>
      <c r="BK38" s="280">
        <v>2</v>
      </c>
      <c r="BL38" s="280">
        <v>2</v>
      </c>
      <c r="BM38" s="280">
        <v>0</v>
      </c>
      <c r="BN38" s="280">
        <v>0</v>
      </c>
      <c r="BO38" s="277">
        <v>7</v>
      </c>
      <c r="BP38" s="282">
        <v>7</v>
      </c>
      <c r="BQ38" s="276">
        <v>0</v>
      </c>
      <c r="BR38" s="280">
        <v>1</v>
      </c>
      <c r="BS38" s="277">
        <v>1</v>
      </c>
      <c r="BT38" s="279">
        <v>0</v>
      </c>
      <c r="BU38" s="280">
        <v>1</v>
      </c>
      <c r="BV38" s="280">
        <v>0</v>
      </c>
      <c r="BW38" s="280">
        <v>1</v>
      </c>
      <c r="BX38" s="280">
        <v>1</v>
      </c>
      <c r="BY38" s="280">
        <v>0</v>
      </c>
      <c r="BZ38" s="277">
        <v>3</v>
      </c>
      <c r="CA38" s="282">
        <v>4</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3</v>
      </c>
      <c r="DV38" s="277">
        <v>3</v>
      </c>
      <c r="DW38" s="279">
        <v>0</v>
      </c>
      <c r="DX38" s="280">
        <v>7</v>
      </c>
      <c r="DY38" s="280">
        <v>4</v>
      </c>
      <c r="DZ38" s="280">
        <v>0</v>
      </c>
      <c r="EA38" s="280">
        <v>2</v>
      </c>
      <c r="EB38" s="280">
        <v>1</v>
      </c>
      <c r="EC38" s="277">
        <v>14</v>
      </c>
      <c r="ED38" s="282">
        <v>17</v>
      </c>
      <c r="EE38" s="276">
        <v>0</v>
      </c>
      <c r="EF38" s="280">
        <v>0</v>
      </c>
      <c r="EG38" s="277">
        <v>0</v>
      </c>
      <c r="EH38" s="279">
        <v>0</v>
      </c>
      <c r="EI38" s="280">
        <v>1</v>
      </c>
      <c r="EJ38" s="280">
        <v>1</v>
      </c>
      <c r="EK38" s="280">
        <v>1</v>
      </c>
      <c r="EL38" s="280">
        <v>1</v>
      </c>
      <c r="EM38" s="280">
        <v>1</v>
      </c>
      <c r="EN38" s="277">
        <v>5</v>
      </c>
      <c r="EO38" s="282">
        <v>5</v>
      </c>
      <c r="EP38" s="276">
        <v>0</v>
      </c>
      <c r="EQ38" s="280">
        <v>5</v>
      </c>
      <c r="ER38" s="277">
        <v>5</v>
      </c>
      <c r="ES38" s="279">
        <v>0</v>
      </c>
      <c r="ET38" s="280">
        <v>11</v>
      </c>
      <c r="EU38" s="280">
        <v>7</v>
      </c>
      <c r="EV38" s="280">
        <v>2</v>
      </c>
      <c r="EW38" s="280">
        <v>2</v>
      </c>
      <c r="EX38" s="280">
        <v>2</v>
      </c>
      <c r="EY38" s="277">
        <v>24</v>
      </c>
      <c r="EZ38" s="282">
        <v>29</v>
      </c>
    </row>
    <row r="39" spans="2:156" ht="21" customHeight="1" thickBot="1" x14ac:dyDescent="0.25">
      <c r="B39" s="262" t="s">
        <v>37</v>
      </c>
      <c r="C39" s="283">
        <v>0</v>
      </c>
      <c r="D39" s="287">
        <v>0</v>
      </c>
      <c r="E39" s="383">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0</v>
      </c>
      <c r="BD39" s="288">
        <v>1</v>
      </c>
      <c r="BE39" s="289">
        <v>1</v>
      </c>
      <c r="BF39" s="283">
        <v>0</v>
      </c>
      <c r="BG39" s="287">
        <v>0</v>
      </c>
      <c r="BH39" s="284">
        <v>0</v>
      </c>
      <c r="BI39" s="286">
        <v>0</v>
      </c>
      <c r="BJ39" s="287">
        <v>0</v>
      </c>
      <c r="BK39" s="287">
        <v>1</v>
      </c>
      <c r="BL39" s="287">
        <v>0</v>
      </c>
      <c r="BM39" s="287">
        <v>0</v>
      </c>
      <c r="BN39" s="287">
        <v>0</v>
      </c>
      <c r="BO39" s="284">
        <v>1</v>
      </c>
      <c r="BP39" s="289">
        <v>1</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1</v>
      </c>
      <c r="DV39" s="284">
        <v>1</v>
      </c>
      <c r="DW39" s="286">
        <v>0</v>
      </c>
      <c r="DX39" s="287">
        <v>0</v>
      </c>
      <c r="DY39" s="287">
        <v>1</v>
      </c>
      <c r="DZ39" s="287">
        <v>0</v>
      </c>
      <c r="EA39" s="287">
        <v>0</v>
      </c>
      <c r="EB39" s="287">
        <v>0</v>
      </c>
      <c r="EC39" s="284">
        <v>1</v>
      </c>
      <c r="ED39" s="289">
        <v>2</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0</v>
      </c>
      <c r="EU39" s="287">
        <v>1</v>
      </c>
      <c r="EV39" s="287">
        <v>0</v>
      </c>
      <c r="EW39" s="287">
        <v>0</v>
      </c>
      <c r="EX39" s="287">
        <v>0</v>
      </c>
      <c r="EY39" s="284">
        <v>1</v>
      </c>
      <c r="EZ39" s="289">
        <v>2</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5</v>
      </c>
      <c r="J1" s="524"/>
      <c r="K1" s="248">
        <f>第１表!G2</f>
        <v>5</v>
      </c>
      <c r="L1" s="529">
        <f>IF(K1&lt;3,K1+12-2,K1-2)</f>
        <v>3</v>
      </c>
      <c r="M1" s="529"/>
    </row>
    <row r="2" spans="2:156" ht="24" customHeight="1" thickBot="1" x14ac:dyDescent="0.25">
      <c r="B2" s="290" t="s">
        <v>154</v>
      </c>
      <c r="G2" s="247"/>
      <c r="H2" s="248"/>
      <c r="J2" s="347"/>
      <c r="K2" s="347"/>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348" t="s">
        <v>43</v>
      </c>
      <c r="D5" s="259" t="s">
        <v>162</v>
      </c>
      <c r="E5" s="380" t="s">
        <v>45</v>
      </c>
      <c r="F5" s="267" t="s">
        <v>83</v>
      </c>
      <c r="G5" s="259" t="s">
        <v>47</v>
      </c>
      <c r="H5" s="259" t="s">
        <v>48</v>
      </c>
      <c r="I5" s="259" t="s">
        <v>49</v>
      </c>
      <c r="J5" s="259" t="s">
        <v>50</v>
      </c>
      <c r="K5" s="259" t="s">
        <v>51</v>
      </c>
      <c r="L5" s="268" t="s">
        <v>45</v>
      </c>
      <c r="M5" s="531"/>
      <c r="N5" s="348" t="s">
        <v>43</v>
      </c>
      <c r="O5" s="259" t="s">
        <v>44</v>
      </c>
      <c r="P5" s="265" t="s">
        <v>45</v>
      </c>
      <c r="Q5" s="267" t="s">
        <v>83</v>
      </c>
      <c r="R5" s="259" t="s">
        <v>47</v>
      </c>
      <c r="S5" s="259" t="s">
        <v>48</v>
      </c>
      <c r="T5" s="259" t="s">
        <v>49</v>
      </c>
      <c r="U5" s="259" t="s">
        <v>50</v>
      </c>
      <c r="V5" s="259" t="s">
        <v>51</v>
      </c>
      <c r="W5" s="265" t="s">
        <v>45</v>
      </c>
      <c r="X5" s="531"/>
      <c r="Y5" s="348" t="s">
        <v>43</v>
      </c>
      <c r="Z5" s="259" t="s">
        <v>44</v>
      </c>
      <c r="AA5" s="265" t="s">
        <v>45</v>
      </c>
      <c r="AB5" s="267" t="s">
        <v>83</v>
      </c>
      <c r="AC5" s="259" t="s">
        <v>47</v>
      </c>
      <c r="AD5" s="259" t="s">
        <v>48</v>
      </c>
      <c r="AE5" s="259" t="s">
        <v>49</v>
      </c>
      <c r="AF5" s="259" t="s">
        <v>50</v>
      </c>
      <c r="AG5" s="259" t="s">
        <v>51</v>
      </c>
      <c r="AH5" s="265" t="s">
        <v>45</v>
      </c>
      <c r="AI5" s="531"/>
      <c r="AJ5" s="348" t="s">
        <v>43</v>
      </c>
      <c r="AK5" s="259" t="s">
        <v>44</v>
      </c>
      <c r="AL5" s="265" t="s">
        <v>45</v>
      </c>
      <c r="AM5" s="267" t="s">
        <v>83</v>
      </c>
      <c r="AN5" s="259" t="s">
        <v>47</v>
      </c>
      <c r="AO5" s="259" t="s">
        <v>48</v>
      </c>
      <c r="AP5" s="259" t="s">
        <v>49</v>
      </c>
      <c r="AQ5" s="259" t="s">
        <v>50</v>
      </c>
      <c r="AR5" s="259" t="s">
        <v>51</v>
      </c>
      <c r="AS5" s="265" t="s">
        <v>45</v>
      </c>
      <c r="AT5" s="531"/>
      <c r="AU5" s="348" t="s">
        <v>43</v>
      </c>
      <c r="AV5" s="259" t="s">
        <v>44</v>
      </c>
      <c r="AW5" s="265" t="s">
        <v>45</v>
      </c>
      <c r="AX5" s="267" t="s">
        <v>83</v>
      </c>
      <c r="AY5" s="259" t="s">
        <v>47</v>
      </c>
      <c r="AZ5" s="259" t="s">
        <v>48</v>
      </c>
      <c r="BA5" s="259" t="s">
        <v>49</v>
      </c>
      <c r="BB5" s="259" t="s">
        <v>50</v>
      </c>
      <c r="BC5" s="259" t="s">
        <v>51</v>
      </c>
      <c r="BD5" s="268" t="s">
        <v>45</v>
      </c>
      <c r="BE5" s="531"/>
      <c r="BF5" s="348" t="s">
        <v>43</v>
      </c>
      <c r="BG5" s="259" t="s">
        <v>44</v>
      </c>
      <c r="BH5" s="265" t="s">
        <v>45</v>
      </c>
      <c r="BI5" s="267" t="s">
        <v>83</v>
      </c>
      <c r="BJ5" s="259" t="s">
        <v>47</v>
      </c>
      <c r="BK5" s="259" t="s">
        <v>48</v>
      </c>
      <c r="BL5" s="259" t="s">
        <v>49</v>
      </c>
      <c r="BM5" s="259" t="s">
        <v>50</v>
      </c>
      <c r="BN5" s="259" t="s">
        <v>51</v>
      </c>
      <c r="BO5" s="265" t="s">
        <v>45</v>
      </c>
      <c r="BP5" s="531"/>
      <c r="BQ5" s="348" t="s">
        <v>43</v>
      </c>
      <c r="BR5" s="259" t="s">
        <v>44</v>
      </c>
      <c r="BS5" s="265" t="s">
        <v>45</v>
      </c>
      <c r="BT5" s="267" t="s">
        <v>83</v>
      </c>
      <c r="BU5" s="259" t="s">
        <v>47</v>
      </c>
      <c r="BV5" s="259" t="s">
        <v>48</v>
      </c>
      <c r="BW5" s="259" t="s">
        <v>49</v>
      </c>
      <c r="BX5" s="259" t="s">
        <v>50</v>
      </c>
      <c r="BY5" s="259" t="s">
        <v>51</v>
      </c>
      <c r="BZ5" s="265" t="s">
        <v>45</v>
      </c>
      <c r="CA5" s="531"/>
      <c r="CB5" s="348" t="s">
        <v>43</v>
      </c>
      <c r="CC5" s="259" t="s">
        <v>44</v>
      </c>
      <c r="CD5" s="265" t="s">
        <v>45</v>
      </c>
      <c r="CE5" s="267" t="s">
        <v>83</v>
      </c>
      <c r="CF5" s="259" t="s">
        <v>47</v>
      </c>
      <c r="CG5" s="259" t="s">
        <v>48</v>
      </c>
      <c r="CH5" s="259" t="s">
        <v>49</v>
      </c>
      <c r="CI5" s="259" t="s">
        <v>50</v>
      </c>
      <c r="CJ5" s="259" t="s">
        <v>51</v>
      </c>
      <c r="CK5" s="265" t="s">
        <v>45</v>
      </c>
      <c r="CL5" s="531"/>
      <c r="CM5" s="348" t="s">
        <v>43</v>
      </c>
      <c r="CN5" s="259" t="s">
        <v>44</v>
      </c>
      <c r="CO5" s="265" t="s">
        <v>45</v>
      </c>
      <c r="CP5" s="267" t="s">
        <v>83</v>
      </c>
      <c r="CQ5" s="259" t="s">
        <v>47</v>
      </c>
      <c r="CR5" s="259" t="s">
        <v>48</v>
      </c>
      <c r="CS5" s="259" t="s">
        <v>49</v>
      </c>
      <c r="CT5" s="259" t="s">
        <v>50</v>
      </c>
      <c r="CU5" s="259" t="s">
        <v>51</v>
      </c>
      <c r="CV5" s="265" t="s">
        <v>45</v>
      </c>
      <c r="CW5" s="531"/>
      <c r="CX5" s="348" t="s">
        <v>43</v>
      </c>
      <c r="CY5" s="259" t="s">
        <v>44</v>
      </c>
      <c r="CZ5" s="265" t="s">
        <v>45</v>
      </c>
      <c r="DA5" s="267" t="s">
        <v>83</v>
      </c>
      <c r="DB5" s="259" t="s">
        <v>47</v>
      </c>
      <c r="DC5" s="259" t="s">
        <v>48</v>
      </c>
      <c r="DD5" s="259" t="s">
        <v>49</v>
      </c>
      <c r="DE5" s="259" t="s">
        <v>50</v>
      </c>
      <c r="DF5" s="259" t="s">
        <v>51</v>
      </c>
      <c r="DG5" s="265" t="s">
        <v>45</v>
      </c>
      <c r="DH5" s="531"/>
      <c r="DI5" s="348" t="s">
        <v>43</v>
      </c>
      <c r="DJ5" s="259" t="s">
        <v>44</v>
      </c>
      <c r="DK5" s="265" t="s">
        <v>45</v>
      </c>
      <c r="DL5" s="267" t="s">
        <v>83</v>
      </c>
      <c r="DM5" s="259" t="s">
        <v>47</v>
      </c>
      <c r="DN5" s="259" t="s">
        <v>48</v>
      </c>
      <c r="DO5" s="259" t="s">
        <v>49</v>
      </c>
      <c r="DP5" s="259" t="s">
        <v>50</v>
      </c>
      <c r="DQ5" s="259" t="s">
        <v>51</v>
      </c>
      <c r="DR5" s="265" t="s">
        <v>45</v>
      </c>
      <c r="DS5" s="531"/>
      <c r="DT5" s="348" t="s">
        <v>43</v>
      </c>
      <c r="DU5" s="259" t="s">
        <v>44</v>
      </c>
      <c r="DV5" s="265" t="s">
        <v>45</v>
      </c>
      <c r="DW5" s="267" t="s">
        <v>83</v>
      </c>
      <c r="DX5" s="259" t="s">
        <v>47</v>
      </c>
      <c r="DY5" s="259" t="s">
        <v>48</v>
      </c>
      <c r="DZ5" s="259" t="s">
        <v>49</v>
      </c>
      <c r="EA5" s="259" t="s">
        <v>50</v>
      </c>
      <c r="EB5" s="259" t="s">
        <v>51</v>
      </c>
      <c r="EC5" s="265" t="s">
        <v>45</v>
      </c>
      <c r="ED5" s="531"/>
      <c r="EE5" s="348" t="s">
        <v>43</v>
      </c>
      <c r="EF5" s="259" t="s">
        <v>44</v>
      </c>
      <c r="EG5" s="265" t="s">
        <v>45</v>
      </c>
      <c r="EH5" s="267" t="s">
        <v>83</v>
      </c>
      <c r="EI5" s="259" t="s">
        <v>47</v>
      </c>
      <c r="EJ5" s="259" t="s">
        <v>48</v>
      </c>
      <c r="EK5" s="259" t="s">
        <v>49</v>
      </c>
      <c r="EL5" s="259" t="s">
        <v>50</v>
      </c>
      <c r="EM5" s="259" t="s">
        <v>51</v>
      </c>
      <c r="EN5" s="265" t="s">
        <v>45</v>
      </c>
      <c r="EO5" s="531"/>
      <c r="EP5" s="348"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1</v>
      </c>
      <c r="D6" s="273">
        <v>0</v>
      </c>
      <c r="E6" s="381">
        <v>1</v>
      </c>
      <c r="F6" s="272">
        <v>0</v>
      </c>
      <c r="G6" s="273">
        <v>1138</v>
      </c>
      <c r="H6" s="273">
        <v>1288</v>
      </c>
      <c r="I6" s="273">
        <v>691</v>
      </c>
      <c r="J6" s="273">
        <v>590</v>
      </c>
      <c r="K6" s="273">
        <v>443</v>
      </c>
      <c r="L6" s="274">
        <v>4150</v>
      </c>
      <c r="M6" s="275">
        <v>4151</v>
      </c>
      <c r="N6" s="269">
        <v>1</v>
      </c>
      <c r="O6" s="273">
        <v>2</v>
      </c>
      <c r="P6" s="270">
        <v>3</v>
      </c>
      <c r="Q6" s="272">
        <v>0</v>
      </c>
      <c r="R6" s="273">
        <v>9</v>
      </c>
      <c r="S6" s="273">
        <v>35</v>
      </c>
      <c r="T6" s="273">
        <v>67</v>
      </c>
      <c r="U6" s="273">
        <v>141</v>
      </c>
      <c r="V6" s="273">
        <v>226</v>
      </c>
      <c r="W6" s="270">
        <v>478</v>
      </c>
      <c r="X6" s="275">
        <v>481</v>
      </c>
      <c r="Y6" s="269">
        <v>224</v>
      </c>
      <c r="Z6" s="273">
        <v>421</v>
      </c>
      <c r="AA6" s="270">
        <v>645</v>
      </c>
      <c r="AB6" s="272">
        <v>0</v>
      </c>
      <c r="AC6" s="273">
        <v>907</v>
      </c>
      <c r="AD6" s="273">
        <v>1202</v>
      </c>
      <c r="AE6" s="273">
        <v>722</v>
      </c>
      <c r="AF6" s="273">
        <v>639</v>
      </c>
      <c r="AG6" s="273">
        <v>420</v>
      </c>
      <c r="AH6" s="270">
        <v>3890</v>
      </c>
      <c r="AI6" s="275">
        <v>4535</v>
      </c>
      <c r="AJ6" s="269">
        <v>19</v>
      </c>
      <c r="AK6" s="273">
        <v>53</v>
      </c>
      <c r="AL6" s="270">
        <v>72</v>
      </c>
      <c r="AM6" s="272">
        <v>0</v>
      </c>
      <c r="AN6" s="273">
        <v>109</v>
      </c>
      <c r="AO6" s="273">
        <v>151</v>
      </c>
      <c r="AP6" s="273">
        <v>93</v>
      </c>
      <c r="AQ6" s="273">
        <v>97</v>
      </c>
      <c r="AR6" s="273">
        <v>45</v>
      </c>
      <c r="AS6" s="270">
        <v>495</v>
      </c>
      <c r="AT6" s="275">
        <v>567</v>
      </c>
      <c r="AU6" s="269">
        <v>300</v>
      </c>
      <c r="AV6" s="273">
        <v>344</v>
      </c>
      <c r="AW6" s="270">
        <v>644</v>
      </c>
      <c r="AX6" s="272">
        <v>0</v>
      </c>
      <c r="AY6" s="273">
        <v>1254</v>
      </c>
      <c r="AZ6" s="273">
        <v>1531</v>
      </c>
      <c r="BA6" s="273">
        <v>1355</v>
      </c>
      <c r="BB6" s="273">
        <v>1480</v>
      </c>
      <c r="BC6" s="273">
        <v>991</v>
      </c>
      <c r="BD6" s="274">
        <v>6611</v>
      </c>
      <c r="BE6" s="275">
        <v>7255</v>
      </c>
      <c r="BF6" s="269">
        <v>0</v>
      </c>
      <c r="BG6" s="273">
        <v>0</v>
      </c>
      <c r="BH6" s="270">
        <v>0</v>
      </c>
      <c r="BI6" s="272">
        <v>0</v>
      </c>
      <c r="BJ6" s="273">
        <v>1353</v>
      </c>
      <c r="BK6" s="273">
        <v>1180</v>
      </c>
      <c r="BL6" s="273">
        <v>600</v>
      </c>
      <c r="BM6" s="273">
        <v>355</v>
      </c>
      <c r="BN6" s="273">
        <v>149</v>
      </c>
      <c r="BO6" s="270">
        <v>3637</v>
      </c>
      <c r="BP6" s="275">
        <v>3637</v>
      </c>
      <c r="BQ6" s="269">
        <v>107</v>
      </c>
      <c r="BR6" s="273">
        <v>157</v>
      </c>
      <c r="BS6" s="270">
        <v>264</v>
      </c>
      <c r="BT6" s="272">
        <v>0</v>
      </c>
      <c r="BU6" s="273">
        <v>323</v>
      </c>
      <c r="BV6" s="273">
        <v>461</v>
      </c>
      <c r="BW6" s="273">
        <v>262</v>
      </c>
      <c r="BX6" s="273">
        <v>199</v>
      </c>
      <c r="BY6" s="273">
        <v>73</v>
      </c>
      <c r="BZ6" s="270">
        <v>1318</v>
      </c>
      <c r="CA6" s="275">
        <v>1582</v>
      </c>
      <c r="CB6" s="269">
        <v>5</v>
      </c>
      <c r="CC6" s="273">
        <v>11</v>
      </c>
      <c r="CD6" s="270">
        <v>16</v>
      </c>
      <c r="CE6" s="272">
        <v>0</v>
      </c>
      <c r="CF6" s="273">
        <v>141</v>
      </c>
      <c r="CG6" s="273">
        <v>217</v>
      </c>
      <c r="CH6" s="273">
        <v>275</v>
      </c>
      <c r="CI6" s="273">
        <v>191</v>
      </c>
      <c r="CJ6" s="273">
        <v>91</v>
      </c>
      <c r="CK6" s="270">
        <v>915</v>
      </c>
      <c r="CL6" s="275">
        <v>931</v>
      </c>
      <c r="CM6" s="269">
        <v>0</v>
      </c>
      <c r="CN6" s="273">
        <v>3</v>
      </c>
      <c r="CO6" s="270">
        <v>3</v>
      </c>
      <c r="CP6" s="272">
        <v>0</v>
      </c>
      <c r="CQ6" s="273">
        <v>19</v>
      </c>
      <c r="CR6" s="273">
        <v>61</v>
      </c>
      <c r="CS6" s="273">
        <v>40</v>
      </c>
      <c r="CT6" s="273">
        <v>48</v>
      </c>
      <c r="CU6" s="273">
        <v>25</v>
      </c>
      <c r="CV6" s="270">
        <v>193</v>
      </c>
      <c r="CW6" s="275">
        <v>196</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590</v>
      </c>
      <c r="DU6" s="273">
        <v>1226</v>
      </c>
      <c r="DV6" s="270">
        <v>1816</v>
      </c>
      <c r="DW6" s="272">
        <v>0</v>
      </c>
      <c r="DX6" s="273">
        <v>1597</v>
      </c>
      <c r="DY6" s="273">
        <v>2741</v>
      </c>
      <c r="DZ6" s="273">
        <v>1628</v>
      </c>
      <c r="EA6" s="273">
        <v>1312</v>
      </c>
      <c r="EB6" s="273">
        <v>766</v>
      </c>
      <c r="EC6" s="270">
        <v>8044</v>
      </c>
      <c r="ED6" s="275">
        <v>9860</v>
      </c>
      <c r="EE6" s="269">
        <v>205</v>
      </c>
      <c r="EF6" s="273">
        <v>159</v>
      </c>
      <c r="EG6" s="270">
        <v>364</v>
      </c>
      <c r="EH6" s="272">
        <v>0</v>
      </c>
      <c r="EI6" s="273">
        <v>621</v>
      </c>
      <c r="EJ6" s="273">
        <v>625</v>
      </c>
      <c r="EK6" s="273">
        <v>552</v>
      </c>
      <c r="EL6" s="273">
        <v>681</v>
      </c>
      <c r="EM6" s="273">
        <v>361</v>
      </c>
      <c r="EN6" s="270">
        <v>2840</v>
      </c>
      <c r="EO6" s="275">
        <v>3204</v>
      </c>
      <c r="EP6" s="269">
        <v>867</v>
      </c>
      <c r="EQ6" s="273">
        <v>1575</v>
      </c>
      <c r="ER6" s="270">
        <v>2442</v>
      </c>
      <c r="ES6" s="272">
        <v>0</v>
      </c>
      <c r="ET6" s="273">
        <v>3758</v>
      </c>
      <c r="EU6" s="273">
        <v>3898</v>
      </c>
      <c r="EV6" s="273">
        <v>1997</v>
      </c>
      <c r="EW6" s="273">
        <v>1441</v>
      </c>
      <c r="EX6" s="273">
        <v>802</v>
      </c>
      <c r="EY6" s="270">
        <v>11896</v>
      </c>
      <c r="EZ6" s="275">
        <v>14338</v>
      </c>
    </row>
    <row r="7" spans="2:156" ht="21" customHeight="1" x14ac:dyDescent="0.2">
      <c r="B7" s="261" t="s">
        <v>5</v>
      </c>
      <c r="C7" s="276">
        <v>1</v>
      </c>
      <c r="D7" s="280">
        <v>0</v>
      </c>
      <c r="E7" s="382">
        <v>1</v>
      </c>
      <c r="F7" s="279">
        <v>0</v>
      </c>
      <c r="G7" s="280">
        <v>449</v>
      </c>
      <c r="H7" s="280">
        <v>714</v>
      </c>
      <c r="I7" s="280">
        <v>304</v>
      </c>
      <c r="J7" s="280">
        <v>264</v>
      </c>
      <c r="K7" s="280">
        <v>184</v>
      </c>
      <c r="L7" s="281">
        <v>1915</v>
      </c>
      <c r="M7" s="282">
        <v>1916</v>
      </c>
      <c r="N7" s="276">
        <v>1</v>
      </c>
      <c r="O7" s="280">
        <v>1</v>
      </c>
      <c r="P7" s="277">
        <v>2</v>
      </c>
      <c r="Q7" s="279">
        <v>0</v>
      </c>
      <c r="R7" s="280">
        <v>1</v>
      </c>
      <c r="S7" s="280">
        <v>17</v>
      </c>
      <c r="T7" s="280">
        <v>33</v>
      </c>
      <c r="U7" s="280">
        <v>58</v>
      </c>
      <c r="V7" s="280">
        <v>100</v>
      </c>
      <c r="W7" s="277">
        <v>209</v>
      </c>
      <c r="X7" s="282">
        <v>211</v>
      </c>
      <c r="Y7" s="276">
        <v>116</v>
      </c>
      <c r="Z7" s="280">
        <v>215</v>
      </c>
      <c r="AA7" s="277">
        <v>331</v>
      </c>
      <c r="AB7" s="279">
        <v>0</v>
      </c>
      <c r="AC7" s="280">
        <v>344</v>
      </c>
      <c r="AD7" s="280">
        <v>661</v>
      </c>
      <c r="AE7" s="280">
        <v>344</v>
      </c>
      <c r="AF7" s="280">
        <v>290</v>
      </c>
      <c r="AG7" s="280">
        <v>185</v>
      </c>
      <c r="AH7" s="277">
        <v>1824</v>
      </c>
      <c r="AI7" s="282">
        <v>2155</v>
      </c>
      <c r="AJ7" s="276">
        <v>8</v>
      </c>
      <c r="AK7" s="280">
        <v>37</v>
      </c>
      <c r="AL7" s="277">
        <v>45</v>
      </c>
      <c r="AM7" s="279">
        <v>0</v>
      </c>
      <c r="AN7" s="280">
        <v>37</v>
      </c>
      <c r="AO7" s="280">
        <v>73</v>
      </c>
      <c r="AP7" s="280">
        <v>36</v>
      </c>
      <c r="AQ7" s="280">
        <v>45</v>
      </c>
      <c r="AR7" s="280">
        <v>19</v>
      </c>
      <c r="AS7" s="277">
        <v>210</v>
      </c>
      <c r="AT7" s="282">
        <v>255</v>
      </c>
      <c r="AU7" s="276">
        <v>130</v>
      </c>
      <c r="AV7" s="280">
        <v>191</v>
      </c>
      <c r="AW7" s="277">
        <v>321</v>
      </c>
      <c r="AX7" s="279">
        <v>0</v>
      </c>
      <c r="AY7" s="280">
        <v>486</v>
      </c>
      <c r="AZ7" s="280">
        <v>776</v>
      </c>
      <c r="BA7" s="280">
        <v>605</v>
      </c>
      <c r="BB7" s="280">
        <v>670</v>
      </c>
      <c r="BC7" s="280">
        <v>411</v>
      </c>
      <c r="BD7" s="281">
        <v>2948</v>
      </c>
      <c r="BE7" s="282">
        <v>3269</v>
      </c>
      <c r="BF7" s="276">
        <v>0</v>
      </c>
      <c r="BG7" s="280">
        <v>0</v>
      </c>
      <c r="BH7" s="277">
        <v>0</v>
      </c>
      <c r="BI7" s="279">
        <v>0</v>
      </c>
      <c r="BJ7" s="280">
        <v>469</v>
      </c>
      <c r="BK7" s="280">
        <v>491</v>
      </c>
      <c r="BL7" s="280">
        <v>246</v>
      </c>
      <c r="BM7" s="280">
        <v>133</v>
      </c>
      <c r="BN7" s="280">
        <v>54</v>
      </c>
      <c r="BO7" s="277">
        <v>1393</v>
      </c>
      <c r="BP7" s="282">
        <v>1393</v>
      </c>
      <c r="BQ7" s="276">
        <v>55</v>
      </c>
      <c r="BR7" s="280">
        <v>80</v>
      </c>
      <c r="BS7" s="277">
        <v>135</v>
      </c>
      <c r="BT7" s="279">
        <v>0</v>
      </c>
      <c r="BU7" s="280">
        <v>111</v>
      </c>
      <c r="BV7" s="280">
        <v>221</v>
      </c>
      <c r="BW7" s="280">
        <v>123</v>
      </c>
      <c r="BX7" s="280">
        <v>85</v>
      </c>
      <c r="BY7" s="280">
        <v>39</v>
      </c>
      <c r="BZ7" s="277">
        <v>579</v>
      </c>
      <c r="CA7" s="282">
        <v>714</v>
      </c>
      <c r="CB7" s="276">
        <v>3</v>
      </c>
      <c r="CC7" s="280">
        <v>5</v>
      </c>
      <c r="CD7" s="277">
        <v>8</v>
      </c>
      <c r="CE7" s="279">
        <v>0</v>
      </c>
      <c r="CF7" s="280">
        <v>49</v>
      </c>
      <c r="CG7" s="280">
        <v>89</v>
      </c>
      <c r="CH7" s="280">
        <v>104</v>
      </c>
      <c r="CI7" s="280">
        <v>76</v>
      </c>
      <c r="CJ7" s="280">
        <v>38</v>
      </c>
      <c r="CK7" s="277">
        <v>356</v>
      </c>
      <c r="CL7" s="282">
        <v>364</v>
      </c>
      <c r="CM7" s="276">
        <v>0</v>
      </c>
      <c r="CN7" s="280">
        <v>3</v>
      </c>
      <c r="CO7" s="277">
        <v>3</v>
      </c>
      <c r="CP7" s="279">
        <v>0</v>
      </c>
      <c r="CQ7" s="280">
        <v>7</v>
      </c>
      <c r="CR7" s="280">
        <v>39</v>
      </c>
      <c r="CS7" s="280">
        <v>23</v>
      </c>
      <c r="CT7" s="280">
        <v>26</v>
      </c>
      <c r="CU7" s="280">
        <v>12</v>
      </c>
      <c r="CV7" s="277">
        <v>107</v>
      </c>
      <c r="CW7" s="282">
        <v>110</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20</v>
      </c>
      <c r="DU7" s="280">
        <v>564</v>
      </c>
      <c r="DV7" s="277">
        <v>784</v>
      </c>
      <c r="DW7" s="279">
        <v>0</v>
      </c>
      <c r="DX7" s="280">
        <v>496</v>
      </c>
      <c r="DY7" s="280">
        <v>1329</v>
      </c>
      <c r="DZ7" s="280">
        <v>684</v>
      </c>
      <c r="EA7" s="280">
        <v>561</v>
      </c>
      <c r="EB7" s="280">
        <v>319</v>
      </c>
      <c r="EC7" s="277">
        <v>3389</v>
      </c>
      <c r="ED7" s="282">
        <v>4173</v>
      </c>
      <c r="EE7" s="276">
        <v>89</v>
      </c>
      <c r="EF7" s="280">
        <v>84</v>
      </c>
      <c r="EG7" s="277">
        <v>173</v>
      </c>
      <c r="EH7" s="279">
        <v>0</v>
      </c>
      <c r="EI7" s="280">
        <v>258</v>
      </c>
      <c r="EJ7" s="280">
        <v>335</v>
      </c>
      <c r="EK7" s="280">
        <v>272</v>
      </c>
      <c r="EL7" s="280">
        <v>316</v>
      </c>
      <c r="EM7" s="280">
        <v>159</v>
      </c>
      <c r="EN7" s="277">
        <v>1340</v>
      </c>
      <c r="EO7" s="282">
        <v>1513</v>
      </c>
      <c r="EP7" s="276">
        <v>362</v>
      </c>
      <c r="EQ7" s="280">
        <v>762</v>
      </c>
      <c r="ER7" s="277">
        <v>1124</v>
      </c>
      <c r="ES7" s="279">
        <v>0</v>
      </c>
      <c r="ET7" s="280">
        <v>1375</v>
      </c>
      <c r="EU7" s="280">
        <v>1898</v>
      </c>
      <c r="EV7" s="280">
        <v>863</v>
      </c>
      <c r="EW7" s="280">
        <v>621</v>
      </c>
      <c r="EX7" s="280">
        <v>343</v>
      </c>
      <c r="EY7" s="277">
        <v>5100</v>
      </c>
      <c r="EZ7" s="282">
        <v>6224</v>
      </c>
    </row>
    <row r="8" spans="2:156" ht="21" customHeight="1" x14ac:dyDescent="0.2">
      <c r="B8" s="261" t="s">
        <v>6</v>
      </c>
      <c r="C8" s="276">
        <v>0</v>
      </c>
      <c r="D8" s="280">
        <v>0</v>
      </c>
      <c r="E8" s="382">
        <v>0</v>
      </c>
      <c r="F8" s="279">
        <v>0</v>
      </c>
      <c r="G8" s="280">
        <v>225</v>
      </c>
      <c r="H8" s="280">
        <v>174</v>
      </c>
      <c r="I8" s="280">
        <v>110</v>
      </c>
      <c r="J8" s="280">
        <v>103</v>
      </c>
      <c r="K8" s="280">
        <v>74</v>
      </c>
      <c r="L8" s="281">
        <v>686</v>
      </c>
      <c r="M8" s="282">
        <v>686</v>
      </c>
      <c r="N8" s="276">
        <v>0</v>
      </c>
      <c r="O8" s="280">
        <v>1</v>
      </c>
      <c r="P8" s="277">
        <v>1</v>
      </c>
      <c r="Q8" s="279">
        <v>0</v>
      </c>
      <c r="R8" s="280">
        <v>2</v>
      </c>
      <c r="S8" s="280">
        <v>5</v>
      </c>
      <c r="T8" s="280">
        <v>13</v>
      </c>
      <c r="U8" s="280">
        <v>26</v>
      </c>
      <c r="V8" s="280">
        <v>31</v>
      </c>
      <c r="W8" s="277">
        <v>77</v>
      </c>
      <c r="X8" s="282">
        <v>78</v>
      </c>
      <c r="Y8" s="276">
        <v>30</v>
      </c>
      <c r="Z8" s="280">
        <v>78</v>
      </c>
      <c r="AA8" s="277">
        <v>108</v>
      </c>
      <c r="AB8" s="279">
        <v>0</v>
      </c>
      <c r="AC8" s="280">
        <v>203</v>
      </c>
      <c r="AD8" s="280">
        <v>181</v>
      </c>
      <c r="AE8" s="280">
        <v>129</v>
      </c>
      <c r="AF8" s="280">
        <v>122</v>
      </c>
      <c r="AG8" s="280">
        <v>70</v>
      </c>
      <c r="AH8" s="277">
        <v>705</v>
      </c>
      <c r="AI8" s="282">
        <v>813</v>
      </c>
      <c r="AJ8" s="276">
        <v>2</v>
      </c>
      <c r="AK8" s="280">
        <v>0</v>
      </c>
      <c r="AL8" s="277">
        <v>2</v>
      </c>
      <c r="AM8" s="279">
        <v>0</v>
      </c>
      <c r="AN8" s="280">
        <v>16</v>
      </c>
      <c r="AO8" s="280">
        <v>18</v>
      </c>
      <c r="AP8" s="280">
        <v>22</v>
      </c>
      <c r="AQ8" s="280">
        <v>13</v>
      </c>
      <c r="AR8" s="280">
        <v>7</v>
      </c>
      <c r="AS8" s="277">
        <v>76</v>
      </c>
      <c r="AT8" s="282">
        <v>78</v>
      </c>
      <c r="AU8" s="276">
        <v>51</v>
      </c>
      <c r="AV8" s="280">
        <v>51</v>
      </c>
      <c r="AW8" s="277">
        <v>102</v>
      </c>
      <c r="AX8" s="279">
        <v>0</v>
      </c>
      <c r="AY8" s="280">
        <v>267</v>
      </c>
      <c r="AZ8" s="280">
        <v>245</v>
      </c>
      <c r="BA8" s="280">
        <v>250</v>
      </c>
      <c r="BB8" s="280">
        <v>259</v>
      </c>
      <c r="BC8" s="280">
        <v>183</v>
      </c>
      <c r="BD8" s="281">
        <v>1204</v>
      </c>
      <c r="BE8" s="282">
        <v>1306</v>
      </c>
      <c r="BF8" s="276">
        <v>0</v>
      </c>
      <c r="BG8" s="280">
        <v>0</v>
      </c>
      <c r="BH8" s="277">
        <v>0</v>
      </c>
      <c r="BI8" s="279">
        <v>0</v>
      </c>
      <c r="BJ8" s="280">
        <v>263</v>
      </c>
      <c r="BK8" s="280">
        <v>174</v>
      </c>
      <c r="BL8" s="280">
        <v>87</v>
      </c>
      <c r="BM8" s="280">
        <v>66</v>
      </c>
      <c r="BN8" s="280">
        <v>32</v>
      </c>
      <c r="BO8" s="277">
        <v>622</v>
      </c>
      <c r="BP8" s="282">
        <v>622</v>
      </c>
      <c r="BQ8" s="276">
        <v>10</v>
      </c>
      <c r="BR8" s="280">
        <v>12</v>
      </c>
      <c r="BS8" s="277">
        <v>22</v>
      </c>
      <c r="BT8" s="279">
        <v>0</v>
      </c>
      <c r="BU8" s="280">
        <v>49</v>
      </c>
      <c r="BV8" s="280">
        <v>56</v>
      </c>
      <c r="BW8" s="280">
        <v>35</v>
      </c>
      <c r="BX8" s="280">
        <v>36</v>
      </c>
      <c r="BY8" s="280">
        <v>8</v>
      </c>
      <c r="BZ8" s="277">
        <v>184</v>
      </c>
      <c r="CA8" s="282">
        <v>206</v>
      </c>
      <c r="CB8" s="276">
        <v>1</v>
      </c>
      <c r="CC8" s="280">
        <v>1</v>
      </c>
      <c r="CD8" s="277">
        <v>2</v>
      </c>
      <c r="CE8" s="279">
        <v>0</v>
      </c>
      <c r="CF8" s="280">
        <v>22</v>
      </c>
      <c r="CG8" s="280">
        <v>21</v>
      </c>
      <c r="CH8" s="280">
        <v>47</v>
      </c>
      <c r="CI8" s="280">
        <v>25</v>
      </c>
      <c r="CJ8" s="280">
        <v>15</v>
      </c>
      <c r="CK8" s="277">
        <v>130</v>
      </c>
      <c r="CL8" s="282">
        <v>132</v>
      </c>
      <c r="CM8" s="276">
        <v>0</v>
      </c>
      <c r="CN8" s="280">
        <v>0</v>
      </c>
      <c r="CO8" s="277">
        <v>0</v>
      </c>
      <c r="CP8" s="279">
        <v>0</v>
      </c>
      <c r="CQ8" s="280">
        <v>6</v>
      </c>
      <c r="CR8" s="280">
        <v>11</v>
      </c>
      <c r="CS8" s="280">
        <v>6</v>
      </c>
      <c r="CT8" s="280">
        <v>11</v>
      </c>
      <c r="CU8" s="280">
        <v>5</v>
      </c>
      <c r="CV8" s="277">
        <v>39</v>
      </c>
      <c r="CW8" s="282">
        <v>39</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00</v>
      </c>
      <c r="DU8" s="280">
        <v>168</v>
      </c>
      <c r="DV8" s="277">
        <v>268</v>
      </c>
      <c r="DW8" s="279">
        <v>0</v>
      </c>
      <c r="DX8" s="280">
        <v>334</v>
      </c>
      <c r="DY8" s="280">
        <v>379</v>
      </c>
      <c r="DZ8" s="280">
        <v>282</v>
      </c>
      <c r="EA8" s="280">
        <v>237</v>
      </c>
      <c r="EB8" s="280">
        <v>125</v>
      </c>
      <c r="EC8" s="277">
        <v>1357</v>
      </c>
      <c r="ED8" s="282">
        <v>1625</v>
      </c>
      <c r="EE8" s="276">
        <v>34</v>
      </c>
      <c r="EF8" s="280">
        <v>21</v>
      </c>
      <c r="EG8" s="277">
        <v>55</v>
      </c>
      <c r="EH8" s="279">
        <v>0</v>
      </c>
      <c r="EI8" s="280">
        <v>109</v>
      </c>
      <c r="EJ8" s="280">
        <v>80</v>
      </c>
      <c r="EK8" s="280">
        <v>86</v>
      </c>
      <c r="EL8" s="280">
        <v>106</v>
      </c>
      <c r="EM8" s="280">
        <v>62</v>
      </c>
      <c r="EN8" s="277">
        <v>443</v>
      </c>
      <c r="EO8" s="282">
        <v>498</v>
      </c>
      <c r="EP8" s="276">
        <v>129</v>
      </c>
      <c r="EQ8" s="280">
        <v>218</v>
      </c>
      <c r="ER8" s="277">
        <v>347</v>
      </c>
      <c r="ES8" s="279">
        <v>0</v>
      </c>
      <c r="ET8" s="280">
        <v>734</v>
      </c>
      <c r="EU8" s="280">
        <v>553</v>
      </c>
      <c r="EV8" s="280">
        <v>333</v>
      </c>
      <c r="EW8" s="280">
        <v>263</v>
      </c>
      <c r="EX8" s="280">
        <v>133</v>
      </c>
      <c r="EY8" s="277">
        <v>2016</v>
      </c>
      <c r="EZ8" s="282">
        <v>2363</v>
      </c>
    </row>
    <row r="9" spans="2:156" ht="21" customHeight="1" x14ac:dyDescent="0.2">
      <c r="B9" s="261" t="s">
        <v>14</v>
      </c>
      <c r="C9" s="276">
        <v>0</v>
      </c>
      <c r="D9" s="280">
        <v>0</v>
      </c>
      <c r="E9" s="382">
        <v>0</v>
      </c>
      <c r="F9" s="279">
        <v>0</v>
      </c>
      <c r="G9" s="280">
        <v>51</v>
      </c>
      <c r="H9" s="280">
        <v>71</v>
      </c>
      <c r="I9" s="280">
        <v>46</v>
      </c>
      <c r="J9" s="280">
        <v>37</v>
      </c>
      <c r="K9" s="280">
        <v>28</v>
      </c>
      <c r="L9" s="281">
        <v>233</v>
      </c>
      <c r="M9" s="282">
        <v>233</v>
      </c>
      <c r="N9" s="276">
        <v>0</v>
      </c>
      <c r="O9" s="280">
        <v>0</v>
      </c>
      <c r="P9" s="277">
        <v>0</v>
      </c>
      <c r="Q9" s="279">
        <v>0</v>
      </c>
      <c r="R9" s="280">
        <v>0</v>
      </c>
      <c r="S9" s="280">
        <v>2</v>
      </c>
      <c r="T9" s="280">
        <v>4</v>
      </c>
      <c r="U9" s="280">
        <v>14</v>
      </c>
      <c r="V9" s="280">
        <v>15</v>
      </c>
      <c r="W9" s="277">
        <v>35</v>
      </c>
      <c r="X9" s="282">
        <v>35</v>
      </c>
      <c r="Y9" s="276">
        <v>5</v>
      </c>
      <c r="Z9" s="280">
        <v>21</v>
      </c>
      <c r="AA9" s="277">
        <v>26</v>
      </c>
      <c r="AB9" s="279">
        <v>0</v>
      </c>
      <c r="AC9" s="280">
        <v>31</v>
      </c>
      <c r="AD9" s="280">
        <v>75</v>
      </c>
      <c r="AE9" s="280">
        <v>44</v>
      </c>
      <c r="AF9" s="280">
        <v>39</v>
      </c>
      <c r="AG9" s="280">
        <v>28</v>
      </c>
      <c r="AH9" s="277">
        <v>217</v>
      </c>
      <c r="AI9" s="282">
        <v>243</v>
      </c>
      <c r="AJ9" s="276">
        <v>0</v>
      </c>
      <c r="AK9" s="280">
        <v>3</v>
      </c>
      <c r="AL9" s="277">
        <v>3</v>
      </c>
      <c r="AM9" s="279">
        <v>0</v>
      </c>
      <c r="AN9" s="280">
        <v>2</v>
      </c>
      <c r="AO9" s="280">
        <v>7</v>
      </c>
      <c r="AP9" s="280">
        <v>5</v>
      </c>
      <c r="AQ9" s="280">
        <v>2</v>
      </c>
      <c r="AR9" s="280">
        <v>1</v>
      </c>
      <c r="AS9" s="277">
        <v>17</v>
      </c>
      <c r="AT9" s="282">
        <v>20</v>
      </c>
      <c r="AU9" s="276">
        <v>9</v>
      </c>
      <c r="AV9" s="280">
        <v>23</v>
      </c>
      <c r="AW9" s="277">
        <v>32</v>
      </c>
      <c r="AX9" s="279">
        <v>0</v>
      </c>
      <c r="AY9" s="280">
        <v>71</v>
      </c>
      <c r="AZ9" s="280">
        <v>86</v>
      </c>
      <c r="BA9" s="280">
        <v>86</v>
      </c>
      <c r="BB9" s="280">
        <v>79</v>
      </c>
      <c r="BC9" s="280">
        <v>66</v>
      </c>
      <c r="BD9" s="281">
        <v>388</v>
      </c>
      <c r="BE9" s="282">
        <v>420</v>
      </c>
      <c r="BF9" s="276">
        <v>0</v>
      </c>
      <c r="BG9" s="280">
        <v>0</v>
      </c>
      <c r="BH9" s="277">
        <v>0</v>
      </c>
      <c r="BI9" s="279">
        <v>0</v>
      </c>
      <c r="BJ9" s="280">
        <v>93</v>
      </c>
      <c r="BK9" s="280">
        <v>92</v>
      </c>
      <c r="BL9" s="280">
        <v>60</v>
      </c>
      <c r="BM9" s="280">
        <v>23</v>
      </c>
      <c r="BN9" s="280">
        <v>13</v>
      </c>
      <c r="BO9" s="277">
        <v>281</v>
      </c>
      <c r="BP9" s="282">
        <v>281</v>
      </c>
      <c r="BQ9" s="276">
        <v>3</v>
      </c>
      <c r="BR9" s="280">
        <v>4</v>
      </c>
      <c r="BS9" s="277">
        <v>7</v>
      </c>
      <c r="BT9" s="279">
        <v>0</v>
      </c>
      <c r="BU9" s="280">
        <v>9</v>
      </c>
      <c r="BV9" s="280">
        <v>22</v>
      </c>
      <c r="BW9" s="280">
        <v>11</v>
      </c>
      <c r="BX9" s="280">
        <v>8</v>
      </c>
      <c r="BY9" s="280">
        <v>0</v>
      </c>
      <c r="BZ9" s="277">
        <v>50</v>
      </c>
      <c r="CA9" s="282">
        <v>57</v>
      </c>
      <c r="CB9" s="276">
        <v>0</v>
      </c>
      <c r="CC9" s="280">
        <v>1</v>
      </c>
      <c r="CD9" s="277">
        <v>1</v>
      </c>
      <c r="CE9" s="279">
        <v>0</v>
      </c>
      <c r="CF9" s="280">
        <v>8</v>
      </c>
      <c r="CG9" s="280">
        <v>22</v>
      </c>
      <c r="CH9" s="280">
        <v>20</v>
      </c>
      <c r="CI9" s="280">
        <v>18</v>
      </c>
      <c r="CJ9" s="280">
        <v>7</v>
      </c>
      <c r="CK9" s="277">
        <v>75</v>
      </c>
      <c r="CL9" s="282">
        <v>76</v>
      </c>
      <c r="CM9" s="276">
        <v>0</v>
      </c>
      <c r="CN9" s="280">
        <v>0</v>
      </c>
      <c r="CO9" s="277">
        <v>0</v>
      </c>
      <c r="CP9" s="279">
        <v>0</v>
      </c>
      <c r="CQ9" s="280">
        <v>0</v>
      </c>
      <c r="CR9" s="280">
        <v>1</v>
      </c>
      <c r="CS9" s="280">
        <v>2</v>
      </c>
      <c r="CT9" s="280">
        <v>1</v>
      </c>
      <c r="CU9" s="280">
        <v>0</v>
      </c>
      <c r="CV9" s="277">
        <v>4</v>
      </c>
      <c r="CW9" s="282">
        <v>4</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5</v>
      </c>
      <c r="DU9" s="280">
        <v>92</v>
      </c>
      <c r="DV9" s="277">
        <v>127</v>
      </c>
      <c r="DW9" s="279">
        <v>0</v>
      </c>
      <c r="DX9" s="280">
        <v>76</v>
      </c>
      <c r="DY9" s="280">
        <v>187</v>
      </c>
      <c r="DZ9" s="280">
        <v>128</v>
      </c>
      <c r="EA9" s="280">
        <v>89</v>
      </c>
      <c r="EB9" s="280">
        <v>51</v>
      </c>
      <c r="EC9" s="277">
        <v>531</v>
      </c>
      <c r="ED9" s="282">
        <v>658</v>
      </c>
      <c r="EE9" s="276">
        <v>8</v>
      </c>
      <c r="EF9" s="280">
        <v>10</v>
      </c>
      <c r="EG9" s="277">
        <v>18</v>
      </c>
      <c r="EH9" s="279">
        <v>0</v>
      </c>
      <c r="EI9" s="280">
        <v>34</v>
      </c>
      <c r="EJ9" s="280">
        <v>29</v>
      </c>
      <c r="EK9" s="280">
        <v>30</v>
      </c>
      <c r="EL9" s="280">
        <v>26</v>
      </c>
      <c r="EM9" s="280">
        <v>16</v>
      </c>
      <c r="EN9" s="277">
        <v>135</v>
      </c>
      <c r="EO9" s="282">
        <v>153</v>
      </c>
      <c r="EP9" s="276">
        <v>41</v>
      </c>
      <c r="EQ9" s="280">
        <v>106</v>
      </c>
      <c r="ER9" s="277">
        <v>147</v>
      </c>
      <c r="ES9" s="279">
        <v>0</v>
      </c>
      <c r="ET9" s="280">
        <v>200</v>
      </c>
      <c r="EU9" s="280">
        <v>263</v>
      </c>
      <c r="EV9" s="280">
        <v>146</v>
      </c>
      <c r="EW9" s="280">
        <v>93</v>
      </c>
      <c r="EX9" s="280">
        <v>53</v>
      </c>
      <c r="EY9" s="277">
        <v>755</v>
      </c>
      <c r="EZ9" s="282">
        <v>902</v>
      </c>
    </row>
    <row r="10" spans="2:156" ht="21" customHeight="1" x14ac:dyDescent="0.2">
      <c r="B10" s="261" t="s">
        <v>7</v>
      </c>
      <c r="C10" s="276">
        <v>0</v>
      </c>
      <c r="D10" s="280">
        <v>0</v>
      </c>
      <c r="E10" s="382">
        <v>0</v>
      </c>
      <c r="F10" s="279">
        <v>0</v>
      </c>
      <c r="G10" s="280">
        <v>52</v>
      </c>
      <c r="H10" s="280">
        <v>31</v>
      </c>
      <c r="I10" s="280">
        <v>17</v>
      </c>
      <c r="J10" s="280">
        <v>15</v>
      </c>
      <c r="K10" s="280">
        <v>14</v>
      </c>
      <c r="L10" s="281">
        <v>129</v>
      </c>
      <c r="M10" s="282">
        <v>129</v>
      </c>
      <c r="N10" s="276">
        <v>0</v>
      </c>
      <c r="O10" s="280">
        <v>0</v>
      </c>
      <c r="P10" s="277">
        <v>0</v>
      </c>
      <c r="Q10" s="279">
        <v>0</v>
      </c>
      <c r="R10" s="280">
        <v>1</v>
      </c>
      <c r="S10" s="280">
        <v>2</v>
      </c>
      <c r="T10" s="280">
        <v>2</v>
      </c>
      <c r="U10" s="280">
        <v>3</v>
      </c>
      <c r="V10" s="280">
        <v>8</v>
      </c>
      <c r="W10" s="277">
        <v>16</v>
      </c>
      <c r="X10" s="282">
        <v>16</v>
      </c>
      <c r="Y10" s="276">
        <v>0</v>
      </c>
      <c r="Z10" s="280">
        <v>0</v>
      </c>
      <c r="AA10" s="277">
        <v>0</v>
      </c>
      <c r="AB10" s="279">
        <v>0</v>
      </c>
      <c r="AC10" s="280">
        <v>33</v>
      </c>
      <c r="AD10" s="280">
        <v>24</v>
      </c>
      <c r="AE10" s="280">
        <v>19</v>
      </c>
      <c r="AF10" s="280">
        <v>16</v>
      </c>
      <c r="AG10" s="280">
        <v>14</v>
      </c>
      <c r="AH10" s="277">
        <v>106</v>
      </c>
      <c r="AI10" s="282">
        <v>106</v>
      </c>
      <c r="AJ10" s="276">
        <v>1</v>
      </c>
      <c r="AK10" s="280">
        <v>0</v>
      </c>
      <c r="AL10" s="277">
        <v>1</v>
      </c>
      <c r="AM10" s="279">
        <v>0</v>
      </c>
      <c r="AN10" s="280">
        <v>5</v>
      </c>
      <c r="AO10" s="280">
        <v>5</v>
      </c>
      <c r="AP10" s="280">
        <v>2</v>
      </c>
      <c r="AQ10" s="280">
        <v>3</v>
      </c>
      <c r="AR10" s="280">
        <v>0</v>
      </c>
      <c r="AS10" s="277">
        <v>15</v>
      </c>
      <c r="AT10" s="282">
        <v>16</v>
      </c>
      <c r="AU10" s="276">
        <v>12</v>
      </c>
      <c r="AV10" s="280">
        <v>5</v>
      </c>
      <c r="AW10" s="277">
        <v>17</v>
      </c>
      <c r="AX10" s="279">
        <v>0</v>
      </c>
      <c r="AY10" s="280">
        <v>63</v>
      </c>
      <c r="AZ10" s="280">
        <v>46</v>
      </c>
      <c r="BA10" s="280">
        <v>49</v>
      </c>
      <c r="BB10" s="280">
        <v>56</v>
      </c>
      <c r="BC10" s="280">
        <v>26</v>
      </c>
      <c r="BD10" s="281">
        <v>240</v>
      </c>
      <c r="BE10" s="282">
        <v>257</v>
      </c>
      <c r="BF10" s="276">
        <v>0</v>
      </c>
      <c r="BG10" s="280">
        <v>0</v>
      </c>
      <c r="BH10" s="277">
        <v>0</v>
      </c>
      <c r="BI10" s="279">
        <v>0</v>
      </c>
      <c r="BJ10" s="280">
        <v>72</v>
      </c>
      <c r="BK10" s="280">
        <v>41</v>
      </c>
      <c r="BL10" s="280">
        <v>22</v>
      </c>
      <c r="BM10" s="280">
        <v>12</v>
      </c>
      <c r="BN10" s="280">
        <v>3</v>
      </c>
      <c r="BO10" s="277">
        <v>150</v>
      </c>
      <c r="BP10" s="282">
        <v>150</v>
      </c>
      <c r="BQ10" s="276">
        <v>1</v>
      </c>
      <c r="BR10" s="280">
        <v>2</v>
      </c>
      <c r="BS10" s="277">
        <v>3</v>
      </c>
      <c r="BT10" s="279">
        <v>0</v>
      </c>
      <c r="BU10" s="280">
        <v>17</v>
      </c>
      <c r="BV10" s="280">
        <v>7</v>
      </c>
      <c r="BW10" s="280">
        <v>7</v>
      </c>
      <c r="BX10" s="280">
        <v>6</v>
      </c>
      <c r="BY10" s="280">
        <v>2</v>
      </c>
      <c r="BZ10" s="277">
        <v>39</v>
      </c>
      <c r="CA10" s="282">
        <v>42</v>
      </c>
      <c r="CB10" s="276">
        <v>0</v>
      </c>
      <c r="CC10" s="280">
        <v>0</v>
      </c>
      <c r="CD10" s="277">
        <v>0</v>
      </c>
      <c r="CE10" s="279">
        <v>0</v>
      </c>
      <c r="CF10" s="280">
        <v>5</v>
      </c>
      <c r="CG10" s="280">
        <v>12</v>
      </c>
      <c r="CH10" s="280">
        <v>8</v>
      </c>
      <c r="CI10" s="280">
        <v>6</v>
      </c>
      <c r="CJ10" s="280">
        <v>3</v>
      </c>
      <c r="CK10" s="277">
        <v>34</v>
      </c>
      <c r="CL10" s="282">
        <v>34</v>
      </c>
      <c r="CM10" s="276">
        <v>0</v>
      </c>
      <c r="CN10" s="280">
        <v>0</v>
      </c>
      <c r="CO10" s="277">
        <v>0</v>
      </c>
      <c r="CP10" s="279">
        <v>0</v>
      </c>
      <c r="CQ10" s="280">
        <v>0</v>
      </c>
      <c r="CR10" s="280">
        <v>0</v>
      </c>
      <c r="CS10" s="280">
        <v>0</v>
      </c>
      <c r="CT10" s="280">
        <v>2</v>
      </c>
      <c r="CU10" s="280">
        <v>0</v>
      </c>
      <c r="CV10" s="277">
        <v>2</v>
      </c>
      <c r="CW10" s="282">
        <v>2</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13</v>
      </c>
      <c r="DU10" s="280">
        <v>25</v>
      </c>
      <c r="DV10" s="277">
        <v>38</v>
      </c>
      <c r="DW10" s="279">
        <v>0</v>
      </c>
      <c r="DX10" s="280">
        <v>80</v>
      </c>
      <c r="DY10" s="280">
        <v>89</v>
      </c>
      <c r="DZ10" s="280">
        <v>51</v>
      </c>
      <c r="EA10" s="280">
        <v>35</v>
      </c>
      <c r="EB10" s="280">
        <v>21</v>
      </c>
      <c r="EC10" s="277">
        <v>276</v>
      </c>
      <c r="ED10" s="282">
        <v>314</v>
      </c>
      <c r="EE10" s="276">
        <v>7</v>
      </c>
      <c r="EF10" s="280">
        <v>5</v>
      </c>
      <c r="EG10" s="277">
        <v>12</v>
      </c>
      <c r="EH10" s="279">
        <v>0</v>
      </c>
      <c r="EI10" s="280">
        <v>27</v>
      </c>
      <c r="EJ10" s="280">
        <v>18</v>
      </c>
      <c r="EK10" s="280">
        <v>22</v>
      </c>
      <c r="EL10" s="280">
        <v>32</v>
      </c>
      <c r="EM10" s="280">
        <v>8</v>
      </c>
      <c r="EN10" s="277">
        <v>107</v>
      </c>
      <c r="EO10" s="282">
        <v>119</v>
      </c>
      <c r="EP10" s="276">
        <v>15</v>
      </c>
      <c r="EQ10" s="280">
        <v>26</v>
      </c>
      <c r="ER10" s="277">
        <v>41</v>
      </c>
      <c r="ES10" s="279">
        <v>0</v>
      </c>
      <c r="ET10" s="280">
        <v>175</v>
      </c>
      <c r="EU10" s="280">
        <v>132</v>
      </c>
      <c r="EV10" s="280">
        <v>68</v>
      </c>
      <c r="EW10" s="280">
        <v>42</v>
      </c>
      <c r="EX10" s="280">
        <v>22</v>
      </c>
      <c r="EY10" s="277">
        <v>439</v>
      </c>
      <c r="EZ10" s="282">
        <v>480</v>
      </c>
    </row>
    <row r="11" spans="2:156" ht="21" customHeight="1" x14ac:dyDescent="0.2">
      <c r="B11" s="261" t="s">
        <v>8</v>
      </c>
      <c r="C11" s="276">
        <v>0</v>
      </c>
      <c r="D11" s="280">
        <v>0</v>
      </c>
      <c r="E11" s="382">
        <v>0</v>
      </c>
      <c r="F11" s="279">
        <v>0</v>
      </c>
      <c r="G11" s="280">
        <v>21</v>
      </c>
      <c r="H11" s="280">
        <v>21</v>
      </c>
      <c r="I11" s="280">
        <v>12</v>
      </c>
      <c r="J11" s="280">
        <v>9</v>
      </c>
      <c r="K11" s="280">
        <v>6</v>
      </c>
      <c r="L11" s="281">
        <v>69</v>
      </c>
      <c r="M11" s="282">
        <v>69</v>
      </c>
      <c r="N11" s="276">
        <v>0</v>
      </c>
      <c r="O11" s="280">
        <v>0</v>
      </c>
      <c r="P11" s="277">
        <v>0</v>
      </c>
      <c r="Q11" s="279">
        <v>0</v>
      </c>
      <c r="R11" s="280">
        <v>0</v>
      </c>
      <c r="S11" s="280">
        <v>2</v>
      </c>
      <c r="T11" s="280">
        <v>1</v>
      </c>
      <c r="U11" s="280">
        <v>5</v>
      </c>
      <c r="V11" s="280">
        <v>3</v>
      </c>
      <c r="W11" s="277">
        <v>11</v>
      </c>
      <c r="X11" s="282">
        <v>11</v>
      </c>
      <c r="Y11" s="276">
        <v>5</v>
      </c>
      <c r="Z11" s="280">
        <v>4</v>
      </c>
      <c r="AA11" s="277">
        <v>9</v>
      </c>
      <c r="AB11" s="279">
        <v>0</v>
      </c>
      <c r="AC11" s="280">
        <v>16</v>
      </c>
      <c r="AD11" s="280">
        <v>16</v>
      </c>
      <c r="AE11" s="280">
        <v>9</v>
      </c>
      <c r="AF11" s="280">
        <v>15</v>
      </c>
      <c r="AG11" s="280">
        <v>9</v>
      </c>
      <c r="AH11" s="277">
        <v>65</v>
      </c>
      <c r="AI11" s="282">
        <v>74</v>
      </c>
      <c r="AJ11" s="276">
        <v>1</v>
      </c>
      <c r="AK11" s="280">
        <v>1</v>
      </c>
      <c r="AL11" s="277">
        <v>2</v>
      </c>
      <c r="AM11" s="279">
        <v>0</v>
      </c>
      <c r="AN11" s="280">
        <v>5</v>
      </c>
      <c r="AO11" s="280">
        <v>7</v>
      </c>
      <c r="AP11" s="280">
        <v>2</v>
      </c>
      <c r="AQ11" s="280">
        <v>5</v>
      </c>
      <c r="AR11" s="280">
        <v>1</v>
      </c>
      <c r="AS11" s="277">
        <v>20</v>
      </c>
      <c r="AT11" s="282">
        <v>22</v>
      </c>
      <c r="AU11" s="276">
        <v>6</v>
      </c>
      <c r="AV11" s="280">
        <v>5</v>
      </c>
      <c r="AW11" s="277">
        <v>11</v>
      </c>
      <c r="AX11" s="279">
        <v>0</v>
      </c>
      <c r="AY11" s="280">
        <v>16</v>
      </c>
      <c r="AZ11" s="280">
        <v>24</v>
      </c>
      <c r="BA11" s="280">
        <v>14</v>
      </c>
      <c r="BB11" s="280">
        <v>28</v>
      </c>
      <c r="BC11" s="280">
        <v>16</v>
      </c>
      <c r="BD11" s="281">
        <v>98</v>
      </c>
      <c r="BE11" s="282">
        <v>109</v>
      </c>
      <c r="BF11" s="276">
        <v>0</v>
      </c>
      <c r="BG11" s="280">
        <v>0</v>
      </c>
      <c r="BH11" s="277">
        <v>0</v>
      </c>
      <c r="BI11" s="279">
        <v>0</v>
      </c>
      <c r="BJ11" s="280">
        <v>30</v>
      </c>
      <c r="BK11" s="280">
        <v>28</v>
      </c>
      <c r="BL11" s="280">
        <v>9</v>
      </c>
      <c r="BM11" s="280">
        <v>9</v>
      </c>
      <c r="BN11" s="280">
        <v>3</v>
      </c>
      <c r="BO11" s="277">
        <v>79</v>
      </c>
      <c r="BP11" s="282">
        <v>79</v>
      </c>
      <c r="BQ11" s="276">
        <v>0</v>
      </c>
      <c r="BR11" s="280">
        <v>4</v>
      </c>
      <c r="BS11" s="277">
        <v>4</v>
      </c>
      <c r="BT11" s="279">
        <v>0</v>
      </c>
      <c r="BU11" s="280">
        <v>13</v>
      </c>
      <c r="BV11" s="280">
        <v>9</v>
      </c>
      <c r="BW11" s="280">
        <v>11</v>
      </c>
      <c r="BX11" s="280">
        <v>6</v>
      </c>
      <c r="BY11" s="280">
        <v>2</v>
      </c>
      <c r="BZ11" s="277">
        <v>41</v>
      </c>
      <c r="CA11" s="282">
        <v>45</v>
      </c>
      <c r="CB11" s="276">
        <v>0</v>
      </c>
      <c r="CC11" s="280">
        <v>1</v>
      </c>
      <c r="CD11" s="277">
        <v>1</v>
      </c>
      <c r="CE11" s="279">
        <v>0</v>
      </c>
      <c r="CF11" s="280">
        <v>4</v>
      </c>
      <c r="CG11" s="280">
        <v>8</v>
      </c>
      <c r="CH11" s="280">
        <v>5</v>
      </c>
      <c r="CI11" s="280">
        <v>5</v>
      </c>
      <c r="CJ11" s="280">
        <v>0</v>
      </c>
      <c r="CK11" s="277">
        <v>22</v>
      </c>
      <c r="CL11" s="282">
        <v>23</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5</v>
      </c>
      <c r="DU11" s="280">
        <v>16</v>
      </c>
      <c r="DV11" s="277">
        <v>31</v>
      </c>
      <c r="DW11" s="279">
        <v>0</v>
      </c>
      <c r="DX11" s="280">
        <v>46</v>
      </c>
      <c r="DY11" s="280">
        <v>60</v>
      </c>
      <c r="DZ11" s="280">
        <v>30</v>
      </c>
      <c r="EA11" s="280">
        <v>32</v>
      </c>
      <c r="EB11" s="280">
        <v>15</v>
      </c>
      <c r="EC11" s="277">
        <v>183</v>
      </c>
      <c r="ED11" s="282">
        <v>214</v>
      </c>
      <c r="EE11" s="276">
        <v>6</v>
      </c>
      <c r="EF11" s="280">
        <v>2</v>
      </c>
      <c r="EG11" s="277">
        <v>8</v>
      </c>
      <c r="EH11" s="279">
        <v>0</v>
      </c>
      <c r="EI11" s="280">
        <v>11</v>
      </c>
      <c r="EJ11" s="280">
        <v>9</v>
      </c>
      <c r="EK11" s="280">
        <v>7</v>
      </c>
      <c r="EL11" s="280">
        <v>12</v>
      </c>
      <c r="EM11" s="280">
        <v>8</v>
      </c>
      <c r="EN11" s="277">
        <v>47</v>
      </c>
      <c r="EO11" s="282">
        <v>55</v>
      </c>
      <c r="EP11" s="276">
        <v>21</v>
      </c>
      <c r="EQ11" s="280">
        <v>22</v>
      </c>
      <c r="ER11" s="277">
        <v>43</v>
      </c>
      <c r="ES11" s="279">
        <v>0</v>
      </c>
      <c r="ET11" s="280">
        <v>107</v>
      </c>
      <c r="EU11" s="280">
        <v>88</v>
      </c>
      <c r="EV11" s="280">
        <v>36</v>
      </c>
      <c r="EW11" s="280">
        <v>34</v>
      </c>
      <c r="EX11" s="280">
        <v>15</v>
      </c>
      <c r="EY11" s="277">
        <v>280</v>
      </c>
      <c r="EZ11" s="282">
        <v>323</v>
      </c>
    </row>
    <row r="12" spans="2:156" ht="21" customHeight="1" x14ac:dyDescent="0.2">
      <c r="B12" s="261" t="s">
        <v>9</v>
      </c>
      <c r="C12" s="276">
        <v>0</v>
      </c>
      <c r="D12" s="280">
        <v>0</v>
      </c>
      <c r="E12" s="382">
        <v>0</v>
      </c>
      <c r="F12" s="279">
        <v>0</v>
      </c>
      <c r="G12" s="280">
        <v>65</v>
      </c>
      <c r="H12" s="280">
        <v>49</v>
      </c>
      <c r="I12" s="280">
        <v>34</v>
      </c>
      <c r="J12" s="280">
        <v>37</v>
      </c>
      <c r="K12" s="280">
        <v>26</v>
      </c>
      <c r="L12" s="281">
        <v>211</v>
      </c>
      <c r="M12" s="282">
        <v>211</v>
      </c>
      <c r="N12" s="276">
        <v>0</v>
      </c>
      <c r="O12" s="280">
        <v>0</v>
      </c>
      <c r="P12" s="277">
        <v>0</v>
      </c>
      <c r="Q12" s="279">
        <v>0</v>
      </c>
      <c r="R12" s="280">
        <v>1</v>
      </c>
      <c r="S12" s="280">
        <v>1</v>
      </c>
      <c r="T12" s="280">
        <v>1</v>
      </c>
      <c r="U12" s="280">
        <v>8</v>
      </c>
      <c r="V12" s="280">
        <v>17</v>
      </c>
      <c r="W12" s="277">
        <v>28</v>
      </c>
      <c r="X12" s="282">
        <v>28</v>
      </c>
      <c r="Y12" s="276">
        <v>7</v>
      </c>
      <c r="Z12" s="280">
        <v>16</v>
      </c>
      <c r="AA12" s="277">
        <v>23</v>
      </c>
      <c r="AB12" s="279">
        <v>0</v>
      </c>
      <c r="AC12" s="280">
        <v>58</v>
      </c>
      <c r="AD12" s="280">
        <v>27</v>
      </c>
      <c r="AE12" s="280">
        <v>24</v>
      </c>
      <c r="AF12" s="280">
        <v>23</v>
      </c>
      <c r="AG12" s="280">
        <v>19</v>
      </c>
      <c r="AH12" s="277">
        <v>151</v>
      </c>
      <c r="AI12" s="282">
        <v>174</v>
      </c>
      <c r="AJ12" s="276">
        <v>0</v>
      </c>
      <c r="AK12" s="280">
        <v>1</v>
      </c>
      <c r="AL12" s="277">
        <v>1</v>
      </c>
      <c r="AM12" s="279">
        <v>0</v>
      </c>
      <c r="AN12" s="280">
        <v>3</v>
      </c>
      <c r="AO12" s="280">
        <v>9</v>
      </c>
      <c r="AP12" s="280">
        <v>6</v>
      </c>
      <c r="AQ12" s="280">
        <v>8</v>
      </c>
      <c r="AR12" s="280">
        <v>5</v>
      </c>
      <c r="AS12" s="277">
        <v>31</v>
      </c>
      <c r="AT12" s="282">
        <v>32</v>
      </c>
      <c r="AU12" s="276">
        <v>13</v>
      </c>
      <c r="AV12" s="280">
        <v>9</v>
      </c>
      <c r="AW12" s="277">
        <v>22</v>
      </c>
      <c r="AX12" s="279">
        <v>0</v>
      </c>
      <c r="AY12" s="280">
        <v>61</v>
      </c>
      <c r="AZ12" s="280">
        <v>55</v>
      </c>
      <c r="BA12" s="280">
        <v>57</v>
      </c>
      <c r="BB12" s="280">
        <v>60</v>
      </c>
      <c r="BC12" s="280">
        <v>43</v>
      </c>
      <c r="BD12" s="281">
        <v>276</v>
      </c>
      <c r="BE12" s="282">
        <v>298</v>
      </c>
      <c r="BF12" s="276">
        <v>0</v>
      </c>
      <c r="BG12" s="280">
        <v>0</v>
      </c>
      <c r="BH12" s="277">
        <v>0</v>
      </c>
      <c r="BI12" s="279">
        <v>0</v>
      </c>
      <c r="BJ12" s="280">
        <v>61</v>
      </c>
      <c r="BK12" s="280">
        <v>36</v>
      </c>
      <c r="BL12" s="280">
        <v>23</v>
      </c>
      <c r="BM12" s="280">
        <v>18</v>
      </c>
      <c r="BN12" s="280">
        <v>4</v>
      </c>
      <c r="BO12" s="277">
        <v>142</v>
      </c>
      <c r="BP12" s="282">
        <v>142</v>
      </c>
      <c r="BQ12" s="276">
        <v>3</v>
      </c>
      <c r="BR12" s="280">
        <v>9</v>
      </c>
      <c r="BS12" s="277">
        <v>12</v>
      </c>
      <c r="BT12" s="279">
        <v>0</v>
      </c>
      <c r="BU12" s="280">
        <v>12</v>
      </c>
      <c r="BV12" s="280">
        <v>11</v>
      </c>
      <c r="BW12" s="280">
        <v>5</v>
      </c>
      <c r="BX12" s="280">
        <v>12</v>
      </c>
      <c r="BY12" s="280">
        <v>0</v>
      </c>
      <c r="BZ12" s="277">
        <v>40</v>
      </c>
      <c r="CA12" s="282">
        <v>52</v>
      </c>
      <c r="CB12" s="276">
        <v>1</v>
      </c>
      <c r="CC12" s="280">
        <v>0</v>
      </c>
      <c r="CD12" s="277">
        <v>1</v>
      </c>
      <c r="CE12" s="279">
        <v>0</v>
      </c>
      <c r="CF12" s="280">
        <v>6</v>
      </c>
      <c r="CG12" s="280">
        <v>9</v>
      </c>
      <c r="CH12" s="280">
        <v>13</v>
      </c>
      <c r="CI12" s="280">
        <v>10</v>
      </c>
      <c r="CJ12" s="280">
        <v>8</v>
      </c>
      <c r="CK12" s="277">
        <v>46</v>
      </c>
      <c r="CL12" s="282">
        <v>47</v>
      </c>
      <c r="CM12" s="276">
        <v>0</v>
      </c>
      <c r="CN12" s="280">
        <v>0</v>
      </c>
      <c r="CO12" s="277">
        <v>0</v>
      </c>
      <c r="CP12" s="279">
        <v>0</v>
      </c>
      <c r="CQ12" s="280">
        <v>0</v>
      </c>
      <c r="CR12" s="280">
        <v>2</v>
      </c>
      <c r="CS12" s="280">
        <v>2</v>
      </c>
      <c r="CT12" s="280">
        <v>1</v>
      </c>
      <c r="CU12" s="280">
        <v>1</v>
      </c>
      <c r="CV12" s="277">
        <v>6</v>
      </c>
      <c r="CW12" s="282">
        <v>6</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7</v>
      </c>
      <c r="DU12" s="280">
        <v>36</v>
      </c>
      <c r="DV12" s="277">
        <v>63</v>
      </c>
      <c r="DW12" s="279">
        <v>0</v>
      </c>
      <c r="DX12" s="280">
        <v>93</v>
      </c>
      <c r="DY12" s="280">
        <v>95</v>
      </c>
      <c r="DZ12" s="280">
        <v>65</v>
      </c>
      <c r="EA12" s="280">
        <v>57</v>
      </c>
      <c r="EB12" s="280">
        <v>38</v>
      </c>
      <c r="EC12" s="277">
        <v>348</v>
      </c>
      <c r="ED12" s="282">
        <v>411</v>
      </c>
      <c r="EE12" s="276">
        <v>9</v>
      </c>
      <c r="EF12" s="280">
        <v>8</v>
      </c>
      <c r="EG12" s="277">
        <v>17</v>
      </c>
      <c r="EH12" s="279">
        <v>0</v>
      </c>
      <c r="EI12" s="280">
        <v>33</v>
      </c>
      <c r="EJ12" s="280">
        <v>18</v>
      </c>
      <c r="EK12" s="280">
        <v>16</v>
      </c>
      <c r="EL12" s="280">
        <v>32</v>
      </c>
      <c r="EM12" s="280">
        <v>16</v>
      </c>
      <c r="EN12" s="277">
        <v>115</v>
      </c>
      <c r="EO12" s="282">
        <v>132</v>
      </c>
      <c r="EP12" s="276">
        <v>33</v>
      </c>
      <c r="EQ12" s="280">
        <v>52</v>
      </c>
      <c r="ER12" s="277">
        <v>85</v>
      </c>
      <c r="ES12" s="279">
        <v>0</v>
      </c>
      <c r="ET12" s="280">
        <v>187</v>
      </c>
      <c r="EU12" s="280">
        <v>128</v>
      </c>
      <c r="EV12" s="280">
        <v>75</v>
      </c>
      <c r="EW12" s="280">
        <v>63</v>
      </c>
      <c r="EX12" s="280">
        <v>37</v>
      </c>
      <c r="EY12" s="277">
        <v>490</v>
      </c>
      <c r="EZ12" s="282">
        <v>575</v>
      </c>
    </row>
    <row r="13" spans="2:156" ht="21" customHeight="1" x14ac:dyDescent="0.2">
      <c r="B13" s="261" t="s">
        <v>10</v>
      </c>
      <c r="C13" s="276">
        <v>0</v>
      </c>
      <c r="D13" s="280">
        <v>0</v>
      </c>
      <c r="E13" s="382">
        <v>0</v>
      </c>
      <c r="F13" s="279">
        <v>0</v>
      </c>
      <c r="G13" s="280">
        <v>89</v>
      </c>
      <c r="H13" s="280">
        <v>47</v>
      </c>
      <c r="I13" s="280">
        <v>29</v>
      </c>
      <c r="J13" s="280">
        <v>29</v>
      </c>
      <c r="K13" s="280">
        <v>27</v>
      </c>
      <c r="L13" s="281">
        <v>221</v>
      </c>
      <c r="M13" s="282">
        <v>221</v>
      </c>
      <c r="N13" s="276">
        <v>0</v>
      </c>
      <c r="O13" s="280">
        <v>0</v>
      </c>
      <c r="P13" s="277">
        <v>0</v>
      </c>
      <c r="Q13" s="279">
        <v>0</v>
      </c>
      <c r="R13" s="280">
        <v>1</v>
      </c>
      <c r="S13" s="280">
        <v>2</v>
      </c>
      <c r="T13" s="280">
        <v>1</v>
      </c>
      <c r="U13" s="280">
        <v>4</v>
      </c>
      <c r="V13" s="280">
        <v>10</v>
      </c>
      <c r="W13" s="277">
        <v>18</v>
      </c>
      <c r="X13" s="282">
        <v>18</v>
      </c>
      <c r="Y13" s="276">
        <v>15</v>
      </c>
      <c r="Z13" s="280">
        <v>23</v>
      </c>
      <c r="AA13" s="277">
        <v>38</v>
      </c>
      <c r="AB13" s="279">
        <v>0</v>
      </c>
      <c r="AC13" s="280">
        <v>59</v>
      </c>
      <c r="AD13" s="280">
        <v>38</v>
      </c>
      <c r="AE13" s="280">
        <v>23</v>
      </c>
      <c r="AF13" s="280">
        <v>17</v>
      </c>
      <c r="AG13" s="280">
        <v>19</v>
      </c>
      <c r="AH13" s="277">
        <v>156</v>
      </c>
      <c r="AI13" s="282">
        <v>194</v>
      </c>
      <c r="AJ13" s="276">
        <v>3</v>
      </c>
      <c r="AK13" s="280">
        <v>3</v>
      </c>
      <c r="AL13" s="277">
        <v>6</v>
      </c>
      <c r="AM13" s="279">
        <v>0</v>
      </c>
      <c r="AN13" s="280">
        <v>10</v>
      </c>
      <c r="AO13" s="280">
        <v>9</v>
      </c>
      <c r="AP13" s="280">
        <v>6</v>
      </c>
      <c r="AQ13" s="280">
        <v>1</v>
      </c>
      <c r="AR13" s="280">
        <v>2</v>
      </c>
      <c r="AS13" s="277">
        <v>28</v>
      </c>
      <c r="AT13" s="282">
        <v>34</v>
      </c>
      <c r="AU13" s="276">
        <v>26</v>
      </c>
      <c r="AV13" s="280">
        <v>22</v>
      </c>
      <c r="AW13" s="277">
        <v>48</v>
      </c>
      <c r="AX13" s="279">
        <v>0</v>
      </c>
      <c r="AY13" s="280">
        <v>90</v>
      </c>
      <c r="AZ13" s="280">
        <v>78</v>
      </c>
      <c r="BA13" s="280">
        <v>65</v>
      </c>
      <c r="BB13" s="280">
        <v>65</v>
      </c>
      <c r="BC13" s="280">
        <v>61</v>
      </c>
      <c r="BD13" s="281">
        <v>359</v>
      </c>
      <c r="BE13" s="282">
        <v>407</v>
      </c>
      <c r="BF13" s="276">
        <v>0</v>
      </c>
      <c r="BG13" s="280">
        <v>0</v>
      </c>
      <c r="BH13" s="277">
        <v>0</v>
      </c>
      <c r="BI13" s="279">
        <v>0</v>
      </c>
      <c r="BJ13" s="280">
        <v>115</v>
      </c>
      <c r="BK13" s="280">
        <v>70</v>
      </c>
      <c r="BL13" s="280">
        <v>34</v>
      </c>
      <c r="BM13" s="280">
        <v>16</v>
      </c>
      <c r="BN13" s="280">
        <v>5</v>
      </c>
      <c r="BO13" s="277">
        <v>240</v>
      </c>
      <c r="BP13" s="282">
        <v>240</v>
      </c>
      <c r="BQ13" s="276">
        <v>4</v>
      </c>
      <c r="BR13" s="280">
        <v>7</v>
      </c>
      <c r="BS13" s="277">
        <v>11</v>
      </c>
      <c r="BT13" s="279">
        <v>0</v>
      </c>
      <c r="BU13" s="280">
        <v>25</v>
      </c>
      <c r="BV13" s="280">
        <v>20</v>
      </c>
      <c r="BW13" s="280">
        <v>4</v>
      </c>
      <c r="BX13" s="280">
        <v>2</v>
      </c>
      <c r="BY13" s="280">
        <v>0</v>
      </c>
      <c r="BZ13" s="277">
        <v>51</v>
      </c>
      <c r="CA13" s="282">
        <v>62</v>
      </c>
      <c r="CB13" s="276">
        <v>0</v>
      </c>
      <c r="CC13" s="280">
        <v>1</v>
      </c>
      <c r="CD13" s="277">
        <v>1</v>
      </c>
      <c r="CE13" s="279">
        <v>0</v>
      </c>
      <c r="CF13" s="280">
        <v>7</v>
      </c>
      <c r="CG13" s="280">
        <v>9</v>
      </c>
      <c r="CH13" s="280">
        <v>14</v>
      </c>
      <c r="CI13" s="280">
        <v>12</v>
      </c>
      <c r="CJ13" s="280">
        <v>3</v>
      </c>
      <c r="CK13" s="277">
        <v>45</v>
      </c>
      <c r="CL13" s="282">
        <v>46</v>
      </c>
      <c r="CM13" s="276">
        <v>0</v>
      </c>
      <c r="CN13" s="280">
        <v>0</v>
      </c>
      <c r="CO13" s="277">
        <v>0</v>
      </c>
      <c r="CP13" s="279">
        <v>0</v>
      </c>
      <c r="CQ13" s="280">
        <v>1</v>
      </c>
      <c r="CR13" s="280">
        <v>2</v>
      </c>
      <c r="CS13" s="280">
        <v>0</v>
      </c>
      <c r="CT13" s="280">
        <v>0</v>
      </c>
      <c r="CU13" s="280">
        <v>0</v>
      </c>
      <c r="CV13" s="277">
        <v>3</v>
      </c>
      <c r="CW13" s="282">
        <v>3</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50</v>
      </c>
      <c r="DU13" s="280">
        <v>91</v>
      </c>
      <c r="DV13" s="277">
        <v>141</v>
      </c>
      <c r="DW13" s="279">
        <v>0</v>
      </c>
      <c r="DX13" s="280">
        <v>137</v>
      </c>
      <c r="DY13" s="280">
        <v>115</v>
      </c>
      <c r="DZ13" s="280">
        <v>57</v>
      </c>
      <c r="EA13" s="280">
        <v>50</v>
      </c>
      <c r="EB13" s="280">
        <v>43</v>
      </c>
      <c r="EC13" s="277">
        <v>402</v>
      </c>
      <c r="ED13" s="282">
        <v>543</v>
      </c>
      <c r="EE13" s="276">
        <v>14</v>
      </c>
      <c r="EF13" s="280">
        <v>5</v>
      </c>
      <c r="EG13" s="277">
        <v>19</v>
      </c>
      <c r="EH13" s="279">
        <v>0</v>
      </c>
      <c r="EI13" s="280">
        <v>30</v>
      </c>
      <c r="EJ13" s="280">
        <v>34</v>
      </c>
      <c r="EK13" s="280">
        <v>21</v>
      </c>
      <c r="EL13" s="280">
        <v>25</v>
      </c>
      <c r="EM13" s="280">
        <v>24</v>
      </c>
      <c r="EN13" s="277">
        <v>134</v>
      </c>
      <c r="EO13" s="282">
        <v>153</v>
      </c>
      <c r="EP13" s="276">
        <v>67</v>
      </c>
      <c r="EQ13" s="280">
        <v>102</v>
      </c>
      <c r="ER13" s="277">
        <v>169</v>
      </c>
      <c r="ES13" s="279">
        <v>0</v>
      </c>
      <c r="ET13" s="280">
        <v>249</v>
      </c>
      <c r="EU13" s="280">
        <v>151</v>
      </c>
      <c r="EV13" s="280">
        <v>73</v>
      </c>
      <c r="EW13" s="280">
        <v>53</v>
      </c>
      <c r="EX13" s="280">
        <v>43</v>
      </c>
      <c r="EY13" s="277">
        <v>569</v>
      </c>
      <c r="EZ13" s="282">
        <v>738</v>
      </c>
    </row>
    <row r="14" spans="2:156" ht="21" customHeight="1" x14ac:dyDescent="0.2">
      <c r="B14" s="261" t="s">
        <v>11</v>
      </c>
      <c r="C14" s="276">
        <v>0</v>
      </c>
      <c r="D14" s="280">
        <v>0</v>
      </c>
      <c r="E14" s="382">
        <v>0</v>
      </c>
      <c r="F14" s="279">
        <v>0</v>
      </c>
      <c r="G14" s="280">
        <v>16</v>
      </c>
      <c r="H14" s="280">
        <v>10</v>
      </c>
      <c r="I14" s="280">
        <v>11</v>
      </c>
      <c r="J14" s="280">
        <v>12</v>
      </c>
      <c r="K14" s="280">
        <v>4</v>
      </c>
      <c r="L14" s="281">
        <v>53</v>
      </c>
      <c r="M14" s="282">
        <v>53</v>
      </c>
      <c r="N14" s="276">
        <v>0</v>
      </c>
      <c r="O14" s="280">
        <v>0</v>
      </c>
      <c r="P14" s="277">
        <v>0</v>
      </c>
      <c r="Q14" s="279">
        <v>0</v>
      </c>
      <c r="R14" s="280">
        <v>0</v>
      </c>
      <c r="S14" s="280">
        <v>0</v>
      </c>
      <c r="T14" s="280">
        <v>1</v>
      </c>
      <c r="U14" s="280">
        <v>5</v>
      </c>
      <c r="V14" s="280">
        <v>3</v>
      </c>
      <c r="W14" s="277">
        <v>9</v>
      </c>
      <c r="X14" s="282">
        <v>9</v>
      </c>
      <c r="Y14" s="276">
        <v>3</v>
      </c>
      <c r="Z14" s="280">
        <v>2</v>
      </c>
      <c r="AA14" s="277">
        <v>5</v>
      </c>
      <c r="AB14" s="279">
        <v>0</v>
      </c>
      <c r="AC14" s="280">
        <v>16</v>
      </c>
      <c r="AD14" s="280">
        <v>15</v>
      </c>
      <c r="AE14" s="280">
        <v>7</v>
      </c>
      <c r="AF14" s="280">
        <v>13</v>
      </c>
      <c r="AG14" s="280">
        <v>4</v>
      </c>
      <c r="AH14" s="277">
        <v>55</v>
      </c>
      <c r="AI14" s="282">
        <v>60</v>
      </c>
      <c r="AJ14" s="276">
        <v>0</v>
      </c>
      <c r="AK14" s="280">
        <v>0</v>
      </c>
      <c r="AL14" s="277">
        <v>0</v>
      </c>
      <c r="AM14" s="279">
        <v>0</v>
      </c>
      <c r="AN14" s="280">
        <v>1</v>
      </c>
      <c r="AO14" s="280">
        <v>1</v>
      </c>
      <c r="AP14" s="280">
        <v>0</v>
      </c>
      <c r="AQ14" s="280">
        <v>2</v>
      </c>
      <c r="AR14" s="280">
        <v>1</v>
      </c>
      <c r="AS14" s="277">
        <v>5</v>
      </c>
      <c r="AT14" s="282">
        <v>5</v>
      </c>
      <c r="AU14" s="276">
        <v>3</v>
      </c>
      <c r="AV14" s="280">
        <v>1</v>
      </c>
      <c r="AW14" s="277">
        <v>4</v>
      </c>
      <c r="AX14" s="279">
        <v>0</v>
      </c>
      <c r="AY14" s="280">
        <v>24</v>
      </c>
      <c r="AZ14" s="280">
        <v>21</v>
      </c>
      <c r="BA14" s="280">
        <v>26</v>
      </c>
      <c r="BB14" s="280">
        <v>32</v>
      </c>
      <c r="BC14" s="280">
        <v>12</v>
      </c>
      <c r="BD14" s="281">
        <v>115</v>
      </c>
      <c r="BE14" s="282">
        <v>119</v>
      </c>
      <c r="BF14" s="276">
        <v>0</v>
      </c>
      <c r="BG14" s="280">
        <v>0</v>
      </c>
      <c r="BH14" s="277">
        <v>0</v>
      </c>
      <c r="BI14" s="279">
        <v>0</v>
      </c>
      <c r="BJ14" s="280">
        <v>20</v>
      </c>
      <c r="BK14" s="280">
        <v>16</v>
      </c>
      <c r="BL14" s="280">
        <v>12</v>
      </c>
      <c r="BM14" s="280">
        <v>8</v>
      </c>
      <c r="BN14" s="280">
        <v>4</v>
      </c>
      <c r="BO14" s="277">
        <v>60</v>
      </c>
      <c r="BP14" s="282">
        <v>60</v>
      </c>
      <c r="BQ14" s="276">
        <v>3</v>
      </c>
      <c r="BR14" s="280">
        <v>3</v>
      </c>
      <c r="BS14" s="277">
        <v>6</v>
      </c>
      <c r="BT14" s="279">
        <v>0</v>
      </c>
      <c r="BU14" s="280">
        <v>11</v>
      </c>
      <c r="BV14" s="280">
        <v>10</v>
      </c>
      <c r="BW14" s="280">
        <v>8</v>
      </c>
      <c r="BX14" s="280">
        <v>2</v>
      </c>
      <c r="BY14" s="280">
        <v>2</v>
      </c>
      <c r="BZ14" s="277">
        <v>33</v>
      </c>
      <c r="CA14" s="282">
        <v>39</v>
      </c>
      <c r="CB14" s="276">
        <v>0</v>
      </c>
      <c r="CC14" s="280">
        <v>0</v>
      </c>
      <c r="CD14" s="277">
        <v>0</v>
      </c>
      <c r="CE14" s="279">
        <v>0</v>
      </c>
      <c r="CF14" s="280">
        <v>5</v>
      </c>
      <c r="CG14" s="280">
        <v>3</v>
      </c>
      <c r="CH14" s="280">
        <v>6</v>
      </c>
      <c r="CI14" s="280">
        <v>2</v>
      </c>
      <c r="CJ14" s="280">
        <v>3</v>
      </c>
      <c r="CK14" s="277">
        <v>19</v>
      </c>
      <c r="CL14" s="282">
        <v>19</v>
      </c>
      <c r="CM14" s="276">
        <v>0</v>
      </c>
      <c r="CN14" s="280">
        <v>0</v>
      </c>
      <c r="CO14" s="277">
        <v>0</v>
      </c>
      <c r="CP14" s="279">
        <v>0</v>
      </c>
      <c r="CQ14" s="280">
        <v>0</v>
      </c>
      <c r="CR14" s="280">
        <v>0</v>
      </c>
      <c r="CS14" s="280">
        <v>2</v>
      </c>
      <c r="CT14" s="280">
        <v>1</v>
      </c>
      <c r="CU14" s="280">
        <v>3</v>
      </c>
      <c r="CV14" s="277">
        <v>6</v>
      </c>
      <c r="CW14" s="282">
        <v>6</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1</v>
      </c>
      <c r="DU14" s="280">
        <v>16</v>
      </c>
      <c r="DV14" s="277">
        <v>27</v>
      </c>
      <c r="DW14" s="279">
        <v>0</v>
      </c>
      <c r="DX14" s="280">
        <v>38</v>
      </c>
      <c r="DY14" s="280">
        <v>31</v>
      </c>
      <c r="DZ14" s="280">
        <v>32</v>
      </c>
      <c r="EA14" s="280">
        <v>26</v>
      </c>
      <c r="EB14" s="280">
        <v>9</v>
      </c>
      <c r="EC14" s="277">
        <v>136</v>
      </c>
      <c r="ED14" s="282">
        <v>163</v>
      </c>
      <c r="EE14" s="276">
        <v>1</v>
      </c>
      <c r="EF14" s="280">
        <v>2</v>
      </c>
      <c r="EG14" s="277">
        <v>3</v>
      </c>
      <c r="EH14" s="279">
        <v>0</v>
      </c>
      <c r="EI14" s="280">
        <v>20</v>
      </c>
      <c r="EJ14" s="280">
        <v>7</v>
      </c>
      <c r="EK14" s="280">
        <v>16</v>
      </c>
      <c r="EL14" s="280">
        <v>15</v>
      </c>
      <c r="EM14" s="280">
        <v>7</v>
      </c>
      <c r="EN14" s="277">
        <v>65</v>
      </c>
      <c r="EO14" s="282">
        <v>68</v>
      </c>
      <c r="EP14" s="276">
        <v>16</v>
      </c>
      <c r="EQ14" s="280">
        <v>18</v>
      </c>
      <c r="ER14" s="277">
        <v>34</v>
      </c>
      <c r="ES14" s="279">
        <v>0</v>
      </c>
      <c r="ET14" s="280">
        <v>84</v>
      </c>
      <c r="EU14" s="280">
        <v>46</v>
      </c>
      <c r="EV14" s="280">
        <v>35</v>
      </c>
      <c r="EW14" s="280">
        <v>29</v>
      </c>
      <c r="EX14" s="280">
        <v>10</v>
      </c>
      <c r="EY14" s="277">
        <v>204</v>
      </c>
      <c r="EZ14" s="282">
        <v>238</v>
      </c>
    </row>
    <row r="15" spans="2:156" ht="21" customHeight="1" x14ac:dyDescent="0.2">
      <c r="B15" s="261" t="s">
        <v>12</v>
      </c>
      <c r="C15" s="276">
        <v>0</v>
      </c>
      <c r="D15" s="280">
        <v>0</v>
      </c>
      <c r="E15" s="382">
        <v>0</v>
      </c>
      <c r="F15" s="279">
        <v>0</v>
      </c>
      <c r="G15" s="280">
        <v>39</v>
      </c>
      <c r="H15" s="280">
        <v>28</v>
      </c>
      <c r="I15" s="280">
        <v>29</v>
      </c>
      <c r="J15" s="280">
        <v>14</v>
      </c>
      <c r="K15" s="280">
        <v>17</v>
      </c>
      <c r="L15" s="281">
        <v>127</v>
      </c>
      <c r="M15" s="282">
        <v>127</v>
      </c>
      <c r="N15" s="276">
        <v>0</v>
      </c>
      <c r="O15" s="280">
        <v>0</v>
      </c>
      <c r="P15" s="277">
        <v>0</v>
      </c>
      <c r="Q15" s="279">
        <v>0</v>
      </c>
      <c r="R15" s="280">
        <v>0</v>
      </c>
      <c r="S15" s="280">
        <v>2</v>
      </c>
      <c r="T15" s="280">
        <v>1</v>
      </c>
      <c r="U15" s="280">
        <v>1</v>
      </c>
      <c r="V15" s="280">
        <v>10</v>
      </c>
      <c r="W15" s="277">
        <v>14</v>
      </c>
      <c r="X15" s="282">
        <v>14</v>
      </c>
      <c r="Y15" s="276">
        <v>8</v>
      </c>
      <c r="Z15" s="280">
        <v>14</v>
      </c>
      <c r="AA15" s="277">
        <v>22</v>
      </c>
      <c r="AB15" s="279">
        <v>0</v>
      </c>
      <c r="AC15" s="280">
        <v>22</v>
      </c>
      <c r="AD15" s="280">
        <v>23</v>
      </c>
      <c r="AE15" s="280">
        <v>17</v>
      </c>
      <c r="AF15" s="280">
        <v>15</v>
      </c>
      <c r="AG15" s="280">
        <v>12</v>
      </c>
      <c r="AH15" s="277">
        <v>89</v>
      </c>
      <c r="AI15" s="282">
        <v>111</v>
      </c>
      <c r="AJ15" s="276">
        <v>0</v>
      </c>
      <c r="AK15" s="280">
        <v>2</v>
      </c>
      <c r="AL15" s="277">
        <v>2</v>
      </c>
      <c r="AM15" s="279">
        <v>0</v>
      </c>
      <c r="AN15" s="280">
        <v>4</v>
      </c>
      <c r="AO15" s="280">
        <v>2</v>
      </c>
      <c r="AP15" s="280">
        <v>3</v>
      </c>
      <c r="AQ15" s="280">
        <v>1</v>
      </c>
      <c r="AR15" s="280">
        <v>0</v>
      </c>
      <c r="AS15" s="277">
        <v>10</v>
      </c>
      <c r="AT15" s="282">
        <v>12</v>
      </c>
      <c r="AU15" s="276">
        <v>12</v>
      </c>
      <c r="AV15" s="280">
        <v>8</v>
      </c>
      <c r="AW15" s="277">
        <v>20</v>
      </c>
      <c r="AX15" s="279">
        <v>0</v>
      </c>
      <c r="AY15" s="280">
        <v>15</v>
      </c>
      <c r="AZ15" s="280">
        <v>19</v>
      </c>
      <c r="BA15" s="280">
        <v>24</v>
      </c>
      <c r="BB15" s="280">
        <v>38</v>
      </c>
      <c r="BC15" s="280">
        <v>20</v>
      </c>
      <c r="BD15" s="281">
        <v>116</v>
      </c>
      <c r="BE15" s="282">
        <v>136</v>
      </c>
      <c r="BF15" s="276">
        <v>0</v>
      </c>
      <c r="BG15" s="280">
        <v>0</v>
      </c>
      <c r="BH15" s="277">
        <v>0</v>
      </c>
      <c r="BI15" s="279">
        <v>0</v>
      </c>
      <c r="BJ15" s="280">
        <v>43</v>
      </c>
      <c r="BK15" s="280">
        <v>29</v>
      </c>
      <c r="BL15" s="280">
        <v>12</v>
      </c>
      <c r="BM15" s="280">
        <v>8</v>
      </c>
      <c r="BN15" s="280">
        <v>6</v>
      </c>
      <c r="BO15" s="277">
        <v>98</v>
      </c>
      <c r="BP15" s="282">
        <v>98</v>
      </c>
      <c r="BQ15" s="276">
        <v>14</v>
      </c>
      <c r="BR15" s="280">
        <v>7</v>
      </c>
      <c r="BS15" s="277">
        <v>21</v>
      </c>
      <c r="BT15" s="279">
        <v>0</v>
      </c>
      <c r="BU15" s="280">
        <v>12</v>
      </c>
      <c r="BV15" s="280">
        <v>11</v>
      </c>
      <c r="BW15" s="280">
        <v>10</v>
      </c>
      <c r="BX15" s="280">
        <v>4</v>
      </c>
      <c r="BY15" s="280">
        <v>1</v>
      </c>
      <c r="BZ15" s="277">
        <v>38</v>
      </c>
      <c r="CA15" s="282">
        <v>59</v>
      </c>
      <c r="CB15" s="276">
        <v>0</v>
      </c>
      <c r="CC15" s="280">
        <v>0</v>
      </c>
      <c r="CD15" s="277">
        <v>0</v>
      </c>
      <c r="CE15" s="279">
        <v>0</v>
      </c>
      <c r="CF15" s="280">
        <v>8</v>
      </c>
      <c r="CG15" s="280">
        <v>6</v>
      </c>
      <c r="CH15" s="280">
        <v>13</v>
      </c>
      <c r="CI15" s="280">
        <v>5</v>
      </c>
      <c r="CJ15" s="280">
        <v>2</v>
      </c>
      <c r="CK15" s="277">
        <v>34</v>
      </c>
      <c r="CL15" s="282">
        <v>34</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3</v>
      </c>
      <c r="DU15" s="280">
        <v>49</v>
      </c>
      <c r="DV15" s="277">
        <v>72</v>
      </c>
      <c r="DW15" s="279">
        <v>0</v>
      </c>
      <c r="DX15" s="280">
        <v>44</v>
      </c>
      <c r="DY15" s="280">
        <v>57</v>
      </c>
      <c r="DZ15" s="280">
        <v>44</v>
      </c>
      <c r="EA15" s="280">
        <v>52</v>
      </c>
      <c r="EB15" s="280">
        <v>21</v>
      </c>
      <c r="EC15" s="277">
        <v>218</v>
      </c>
      <c r="ED15" s="282">
        <v>290</v>
      </c>
      <c r="EE15" s="276">
        <v>8</v>
      </c>
      <c r="EF15" s="280">
        <v>5</v>
      </c>
      <c r="EG15" s="277">
        <v>13</v>
      </c>
      <c r="EH15" s="279">
        <v>0</v>
      </c>
      <c r="EI15" s="280">
        <v>5</v>
      </c>
      <c r="EJ15" s="280">
        <v>6</v>
      </c>
      <c r="EK15" s="280">
        <v>9</v>
      </c>
      <c r="EL15" s="280">
        <v>12</v>
      </c>
      <c r="EM15" s="280">
        <v>7</v>
      </c>
      <c r="EN15" s="277">
        <v>39</v>
      </c>
      <c r="EO15" s="282">
        <v>52</v>
      </c>
      <c r="EP15" s="276">
        <v>43</v>
      </c>
      <c r="EQ15" s="280">
        <v>56</v>
      </c>
      <c r="ER15" s="277">
        <v>99</v>
      </c>
      <c r="ES15" s="279">
        <v>0</v>
      </c>
      <c r="ET15" s="280">
        <v>106</v>
      </c>
      <c r="EU15" s="280">
        <v>73</v>
      </c>
      <c r="EV15" s="280">
        <v>48</v>
      </c>
      <c r="EW15" s="280">
        <v>47</v>
      </c>
      <c r="EX15" s="280">
        <v>20</v>
      </c>
      <c r="EY15" s="277">
        <v>294</v>
      </c>
      <c r="EZ15" s="282">
        <v>393</v>
      </c>
    </row>
    <row r="16" spans="2:156" ht="21" customHeight="1" x14ac:dyDescent="0.2">
      <c r="B16" s="261" t="s">
        <v>13</v>
      </c>
      <c r="C16" s="276">
        <v>0</v>
      </c>
      <c r="D16" s="280">
        <v>0</v>
      </c>
      <c r="E16" s="382">
        <v>0</v>
      </c>
      <c r="F16" s="279">
        <v>0</v>
      </c>
      <c r="G16" s="280">
        <v>18</v>
      </c>
      <c r="H16" s="280">
        <v>22</v>
      </c>
      <c r="I16" s="280">
        <v>16</v>
      </c>
      <c r="J16" s="280">
        <v>8</v>
      </c>
      <c r="K16" s="280">
        <v>15</v>
      </c>
      <c r="L16" s="281">
        <v>79</v>
      </c>
      <c r="M16" s="282">
        <v>79</v>
      </c>
      <c r="N16" s="276">
        <v>0</v>
      </c>
      <c r="O16" s="280">
        <v>0</v>
      </c>
      <c r="P16" s="277">
        <v>0</v>
      </c>
      <c r="Q16" s="279">
        <v>0</v>
      </c>
      <c r="R16" s="280">
        <v>0</v>
      </c>
      <c r="S16" s="280">
        <v>0</v>
      </c>
      <c r="T16" s="280">
        <v>1</v>
      </c>
      <c r="U16" s="280">
        <v>1</v>
      </c>
      <c r="V16" s="280">
        <v>0</v>
      </c>
      <c r="W16" s="277">
        <v>2</v>
      </c>
      <c r="X16" s="282">
        <v>2</v>
      </c>
      <c r="Y16" s="276">
        <v>1</v>
      </c>
      <c r="Z16" s="280">
        <v>3</v>
      </c>
      <c r="AA16" s="277">
        <v>4</v>
      </c>
      <c r="AB16" s="279">
        <v>0</v>
      </c>
      <c r="AC16" s="280">
        <v>15</v>
      </c>
      <c r="AD16" s="280">
        <v>11</v>
      </c>
      <c r="AE16" s="280">
        <v>9</v>
      </c>
      <c r="AF16" s="280">
        <v>9</v>
      </c>
      <c r="AG16" s="280">
        <v>7</v>
      </c>
      <c r="AH16" s="277">
        <v>51</v>
      </c>
      <c r="AI16" s="282">
        <v>55</v>
      </c>
      <c r="AJ16" s="276">
        <v>0</v>
      </c>
      <c r="AK16" s="280">
        <v>1</v>
      </c>
      <c r="AL16" s="277">
        <v>1</v>
      </c>
      <c r="AM16" s="279">
        <v>0</v>
      </c>
      <c r="AN16" s="280">
        <v>1</v>
      </c>
      <c r="AO16" s="280">
        <v>2</v>
      </c>
      <c r="AP16" s="280">
        <v>0</v>
      </c>
      <c r="AQ16" s="280">
        <v>1</v>
      </c>
      <c r="AR16" s="280">
        <v>3</v>
      </c>
      <c r="AS16" s="277">
        <v>7</v>
      </c>
      <c r="AT16" s="282">
        <v>8</v>
      </c>
      <c r="AU16" s="276">
        <v>5</v>
      </c>
      <c r="AV16" s="280">
        <v>6</v>
      </c>
      <c r="AW16" s="277">
        <v>11</v>
      </c>
      <c r="AX16" s="279">
        <v>0</v>
      </c>
      <c r="AY16" s="280">
        <v>17</v>
      </c>
      <c r="AZ16" s="280">
        <v>25</v>
      </c>
      <c r="BA16" s="280">
        <v>17</v>
      </c>
      <c r="BB16" s="280">
        <v>15</v>
      </c>
      <c r="BC16" s="280">
        <v>20</v>
      </c>
      <c r="BD16" s="281">
        <v>94</v>
      </c>
      <c r="BE16" s="282">
        <v>105</v>
      </c>
      <c r="BF16" s="276">
        <v>0</v>
      </c>
      <c r="BG16" s="280">
        <v>0</v>
      </c>
      <c r="BH16" s="277">
        <v>0</v>
      </c>
      <c r="BI16" s="279">
        <v>0</v>
      </c>
      <c r="BJ16" s="280">
        <v>18</v>
      </c>
      <c r="BK16" s="280">
        <v>17</v>
      </c>
      <c r="BL16" s="280">
        <v>7</v>
      </c>
      <c r="BM16" s="280">
        <v>3</v>
      </c>
      <c r="BN16" s="280">
        <v>1</v>
      </c>
      <c r="BO16" s="277">
        <v>46</v>
      </c>
      <c r="BP16" s="282">
        <v>46</v>
      </c>
      <c r="BQ16" s="276">
        <v>0</v>
      </c>
      <c r="BR16" s="280">
        <v>0</v>
      </c>
      <c r="BS16" s="277">
        <v>0</v>
      </c>
      <c r="BT16" s="279">
        <v>0</v>
      </c>
      <c r="BU16" s="280">
        <v>1</v>
      </c>
      <c r="BV16" s="280">
        <v>3</v>
      </c>
      <c r="BW16" s="280">
        <v>4</v>
      </c>
      <c r="BX16" s="280">
        <v>2</v>
      </c>
      <c r="BY16" s="280">
        <v>1</v>
      </c>
      <c r="BZ16" s="277">
        <v>11</v>
      </c>
      <c r="CA16" s="282">
        <v>11</v>
      </c>
      <c r="CB16" s="276">
        <v>0</v>
      </c>
      <c r="CC16" s="280">
        <v>0</v>
      </c>
      <c r="CD16" s="277">
        <v>0</v>
      </c>
      <c r="CE16" s="279">
        <v>0</v>
      </c>
      <c r="CF16" s="280">
        <v>0</v>
      </c>
      <c r="CG16" s="280">
        <v>2</v>
      </c>
      <c r="CH16" s="280">
        <v>4</v>
      </c>
      <c r="CI16" s="280">
        <v>2</v>
      </c>
      <c r="CJ16" s="280">
        <v>0</v>
      </c>
      <c r="CK16" s="277">
        <v>8</v>
      </c>
      <c r="CL16" s="282">
        <v>8</v>
      </c>
      <c r="CM16" s="276">
        <v>0</v>
      </c>
      <c r="CN16" s="280">
        <v>0</v>
      </c>
      <c r="CO16" s="277">
        <v>0</v>
      </c>
      <c r="CP16" s="279">
        <v>0</v>
      </c>
      <c r="CQ16" s="280">
        <v>0</v>
      </c>
      <c r="CR16" s="280">
        <v>0</v>
      </c>
      <c r="CS16" s="280">
        <v>0</v>
      </c>
      <c r="CT16" s="280">
        <v>2</v>
      </c>
      <c r="CU16" s="280">
        <v>0</v>
      </c>
      <c r="CV16" s="277">
        <v>2</v>
      </c>
      <c r="CW16" s="282">
        <v>2</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5</v>
      </c>
      <c r="DU16" s="280">
        <v>13</v>
      </c>
      <c r="DV16" s="277">
        <v>18</v>
      </c>
      <c r="DW16" s="279">
        <v>0</v>
      </c>
      <c r="DX16" s="280">
        <v>18</v>
      </c>
      <c r="DY16" s="280">
        <v>35</v>
      </c>
      <c r="DZ16" s="280">
        <v>22</v>
      </c>
      <c r="EA16" s="280">
        <v>11</v>
      </c>
      <c r="EB16" s="280">
        <v>15</v>
      </c>
      <c r="EC16" s="277">
        <v>101</v>
      </c>
      <c r="ED16" s="282">
        <v>119</v>
      </c>
      <c r="EE16" s="276">
        <v>5</v>
      </c>
      <c r="EF16" s="280">
        <v>2</v>
      </c>
      <c r="EG16" s="277">
        <v>7</v>
      </c>
      <c r="EH16" s="279">
        <v>0</v>
      </c>
      <c r="EI16" s="280">
        <v>10</v>
      </c>
      <c r="EJ16" s="280">
        <v>12</v>
      </c>
      <c r="EK16" s="280">
        <v>7</v>
      </c>
      <c r="EL16" s="280">
        <v>8</v>
      </c>
      <c r="EM16" s="280">
        <v>6</v>
      </c>
      <c r="EN16" s="277">
        <v>43</v>
      </c>
      <c r="EO16" s="282">
        <v>50</v>
      </c>
      <c r="EP16" s="276">
        <v>6</v>
      </c>
      <c r="EQ16" s="280">
        <v>14</v>
      </c>
      <c r="ER16" s="277">
        <v>20</v>
      </c>
      <c r="ES16" s="279">
        <v>0</v>
      </c>
      <c r="ET16" s="280">
        <v>48</v>
      </c>
      <c r="EU16" s="280">
        <v>57</v>
      </c>
      <c r="EV16" s="280">
        <v>32</v>
      </c>
      <c r="EW16" s="280">
        <v>13</v>
      </c>
      <c r="EX16" s="280">
        <v>16</v>
      </c>
      <c r="EY16" s="277">
        <v>166</v>
      </c>
      <c r="EZ16" s="282">
        <v>186</v>
      </c>
    </row>
    <row r="17" spans="2:156" ht="21" customHeight="1" x14ac:dyDescent="0.2">
      <c r="B17" s="261" t="s">
        <v>15</v>
      </c>
      <c r="C17" s="276">
        <v>0</v>
      </c>
      <c r="D17" s="280">
        <v>0</v>
      </c>
      <c r="E17" s="382">
        <v>0</v>
      </c>
      <c r="F17" s="279">
        <v>0</v>
      </c>
      <c r="G17" s="280">
        <v>6</v>
      </c>
      <c r="H17" s="280">
        <v>5</v>
      </c>
      <c r="I17" s="280">
        <v>1</v>
      </c>
      <c r="J17" s="280">
        <v>1</v>
      </c>
      <c r="K17" s="280">
        <v>3</v>
      </c>
      <c r="L17" s="281">
        <v>16</v>
      </c>
      <c r="M17" s="282">
        <v>16</v>
      </c>
      <c r="N17" s="276">
        <v>0</v>
      </c>
      <c r="O17" s="280">
        <v>0</v>
      </c>
      <c r="P17" s="277">
        <v>0</v>
      </c>
      <c r="Q17" s="279">
        <v>0</v>
      </c>
      <c r="R17" s="280">
        <v>0</v>
      </c>
      <c r="S17" s="280">
        <v>0</v>
      </c>
      <c r="T17" s="280">
        <v>0</v>
      </c>
      <c r="U17" s="280">
        <v>0</v>
      </c>
      <c r="V17" s="280">
        <v>3</v>
      </c>
      <c r="W17" s="277">
        <v>3</v>
      </c>
      <c r="X17" s="282">
        <v>3</v>
      </c>
      <c r="Y17" s="276">
        <v>0</v>
      </c>
      <c r="Z17" s="280">
        <v>1</v>
      </c>
      <c r="AA17" s="277">
        <v>1</v>
      </c>
      <c r="AB17" s="279">
        <v>0</v>
      </c>
      <c r="AC17" s="280">
        <v>2</v>
      </c>
      <c r="AD17" s="280">
        <v>1</v>
      </c>
      <c r="AE17" s="280">
        <v>1</v>
      </c>
      <c r="AF17" s="280">
        <v>5</v>
      </c>
      <c r="AG17" s="280">
        <v>4</v>
      </c>
      <c r="AH17" s="277">
        <v>13</v>
      </c>
      <c r="AI17" s="282">
        <v>14</v>
      </c>
      <c r="AJ17" s="276">
        <v>0</v>
      </c>
      <c r="AK17" s="280">
        <v>0</v>
      </c>
      <c r="AL17" s="277">
        <v>0</v>
      </c>
      <c r="AM17" s="279">
        <v>0</v>
      </c>
      <c r="AN17" s="280">
        <v>0</v>
      </c>
      <c r="AO17" s="280">
        <v>0</v>
      </c>
      <c r="AP17" s="280">
        <v>0</v>
      </c>
      <c r="AQ17" s="280">
        <v>0</v>
      </c>
      <c r="AR17" s="280">
        <v>2</v>
      </c>
      <c r="AS17" s="277">
        <v>2</v>
      </c>
      <c r="AT17" s="282">
        <v>2</v>
      </c>
      <c r="AU17" s="276">
        <v>0</v>
      </c>
      <c r="AV17" s="280">
        <v>1</v>
      </c>
      <c r="AW17" s="277">
        <v>1</v>
      </c>
      <c r="AX17" s="279">
        <v>0</v>
      </c>
      <c r="AY17" s="280">
        <v>3</v>
      </c>
      <c r="AZ17" s="280">
        <v>8</v>
      </c>
      <c r="BA17" s="280">
        <v>3</v>
      </c>
      <c r="BB17" s="280">
        <v>5</v>
      </c>
      <c r="BC17" s="280">
        <v>5</v>
      </c>
      <c r="BD17" s="281">
        <v>24</v>
      </c>
      <c r="BE17" s="282">
        <v>25</v>
      </c>
      <c r="BF17" s="276">
        <v>0</v>
      </c>
      <c r="BG17" s="280">
        <v>0</v>
      </c>
      <c r="BH17" s="277">
        <v>0</v>
      </c>
      <c r="BI17" s="279">
        <v>0</v>
      </c>
      <c r="BJ17" s="280">
        <v>3</v>
      </c>
      <c r="BK17" s="280">
        <v>4</v>
      </c>
      <c r="BL17" s="280">
        <v>1</v>
      </c>
      <c r="BM17" s="280">
        <v>2</v>
      </c>
      <c r="BN17" s="280">
        <v>0</v>
      </c>
      <c r="BO17" s="277">
        <v>10</v>
      </c>
      <c r="BP17" s="282">
        <v>10</v>
      </c>
      <c r="BQ17" s="276">
        <v>0</v>
      </c>
      <c r="BR17" s="280">
        <v>0</v>
      </c>
      <c r="BS17" s="277">
        <v>0</v>
      </c>
      <c r="BT17" s="279">
        <v>0</v>
      </c>
      <c r="BU17" s="280">
        <v>1</v>
      </c>
      <c r="BV17" s="280">
        <v>2</v>
      </c>
      <c r="BW17" s="280">
        <v>1</v>
      </c>
      <c r="BX17" s="280">
        <v>3</v>
      </c>
      <c r="BY17" s="280">
        <v>2</v>
      </c>
      <c r="BZ17" s="277">
        <v>9</v>
      </c>
      <c r="CA17" s="282">
        <v>9</v>
      </c>
      <c r="CB17" s="276">
        <v>0</v>
      </c>
      <c r="CC17" s="280">
        <v>0</v>
      </c>
      <c r="CD17" s="277">
        <v>0</v>
      </c>
      <c r="CE17" s="279">
        <v>0</v>
      </c>
      <c r="CF17" s="280">
        <v>0</v>
      </c>
      <c r="CG17" s="280">
        <v>0</v>
      </c>
      <c r="CH17" s="280">
        <v>3</v>
      </c>
      <c r="CI17" s="280">
        <v>4</v>
      </c>
      <c r="CJ17" s="280">
        <v>1</v>
      </c>
      <c r="CK17" s="277">
        <v>8</v>
      </c>
      <c r="CL17" s="282">
        <v>8</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3</v>
      </c>
      <c r="DV17" s="277">
        <v>4</v>
      </c>
      <c r="DW17" s="279">
        <v>0</v>
      </c>
      <c r="DX17" s="280">
        <v>9</v>
      </c>
      <c r="DY17" s="280">
        <v>12</v>
      </c>
      <c r="DZ17" s="280">
        <v>4</v>
      </c>
      <c r="EA17" s="280">
        <v>7</v>
      </c>
      <c r="EB17" s="280">
        <v>6</v>
      </c>
      <c r="EC17" s="277">
        <v>38</v>
      </c>
      <c r="ED17" s="282">
        <v>42</v>
      </c>
      <c r="EE17" s="276">
        <v>1</v>
      </c>
      <c r="EF17" s="280">
        <v>1</v>
      </c>
      <c r="EG17" s="277">
        <v>2</v>
      </c>
      <c r="EH17" s="279">
        <v>0</v>
      </c>
      <c r="EI17" s="280">
        <v>5</v>
      </c>
      <c r="EJ17" s="280">
        <v>4</v>
      </c>
      <c r="EK17" s="280">
        <v>1</v>
      </c>
      <c r="EL17" s="280">
        <v>2</v>
      </c>
      <c r="EM17" s="280">
        <v>1</v>
      </c>
      <c r="EN17" s="277">
        <v>13</v>
      </c>
      <c r="EO17" s="282">
        <v>15</v>
      </c>
      <c r="EP17" s="276">
        <v>1</v>
      </c>
      <c r="EQ17" s="280">
        <v>4</v>
      </c>
      <c r="ER17" s="277">
        <v>5</v>
      </c>
      <c r="ES17" s="279">
        <v>0</v>
      </c>
      <c r="ET17" s="280">
        <v>16</v>
      </c>
      <c r="EU17" s="280">
        <v>15</v>
      </c>
      <c r="EV17" s="280">
        <v>5</v>
      </c>
      <c r="EW17" s="280">
        <v>8</v>
      </c>
      <c r="EX17" s="280">
        <v>7</v>
      </c>
      <c r="EY17" s="277">
        <v>51</v>
      </c>
      <c r="EZ17" s="282">
        <v>56</v>
      </c>
    </row>
    <row r="18" spans="2:156" ht="21" customHeight="1" x14ac:dyDescent="0.2">
      <c r="B18" s="261" t="s">
        <v>16</v>
      </c>
      <c r="C18" s="276">
        <v>0</v>
      </c>
      <c r="D18" s="280">
        <v>0</v>
      </c>
      <c r="E18" s="382">
        <v>0</v>
      </c>
      <c r="F18" s="279">
        <v>0</v>
      </c>
      <c r="G18" s="280">
        <v>11</v>
      </c>
      <c r="H18" s="280">
        <v>13</v>
      </c>
      <c r="I18" s="280">
        <v>5</v>
      </c>
      <c r="J18" s="280">
        <v>3</v>
      </c>
      <c r="K18" s="280">
        <v>1</v>
      </c>
      <c r="L18" s="281">
        <v>33</v>
      </c>
      <c r="M18" s="282">
        <v>33</v>
      </c>
      <c r="N18" s="276">
        <v>0</v>
      </c>
      <c r="O18" s="280">
        <v>0</v>
      </c>
      <c r="P18" s="277">
        <v>0</v>
      </c>
      <c r="Q18" s="279">
        <v>0</v>
      </c>
      <c r="R18" s="280">
        <v>0</v>
      </c>
      <c r="S18" s="280">
        <v>0</v>
      </c>
      <c r="T18" s="280">
        <v>2</v>
      </c>
      <c r="U18" s="280">
        <v>1</v>
      </c>
      <c r="V18" s="280">
        <v>1</v>
      </c>
      <c r="W18" s="277">
        <v>4</v>
      </c>
      <c r="X18" s="282">
        <v>4</v>
      </c>
      <c r="Y18" s="276">
        <v>4</v>
      </c>
      <c r="Z18" s="280">
        <v>2</v>
      </c>
      <c r="AA18" s="277">
        <v>6</v>
      </c>
      <c r="AB18" s="279">
        <v>0</v>
      </c>
      <c r="AC18" s="280">
        <v>10</v>
      </c>
      <c r="AD18" s="280">
        <v>16</v>
      </c>
      <c r="AE18" s="280">
        <v>8</v>
      </c>
      <c r="AF18" s="280">
        <v>6</v>
      </c>
      <c r="AG18" s="280">
        <v>5</v>
      </c>
      <c r="AH18" s="277">
        <v>45</v>
      </c>
      <c r="AI18" s="282">
        <v>51</v>
      </c>
      <c r="AJ18" s="276">
        <v>0</v>
      </c>
      <c r="AK18" s="280">
        <v>0</v>
      </c>
      <c r="AL18" s="277">
        <v>0</v>
      </c>
      <c r="AM18" s="279">
        <v>0</v>
      </c>
      <c r="AN18" s="280">
        <v>1</v>
      </c>
      <c r="AO18" s="280">
        <v>1</v>
      </c>
      <c r="AP18" s="280">
        <v>2</v>
      </c>
      <c r="AQ18" s="280">
        <v>2</v>
      </c>
      <c r="AR18" s="280">
        <v>0</v>
      </c>
      <c r="AS18" s="277">
        <v>6</v>
      </c>
      <c r="AT18" s="282">
        <v>6</v>
      </c>
      <c r="AU18" s="276">
        <v>2</v>
      </c>
      <c r="AV18" s="280">
        <v>1</v>
      </c>
      <c r="AW18" s="277">
        <v>3</v>
      </c>
      <c r="AX18" s="279">
        <v>0</v>
      </c>
      <c r="AY18" s="280">
        <v>14</v>
      </c>
      <c r="AZ18" s="280">
        <v>16</v>
      </c>
      <c r="BA18" s="280">
        <v>15</v>
      </c>
      <c r="BB18" s="280">
        <v>16</v>
      </c>
      <c r="BC18" s="280">
        <v>14</v>
      </c>
      <c r="BD18" s="281">
        <v>75</v>
      </c>
      <c r="BE18" s="282">
        <v>78</v>
      </c>
      <c r="BF18" s="276">
        <v>0</v>
      </c>
      <c r="BG18" s="280">
        <v>0</v>
      </c>
      <c r="BH18" s="277">
        <v>0</v>
      </c>
      <c r="BI18" s="279">
        <v>0</v>
      </c>
      <c r="BJ18" s="280">
        <v>22</v>
      </c>
      <c r="BK18" s="280">
        <v>22</v>
      </c>
      <c r="BL18" s="280">
        <v>9</v>
      </c>
      <c r="BM18" s="280">
        <v>2</v>
      </c>
      <c r="BN18" s="280">
        <v>2</v>
      </c>
      <c r="BO18" s="277">
        <v>57</v>
      </c>
      <c r="BP18" s="282">
        <v>57</v>
      </c>
      <c r="BQ18" s="276">
        <v>1</v>
      </c>
      <c r="BR18" s="280">
        <v>4</v>
      </c>
      <c r="BS18" s="277">
        <v>5</v>
      </c>
      <c r="BT18" s="279">
        <v>0</v>
      </c>
      <c r="BU18" s="280">
        <v>10</v>
      </c>
      <c r="BV18" s="280">
        <v>20</v>
      </c>
      <c r="BW18" s="280">
        <v>8</v>
      </c>
      <c r="BX18" s="280">
        <v>1</v>
      </c>
      <c r="BY18" s="280">
        <v>1</v>
      </c>
      <c r="BZ18" s="277">
        <v>40</v>
      </c>
      <c r="CA18" s="282">
        <v>45</v>
      </c>
      <c r="CB18" s="276">
        <v>0</v>
      </c>
      <c r="CC18" s="280">
        <v>0</v>
      </c>
      <c r="CD18" s="277">
        <v>0</v>
      </c>
      <c r="CE18" s="279">
        <v>0</v>
      </c>
      <c r="CF18" s="280">
        <v>4</v>
      </c>
      <c r="CG18" s="280">
        <v>4</v>
      </c>
      <c r="CH18" s="280">
        <v>4</v>
      </c>
      <c r="CI18" s="280">
        <v>1</v>
      </c>
      <c r="CJ18" s="280">
        <v>0</v>
      </c>
      <c r="CK18" s="277">
        <v>13</v>
      </c>
      <c r="CL18" s="282">
        <v>13</v>
      </c>
      <c r="CM18" s="276">
        <v>0</v>
      </c>
      <c r="CN18" s="280">
        <v>0</v>
      </c>
      <c r="CO18" s="277">
        <v>0</v>
      </c>
      <c r="CP18" s="279">
        <v>0</v>
      </c>
      <c r="CQ18" s="280">
        <v>1</v>
      </c>
      <c r="CR18" s="280">
        <v>0</v>
      </c>
      <c r="CS18" s="280">
        <v>1</v>
      </c>
      <c r="CT18" s="280">
        <v>0</v>
      </c>
      <c r="CU18" s="280">
        <v>0</v>
      </c>
      <c r="CV18" s="277">
        <v>2</v>
      </c>
      <c r="CW18" s="282">
        <v>2</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9</v>
      </c>
      <c r="DU18" s="280">
        <v>14</v>
      </c>
      <c r="DV18" s="277">
        <v>23</v>
      </c>
      <c r="DW18" s="279">
        <v>0</v>
      </c>
      <c r="DX18" s="280">
        <v>26</v>
      </c>
      <c r="DY18" s="280">
        <v>47</v>
      </c>
      <c r="DZ18" s="280">
        <v>28</v>
      </c>
      <c r="EA18" s="280">
        <v>10</v>
      </c>
      <c r="EB18" s="280">
        <v>10</v>
      </c>
      <c r="EC18" s="277">
        <v>121</v>
      </c>
      <c r="ED18" s="282">
        <v>144</v>
      </c>
      <c r="EE18" s="276">
        <v>2</v>
      </c>
      <c r="EF18" s="280">
        <v>1</v>
      </c>
      <c r="EG18" s="277">
        <v>3</v>
      </c>
      <c r="EH18" s="279">
        <v>0</v>
      </c>
      <c r="EI18" s="280">
        <v>11</v>
      </c>
      <c r="EJ18" s="280">
        <v>8</v>
      </c>
      <c r="EK18" s="280">
        <v>9</v>
      </c>
      <c r="EL18" s="280">
        <v>15</v>
      </c>
      <c r="EM18" s="280">
        <v>7</v>
      </c>
      <c r="EN18" s="277">
        <v>50</v>
      </c>
      <c r="EO18" s="282">
        <v>53</v>
      </c>
      <c r="EP18" s="276">
        <v>14</v>
      </c>
      <c r="EQ18" s="280">
        <v>19</v>
      </c>
      <c r="ER18" s="277">
        <v>33</v>
      </c>
      <c r="ES18" s="279">
        <v>0</v>
      </c>
      <c r="ET18" s="280">
        <v>53</v>
      </c>
      <c r="EU18" s="280">
        <v>64</v>
      </c>
      <c r="EV18" s="280">
        <v>34</v>
      </c>
      <c r="EW18" s="280">
        <v>11</v>
      </c>
      <c r="EX18" s="280">
        <v>9</v>
      </c>
      <c r="EY18" s="277">
        <v>171</v>
      </c>
      <c r="EZ18" s="282">
        <v>204</v>
      </c>
    </row>
    <row r="19" spans="2:156" ht="21" customHeight="1" x14ac:dyDescent="0.2">
      <c r="B19" s="261" t="s">
        <v>17</v>
      </c>
      <c r="C19" s="276">
        <v>0</v>
      </c>
      <c r="D19" s="280">
        <v>0</v>
      </c>
      <c r="E19" s="382">
        <v>0</v>
      </c>
      <c r="F19" s="279">
        <v>0</v>
      </c>
      <c r="G19" s="280">
        <v>11</v>
      </c>
      <c r="H19" s="280">
        <v>18</v>
      </c>
      <c r="I19" s="280">
        <v>20</v>
      </c>
      <c r="J19" s="280">
        <v>9</v>
      </c>
      <c r="K19" s="280">
        <v>5</v>
      </c>
      <c r="L19" s="281">
        <v>63</v>
      </c>
      <c r="M19" s="282">
        <v>63</v>
      </c>
      <c r="N19" s="276">
        <v>0</v>
      </c>
      <c r="O19" s="280">
        <v>0</v>
      </c>
      <c r="P19" s="277">
        <v>0</v>
      </c>
      <c r="Q19" s="279">
        <v>0</v>
      </c>
      <c r="R19" s="280">
        <v>0</v>
      </c>
      <c r="S19" s="280">
        <v>0</v>
      </c>
      <c r="T19" s="280">
        <v>2</v>
      </c>
      <c r="U19" s="280">
        <v>2</v>
      </c>
      <c r="V19" s="280">
        <v>3</v>
      </c>
      <c r="W19" s="277">
        <v>7</v>
      </c>
      <c r="X19" s="282">
        <v>7</v>
      </c>
      <c r="Y19" s="276">
        <v>3</v>
      </c>
      <c r="Z19" s="280">
        <v>5</v>
      </c>
      <c r="AA19" s="277">
        <v>8</v>
      </c>
      <c r="AB19" s="279">
        <v>0</v>
      </c>
      <c r="AC19" s="280">
        <v>16</v>
      </c>
      <c r="AD19" s="280">
        <v>20</v>
      </c>
      <c r="AE19" s="280">
        <v>17</v>
      </c>
      <c r="AF19" s="280">
        <v>8</v>
      </c>
      <c r="AG19" s="280">
        <v>7</v>
      </c>
      <c r="AH19" s="277">
        <v>68</v>
      </c>
      <c r="AI19" s="282">
        <v>76</v>
      </c>
      <c r="AJ19" s="276">
        <v>1</v>
      </c>
      <c r="AK19" s="280">
        <v>1</v>
      </c>
      <c r="AL19" s="277">
        <v>2</v>
      </c>
      <c r="AM19" s="279">
        <v>0</v>
      </c>
      <c r="AN19" s="280">
        <v>1</v>
      </c>
      <c r="AO19" s="280">
        <v>0</v>
      </c>
      <c r="AP19" s="280">
        <v>1</v>
      </c>
      <c r="AQ19" s="280">
        <v>5</v>
      </c>
      <c r="AR19" s="280">
        <v>0</v>
      </c>
      <c r="AS19" s="277">
        <v>7</v>
      </c>
      <c r="AT19" s="282">
        <v>9</v>
      </c>
      <c r="AU19" s="276">
        <v>4</v>
      </c>
      <c r="AV19" s="280">
        <v>4</v>
      </c>
      <c r="AW19" s="277">
        <v>8</v>
      </c>
      <c r="AX19" s="279">
        <v>0</v>
      </c>
      <c r="AY19" s="280">
        <v>18</v>
      </c>
      <c r="AZ19" s="280">
        <v>22</v>
      </c>
      <c r="BA19" s="280">
        <v>25</v>
      </c>
      <c r="BB19" s="280">
        <v>28</v>
      </c>
      <c r="BC19" s="280">
        <v>22</v>
      </c>
      <c r="BD19" s="281">
        <v>115</v>
      </c>
      <c r="BE19" s="282">
        <v>123</v>
      </c>
      <c r="BF19" s="276">
        <v>0</v>
      </c>
      <c r="BG19" s="280">
        <v>0</v>
      </c>
      <c r="BH19" s="277">
        <v>0</v>
      </c>
      <c r="BI19" s="279">
        <v>0</v>
      </c>
      <c r="BJ19" s="280">
        <v>17</v>
      </c>
      <c r="BK19" s="280">
        <v>31</v>
      </c>
      <c r="BL19" s="280">
        <v>13</v>
      </c>
      <c r="BM19" s="280">
        <v>10</v>
      </c>
      <c r="BN19" s="280">
        <v>2</v>
      </c>
      <c r="BO19" s="277">
        <v>73</v>
      </c>
      <c r="BP19" s="282">
        <v>73</v>
      </c>
      <c r="BQ19" s="276">
        <v>3</v>
      </c>
      <c r="BR19" s="280">
        <v>5</v>
      </c>
      <c r="BS19" s="277">
        <v>8</v>
      </c>
      <c r="BT19" s="279">
        <v>0</v>
      </c>
      <c r="BU19" s="280">
        <v>7</v>
      </c>
      <c r="BV19" s="280">
        <v>12</v>
      </c>
      <c r="BW19" s="280">
        <v>8</v>
      </c>
      <c r="BX19" s="280">
        <v>4</v>
      </c>
      <c r="BY19" s="280">
        <v>1</v>
      </c>
      <c r="BZ19" s="277">
        <v>32</v>
      </c>
      <c r="CA19" s="282">
        <v>40</v>
      </c>
      <c r="CB19" s="276">
        <v>0</v>
      </c>
      <c r="CC19" s="280">
        <v>0</v>
      </c>
      <c r="CD19" s="277">
        <v>0</v>
      </c>
      <c r="CE19" s="279">
        <v>0</v>
      </c>
      <c r="CF19" s="280">
        <v>2</v>
      </c>
      <c r="CG19" s="280">
        <v>6</v>
      </c>
      <c r="CH19" s="280">
        <v>5</v>
      </c>
      <c r="CI19" s="280">
        <v>5</v>
      </c>
      <c r="CJ19" s="280">
        <v>2</v>
      </c>
      <c r="CK19" s="277">
        <v>20</v>
      </c>
      <c r="CL19" s="282">
        <v>20</v>
      </c>
      <c r="CM19" s="276">
        <v>0</v>
      </c>
      <c r="CN19" s="280">
        <v>0</v>
      </c>
      <c r="CO19" s="277">
        <v>0</v>
      </c>
      <c r="CP19" s="279">
        <v>0</v>
      </c>
      <c r="CQ19" s="280">
        <v>2</v>
      </c>
      <c r="CR19" s="280">
        <v>1</v>
      </c>
      <c r="CS19" s="280">
        <v>1</v>
      </c>
      <c r="CT19" s="280">
        <v>0</v>
      </c>
      <c r="CU19" s="280">
        <v>1</v>
      </c>
      <c r="CV19" s="277">
        <v>5</v>
      </c>
      <c r="CW19" s="282">
        <v>5</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4</v>
      </c>
      <c r="DU19" s="280">
        <v>21</v>
      </c>
      <c r="DV19" s="277">
        <v>35</v>
      </c>
      <c r="DW19" s="279">
        <v>0</v>
      </c>
      <c r="DX19" s="280">
        <v>28</v>
      </c>
      <c r="DY19" s="280">
        <v>66</v>
      </c>
      <c r="DZ19" s="280">
        <v>51</v>
      </c>
      <c r="EA19" s="280">
        <v>23</v>
      </c>
      <c r="EB19" s="280">
        <v>17</v>
      </c>
      <c r="EC19" s="277">
        <v>185</v>
      </c>
      <c r="ED19" s="282">
        <v>220</v>
      </c>
      <c r="EE19" s="276">
        <v>2</v>
      </c>
      <c r="EF19" s="280">
        <v>2</v>
      </c>
      <c r="EG19" s="277">
        <v>4</v>
      </c>
      <c r="EH19" s="279">
        <v>0</v>
      </c>
      <c r="EI19" s="280">
        <v>13</v>
      </c>
      <c r="EJ19" s="280">
        <v>7</v>
      </c>
      <c r="EK19" s="280">
        <v>8</v>
      </c>
      <c r="EL19" s="280">
        <v>15</v>
      </c>
      <c r="EM19" s="280">
        <v>8</v>
      </c>
      <c r="EN19" s="277">
        <v>51</v>
      </c>
      <c r="EO19" s="282">
        <v>55</v>
      </c>
      <c r="EP19" s="276">
        <v>19</v>
      </c>
      <c r="EQ19" s="280">
        <v>26</v>
      </c>
      <c r="ER19" s="277">
        <v>45</v>
      </c>
      <c r="ES19" s="279">
        <v>0</v>
      </c>
      <c r="ET19" s="280">
        <v>59</v>
      </c>
      <c r="EU19" s="280">
        <v>88</v>
      </c>
      <c r="EV19" s="280">
        <v>61</v>
      </c>
      <c r="EW19" s="280">
        <v>27</v>
      </c>
      <c r="EX19" s="280">
        <v>18</v>
      </c>
      <c r="EY19" s="277">
        <v>253</v>
      </c>
      <c r="EZ19" s="282">
        <v>298</v>
      </c>
    </row>
    <row r="20" spans="2:156" ht="21" customHeight="1" x14ac:dyDescent="0.2">
      <c r="B20" s="261" t="s">
        <v>18</v>
      </c>
      <c r="C20" s="276">
        <v>0</v>
      </c>
      <c r="D20" s="280">
        <v>0</v>
      </c>
      <c r="E20" s="382">
        <v>0</v>
      </c>
      <c r="F20" s="279">
        <v>0</v>
      </c>
      <c r="G20" s="280">
        <v>26</v>
      </c>
      <c r="H20" s="280">
        <v>30</v>
      </c>
      <c r="I20" s="280">
        <v>11</v>
      </c>
      <c r="J20" s="280">
        <v>13</v>
      </c>
      <c r="K20" s="280">
        <v>10</v>
      </c>
      <c r="L20" s="281">
        <v>90</v>
      </c>
      <c r="M20" s="282">
        <v>90</v>
      </c>
      <c r="N20" s="276">
        <v>0</v>
      </c>
      <c r="O20" s="280">
        <v>0</v>
      </c>
      <c r="P20" s="277">
        <v>0</v>
      </c>
      <c r="Q20" s="279">
        <v>0</v>
      </c>
      <c r="R20" s="280">
        <v>0</v>
      </c>
      <c r="S20" s="280">
        <v>0</v>
      </c>
      <c r="T20" s="280">
        <v>2</v>
      </c>
      <c r="U20" s="280">
        <v>3</v>
      </c>
      <c r="V20" s="280">
        <v>4</v>
      </c>
      <c r="W20" s="277">
        <v>9</v>
      </c>
      <c r="X20" s="282">
        <v>9</v>
      </c>
      <c r="Y20" s="276">
        <v>6</v>
      </c>
      <c r="Z20" s="280">
        <v>6</v>
      </c>
      <c r="AA20" s="277">
        <v>12</v>
      </c>
      <c r="AB20" s="279">
        <v>0</v>
      </c>
      <c r="AC20" s="280">
        <v>21</v>
      </c>
      <c r="AD20" s="280">
        <v>28</v>
      </c>
      <c r="AE20" s="280">
        <v>15</v>
      </c>
      <c r="AF20" s="280">
        <v>13</v>
      </c>
      <c r="AG20" s="280">
        <v>13</v>
      </c>
      <c r="AH20" s="277">
        <v>90</v>
      </c>
      <c r="AI20" s="282">
        <v>102</v>
      </c>
      <c r="AJ20" s="276">
        <v>1</v>
      </c>
      <c r="AK20" s="280">
        <v>0</v>
      </c>
      <c r="AL20" s="277">
        <v>1</v>
      </c>
      <c r="AM20" s="279">
        <v>0</v>
      </c>
      <c r="AN20" s="280">
        <v>4</v>
      </c>
      <c r="AO20" s="280">
        <v>4</v>
      </c>
      <c r="AP20" s="280">
        <v>2</v>
      </c>
      <c r="AQ20" s="280">
        <v>1</v>
      </c>
      <c r="AR20" s="280">
        <v>1</v>
      </c>
      <c r="AS20" s="277">
        <v>12</v>
      </c>
      <c r="AT20" s="282">
        <v>13</v>
      </c>
      <c r="AU20" s="276">
        <v>4</v>
      </c>
      <c r="AV20" s="280">
        <v>5</v>
      </c>
      <c r="AW20" s="277">
        <v>9</v>
      </c>
      <c r="AX20" s="279">
        <v>0</v>
      </c>
      <c r="AY20" s="280">
        <v>32</v>
      </c>
      <c r="AZ20" s="280">
        <v>28</v>
      </c>
      <c r="BA20" s="280">
        <v>31</v>
      </c>
      <c r="BB20" s="280">
        <v>25</v>
      </c>
      <c r="BC20" s="280">
        <v>29</v>
      </c>
      <c r="BD20" s="281">
        <v>145</v>
      </c>
      <c r="BE20" s="282">
        <v>154</v>
      </c>
      <c r="BF20" s="276">
        <v>0</v>
      </c>
      <c r="BG20" s="280">
        <v>0</v>
      </c>
      <c r="BH20" s="277">
        <v>0</v>
      </c>
      <c r="BI20" s="279">
        <v>0</v>
      </c>
      <c r="BJ20" s="280">
        <v>32</v>
      </c>
      <c r="BK20" s="280">
        <v>51</v>
      </c>
      <c r="BL20" s="280">
        <v>16</v>
      </c>
      <c r="BM20" s="280">
        <v>10</v>
      </c>
      <c r="BN20" s="280">
        <v>5</v>
      </c>
      <c r="BO20" s="277">
        <v>114</v>
      </c>
      <c r="BP20" s="282">
        <v>114</v>
      </c>
      <c r="BQ20" s="276">
        <v>6</v>
      </c>
      <c r="BR20" s="280">
        <v>3</v>
      </c>
      <c r="BS20" s="277">
        <v>9</v>
      </c>
      <c r="BT20" s="279">
        <v>0</v>
      </c>
      <c r="BU20" s="280">
        <v>10</v>
      </c>
      <c r="BV20" s="280">
        <v>13</v>
      </c>
      <c r="BW20" s="280">
        <v>4</v>
      </c>
      <c r="BX20" s="280">
        <v>7</v>
      </c>
      <c r="BY20" s="280">
        <v>4</v>
      </c>
      <c r="BZ20" s="277">
        <v>38</v>
      </c>
      <c r="CA20" s="282">
        <v>47</v>
      </c>
      <c r="CB20" s="276">
        <v>0</v>
      </c>
      <c r="CC20" s="280">
        <v>0</v>
      </c>
      <c r="CD20" s="277">
        <v>0</v>
      </c>
      <c r="CE20" s="279">
        <v>0</v>
      </c>
      <c r="CF20" s="280">
        <v>2</v>
      </c>
      <c r="CG20" s="280">
        <v>8</v>
      </c>
      <c r="CH20" s="280">
        <v>7</v>
      </c>
      <c r="CI20" s="280">
        <v>5</v>
      </c>
      <c r="CJ20" s="280">
        <v>3</v>
      </c>
      <c r="CK20" s="277">
        <v>25</v>
      </c>
      <c r="CL20" s="282">
        <v>25</v>
      </c>
      <c r="CM20" s="276">
        <v>0</v>
      </c>
      <c r="CN20" s="280">
        <v>0</v>
      </c>
      <c r="CO20" s="277">
        <v>0</v>
      </c>
      <c r="CP20" s="279">
        <v>0</v>
      </c>
      <c r="CQ20" s="280">
        <v>0</v>
      </c>
      <c r="CR20" s="280">
        <v>1</v>
      </c>
      <c r="CS20" s="280">
        <v>0</v>
      </c>
      <c r="CT20" s="280">
        <v>0</v>
      </c>
      <c r="CU20" s="280">
        <v>0</v>
      </c>
      <c r="CV20" s="277">
        <v>1</v>
      </c>
      <c r="CW20" s="282">
        <v>1</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2</v>
      </c>
      <c r="DU20" s="280">
        <v>23</v>
      </c>
      <c r="DV20" s="277">
        <v>35</v>
      </c>
      <c r="DW20" s="279">
        <v>0</v>
      </c>
      <c r="DX20" s="280">
        <v>43</v>
      </c>
      <c r="DY20" s="280">
        <v>65</v>
      </c>
      <c r="DZ20" s="280">
        <v>45</v>
      </c>
      <c r="EA20" s="280">
        <v>28</v>
      </c>
      <c r="EB20" s="280">
        <v>22</v>
      </c>
      <c r="EC20" s="277">
        <v>203</v>
      </c>
      <c r="ED20" s="282">
        <v>238</v>
      </c>
      <c r="EE20" s="276">
        <v>3</v>
      </c>
      <c r="EF20" s="280">
        <v>3</v>
      </c>
      <c r="EG20" s="277">
        <v>6</v>
      </c>
      <c r="EH20" s="279">
        <v>0</v>
      </c>
      <c r="EI20" s="280">
        <v>13</v>
      </c>
      <c r="EJ20" s="280">
        <v>16</v>
      </c>
      <c r="EK20" s="280">
        <v>6</v>
      </c>
      <c r="EL20" s="280">
        <v>11</v>
      </c>
      <c r="EM20" s="280">
        <v>13</v>
      </c>
      <c r="EN20" s="277">
        <v>59</v>
      </c>
      <c r="EO20" s="282">
        <v>65</v>
      </c>
      <c r="EP20" s="276">
        <v>21</v>
      </c>
      <c r="EQ20" s="280">
        <v>27</v>
      </c>
      <c r="ER20" s="277">
        <v>48</v>
      </c>
      <c r="ES20" s="279">
        <v>0</v>
      </c>
      <c r="ET20" s="280">
        <v>91</v>
      </c>
      <c r="EU20" s="280">
        <v>105</v>
      </c>
      <c r="EV20" s="280">
        <v>53</v>
      </c>
      <c r="EW20" s="280">
        <v>34</v>
      </c>
      <c r="EX20" s="280">
        <v>20</v>
      </c>
      <c r="EY20" s="277">
        <v>303</v>
      </c>
      <c r="EZ20" s="282">
        <v>351</v>
      </c>
    </row>
    <row r="21" spans="2:156" ht="21" customHeight="1" x14ac:dyDescent="0.2">
      <c r="B21" s="261" t="s">
        <v>19</v>
      </c>
      <c r="C21" s="276">
        <v>0</v>
      </c>
      <c r="D21" s="280">
        <v>0</v>
      </c>
      <c r="E21" s="382">
        <v>0</v>
      </c>
      <c r="F21" s="279">
        <v>0</v>
      </c>
      <c r="G21" s="280">
        <v>5</v>
      </c>
      <c r="H21" s="280">
        <v>9</v>
      </c>
      <c r="I21" s="280">
        <v>4</v>
      </c>
      <c r="J21" s="280">
        <v>5</v>
      </c>
      <c r="K21" s="280">
        <v>5</v>
      </c>
      <c r="L21" s="281">
        <v>28</v>
      </c>
      <c r="M21" s="282">
        <v>28</v>
      </c>
      <c r="N21" s="276">
        <v>0</v>
      </c>
      <c r="O21" s="280">
        <v>0</v>
      </c>
      <c r="P21" s="277">
        <v>0</v>
      </c>
      <c r="Q21" s="279">
        <v>0</v>
      </c>
      <c r="R21" s="280">
        <v>0</v>
      </c>
      <c r="S21" s="280">
        <v>1</v>
      </c>
      <c r="T21" s="280">
        <v>1</v>
      </c>
      <c r="U21" s="280">
        <v>1</v>
      </c>
      <c r="V21" s="280">
        <v>3</v>
      </c>
      <c r="W21" s="277">
        <v>6</v>
      </c>
      <c r="X21" s="282">
        <v>6</v>
      </c>
      <c r="Y21" s="276">
        <v>2</v>
      </c>
      <c r="Z21" s="280">
        <v>2</v>
      </c>
      <c r="AA21" s="277">
        <v>4</v>
      </c>
      <c r="AB21" s="279">
        <v>0</v>
      </c>
      <c r="AC21" s="280">
        <v>11</v>
      </c>
      <c r="AD21" s="280">
        <v>9</v>
      </c>
      <c r="AE21" s="280">
        <v>6</v>
      </c>
      <c r="AF21" s="280">
        <v>10</v>
      </c>
      <c r="AG21" s="280">
        <v>4</v>
      </c>
      <c r="AH21" s="277">
        <v>40</v>
      </c>
      <c r="AI21" s="282">
        <v>44</v>
      </c>
      <c r="AJ21" s="276">
        <v>1</v>
      </c>
      <c r="AK21" s="280">
        <v>0</v>
      </c>
      <c r="AL21" s="277">
        <v>1</v>
      </c>
      <c r="AM21" s="279">
        <v>0</v>
      </c>
      <c r="AN21" s="280">
        <v>2</v>
      </c>
      <c r="AO21" s="280">
        <v>0</v>
      </c>
      <c r="AP21" s="280">
        <v>1</v>
      </c>
      <c r="AQ21" s="280">
        <v>1</v>
      </c>
      <c r="AR21" s="280">
        <v>0</v>
      </c>
      <c r="AS21" s="277">
        <v>4</v>
      </c>
      <c r="AT21" s="282">
        <v>5</v>
      </c>
      <c r="AU21" s="276">
        <v>1</v>
      </c>
      <c r="AV21" s="280">
        <v>2</v>
      </c>
      <c r="AW21" s="277">
        <v>3</v>
      </c>
      <c r="AX21" s="279">
        <v>0</v>
      </c>
      <c r="AY21" s="280">
        <v>13</v>
      </c>
      <c r="AZ21" s="280">
        <v>17</v>
      </c>
      <c r="BA21" s="280">
        <v>12</v>
      </c>
      <c r="BB21" s="280">
        <v>14</v>
      </c>
      <c r="BC21" s="280">
        <v>10</v>
      </c>
      <c r="BD21" s="281">
        <v>66</v>
      </c>
      <c r="BE21" s="282">
        <v>69</v>
      </c>
      <c r="BF21" s="276">
        <v>0</v>
      </c>
      <c r="BG21" s="280">
        <v>0</v>
      </c>
      <c r="BH21" s="277">
        <v>0</v>
      </c>
      <c r="BI21" s="279">
        <v>0</v>
      </c>
      <c r="BJ21" s="280">
        <v>10</v>
      </c>
      <c r="BK21" s="280">
        <v>11</v>
      </c>
      <c r="BL21" s="280">
        <v>4</v>
      </c>
      <c r="BM21" s="280">
        <v>4</v>
      </c>
      <c r="BN21" s="280">
        <v>3</v>
      </c>
      <c r="BO21" s="277">
        <v>32</v>
      </c>
      <c r="BP21" s="282">
        <v>32</v>
      </c>
      <c r="BQ21" s="276">
        <v>0</v>
      </c>
      <c r="BR21" s="280">
        <v>6</v>
      </c>
      <c r="BS21" s="277">
        <v>6</v>
      </c>
      <c r="BT21" s="279">
        <v>0</v>
      </c>
      <c r="BU21" s="280">
        <v>8</v>
      </c>
      <c r="BV21" s="280">
        <v>3</v>
      </c>
      <c r="BW21" s="280">
        <v>4</v>
      </c>
      <c r="BX21" s="280">
        <v>5</v>
      </c>
      <c r="BY21" s="280">
        <v>1</v>
      </c>
      <c r="BZ21" s="277">
        <v>21</v>
      </c>
      <c r="CA21" s="282">
        <v>27</v>
      </c>
      <c r="CB21" s="276">
        <v>0</v>
      </c>
      <c r="CC21" s="280">
        <v>1</v>
      </c>
      <c r="CD21" s="277">
        <v>1</v>
      </c>
      <c r="CE21" s="279">
        <v>0</v>
      </c>
      <c r="CF21" s="280">
        <v>1</v>
      </c>
      <c r="CG21" s="280">
        <v>4</v>
      </c>
      <c r="CH21" s="280">
        <v>1</v>
      </c>
      <c r="CI21" s="280">
        <v>1</v>
      </c>
      <c r="CJ21" s="280">
        <v>2</v>
      </c>
      <c r="CK21" s="277">
        <v>9</v>
      </c>
      <c r="CL21" s="282">
        <v>10</v>
      </c>
      <c r="CM21" s="276">
        <v>0</v>
      </c>
      <c r="CN21" s="280">
        <v>0</v>
      </c>
      <c r="CO21" s="277">
        <v>0</v>
      </c>
      <c r="CP21" s="279">
        <v>0</v>
      </c>
      <c r="CQ21" s="280">
        <v>0</v>
      </c>
      <c r="CR21" s="280">
        <v>1</v>
      </c>
      <c r="CS21" s="280">
        <v>1</v>
      </c>
      <c r="CT21" s="280">
        <v>2</v>
      </c>
      <c r="CU21" s="280">
        <v>0</v>
      </c>
      <c r="CV21" s="277">
        <v>4</v>
      </c>
      <c r="CW21" s="282">
        <v>4</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5</v>
      </c>
      <c r="DU21" s="280">
        <v>9</v>
      </c>
      <c r="DV21" s="277">
        <v>14</v>
      </c>
      <c r="DW21" s="279">
        <v>0</v>
      </c>
      <c r="DX21" s="280">
        <v>16</v>
      </c>
      <c r="DY21" s="280">
        <v>24</v>
      </c>
      <c r="DZ21" s="280">
        <v>15</v>
      </c>
      <c r="EA21" s="280">
        <v>13</v>
      </c>
      <c r="EB21" s="280">
        <v>9</v>
      </c>
      <c r="EC21" s="277">
        <v>77</v>
      </c>
      <c r="ED21" s="282">
        <v>91</v>
      </c>
      <c r="EE21" s="276">
        <v>0</v>
      </c>
      <c r="EF21" s="280">
        <v>2</v>
      </c>
      <c r="EG21" s="277">
        <v>2</v>
      </c>
      <c r="EH21" s="279">
        <v>0</v>
      </c>
      <c r="EI21" s="280">
        <v>7</v>
      </c>
      <c r="EJ21" s="280">
        <v>9</v>
      </c>
      <c r="EK21" s="280">
        <v>3</v>
      </c>
      <c r="EL21" s="280">
        <v>4</v>
      </c>
      <c r="EM21" s="280">
        <v>1</v>
      </c>
      <c r="EN21" s="277">
        <v>24</v>
      </c>
      <c r="EO21" s="282">
        <v>26</v>
      </c>
      <c r="EP21" s="276">
        <v>7</v>
      </c>
      <c r="EQ21" s="280">
        <v>13</v>
      </c>
      <c r="ER21" s="277">
        <v>20</v>
      </c>
      <c r="ES21" s="279">
        <v>0</v>
      </c>
      <c r="ET21" s="280">
        <v>38</v>
      </c>
      <c r="EU21" s="280">
        <v>35</v>
      </c>
      <c r="EV21" s="280">
        <v>15</v>
      </c>
      <c r="EW21" s="280">
        <v>16</v>
      </c>
      <c r="EX21" s="280">
        <v>9</v>
      </c>
      <c r="EY21" s="277">
        <v>113</v>
      </c>
      <c r="EZ21" s="282">
        <v>133</v>
      </c>
    </row>
    <row r="22" spans="2:156" ht="21" customHeight="1" x14ac:dyDescent="0.2">
      <c r="B22" s="261" t="s">
        <v>20</v>
      </c>
      <c r="C22" s="276">
        <v>0</v>
      </c>
      <c r="D22" s="280">
        <v>0</v>
      </c>
      <c r="E22" s="382">
        <v>0</v>
      </c>
      <c r="F22" s="279">
        <v>0</v>
      </c>
      <c r="G22" s="280">
        <v>10</v>
      </c>
      <c r="H22" s="280">
        <v>9</v>
      </c>
      <c r="I22" s="280">
        <v>9</v>
      </c>
      <c r="J22" s="280">
        <v>5</v>
      </c>
      <c r="K22" s="280">
        <v>3</v>
      </c>
      <c r="L22" s="281">
        <v>36</v>
      </c>
      <c r="M22" s="282">
        <v>36</v>
      </c>
      <c r="N22" s="276">
        <v>0</v>
      </c>
      <c r="O22" s="280">
        <v>0</v>
      </c>
      <c r="P22" s="277">
        <v>0</v>
      </c>
      <c r="Q22" s="279">
        <v>0</v>
      </c>
      <c r="R22" s="280">
        <v>0</v>
      </c>
      <c r="S22" s="280">
        <v>1</v>
      </c>
      <c r="T22" s="280">
        <v>0</v>
      </c>
      <c r="U22" s="280">
        <v>2</v>
      </c>
      <c r="V22" s="280">
        <v>1</v>
      </c>
      <c r="W22" s="277">
        <v>4</v>
      </c>
      <c r="X22" s="282">
        <v>4</v>
      </c>
      <c r="Y22" s="276">
        <v>5</v>
      </c>
      <c r="Z22" s="280">
        <v>6</v>
      </c>
      <c r="AA22" s="277">
        <v>11</v>
      </c>
      <c r="AB22" s="279">
        <v>0</v>
      </c>
      <c r="AC22" s="280">
        <v>13</v>
      </c>
      <c r="AD22" s="280">
        <v>15</v>
      </c>
      <c r="AE22" s="280">
        <v>11</v>
      </c>
      <c r="AF22" s="280">
        <v>5</v>
      </c>
      <c r="AG22" s="280">
        <v>2</v>
      </c>
      <c r="AH22" s="277">
        <v>46</v>
      </c>
      <c r="AI22" s="282">
        <v>57</v>
      </c>
      <c r="AJ22" s="276">
        <v>0</v>
      </c>
      <c r="AK22" s="280">
        <v>3</v>
      </c>
      <c r="AL22" s="277">
        <v>3</v>
      </c>
      <c r="AM22" s="279">
        <v>0</v>
      </c>
      <c r="AN22" s="280">
        <v>5</v>
      </c>
      <c r="AO22" s="280">
        <v>6</v>
      </c>
      <c r="AP22" s="280">
        <v>2</v>
      </c>
      <c r="AQ22" s="280">
        <v>2</v>
      </c>
      <c r="AR22" s="280">
        <v>1</v>
      </c>
      <c r="AS22" s="277">
        <v>16</v>
      </c>
      <c r="AT22" s="282">
        <v>19</v>
      </c>
      <c r="AU22" s="276">
        <v>4</v>
      </c>
      <c r="AV22" s="280">
        <v>1</v>
      </c>
      <c r="AW22" s="277">
        <v>5</v>
      </c>
      <c r="AX22" s="279">
        <v>0</v>
      </c>
      <c r="AY22" s="280">
        <v>11</v>
      </c>
      <c r="AZ22" s="280">
        <v>14</v>
      </c>
      <c r="BA22" s="280">
        <v>11</v>
      </c>
      <c r="BB22" s="280">
        <v>12</v>
      </c>
      <c r="BC22" s="280">
        <v>9</v>
      </c>
      <c r="BD22" s="281">
        <v>57</v>
      </c>
      <c r="BE22" s="282">
        <v>62</v>
      </c>
      <c r="BF22" s="276">
        <v>0</v>
      </c>
      <c r="BG22" s="280">
        <v>0</v>
      </c>
      <c r="BH22" s="277">
        <v>0</v>
      </c>
      <c r="BI22" s="279">
        <v>0</v>
      </c>
      <c r="BJ22" s="280">
        <v>13</v>
      </c>
      <c r="BK22" s="280">
        <v>12</v>
      </c>
      <c r="BL22" s="280">
        <v>11</v>
      </c>
      <c r="BM22" s="280">
        <v>4</v>
      </c>
      <c r="BN22" s="280">
        <v>3</v>
      </c>
      <c r="BO22" s="277">
        <v>43</v>
      </c>
      <c r="BP22" s="282">
        <v>43</v>
      </c>
      <c r="BQ22" s="276">
        <v>0</v>
      </c>
      <c r="BR22" s="280">
        <v>3</v>
      </c>
      <c r="BS22" s="277">
        <v>3</v>
      </c>
      <c r="BT22" s="279">
        <v>0</v>
      </c>
      <c r="BU22" s="280">
        <v>8</v>
      </c>
      <c r="BV22" s="280">
        <v>15</v>
      </c>
      <c r="BW22" s="280">
        <v>4</v>
      </c>
      <c r="BX22" s="280">
        <v>6</v>
      </c>
      <c r="BY22" s="280">
        <v>3</v>
      </c>
      <c r="BZ22" s="277">
        <v>36</v>
      </c>
      <c r="CA22" s="282">
        <v>39</v>
      </c>
      <c r="CB22" s="276">
        <v>0</v>
      </c>
      <c r="CC22" s="280">
        <v>0</v>
      </c>
      <c r="CD22" s="277">
        <v>0</v>
      </c>
      <c r="CE22" s="279">
        <v>0</v>
      </c>
      <c r="CF22" s="280">
        <v>6</v>
      </c>
      <c r="CG22" s="280">
        <v>1</v>
      </c>
      <c r="CH22" s="280">
        <v>4</v>
      </c>
      <c r="CI22" s="280">
        <v>3</v>
      </c>
      <c r="CJ22" s="280">
        <v>0</v>
      </c>
      <c r="CK22" s="277">
        <v>14</v>
      </c>
      <c r="CL22" s="282">
        <v>14</v>
      </c>
      <c r="CM22" s="276">
        <v>0</v>
      </c>
      <c r="CN22" s="280">
        <v>0</v>
      </c>
      <c r="CO22" s="277">
        <v>0</v>
      </c>
      <c r="CP22" s="279">
        <v>0</v>
      </c>
      <c r="CQ22" s="280">
        <v>0</v>
      </c>
      <c r="CR22" s="280">
        <v>0</v>
      </c>
      <c r="CS22" s="280">
        <v>0</v>
      </c>
      <c r="CT22" s="280">
        <v>1</v>
      </c>
      <c r="CU22" s="280">
        <v>1</v>
      </c>
      <c r="CV22" s="277">
        <v>2</v>
      </c>
      <c r="CW22" s="282">
        <v>2</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9</v>
      </c>
      <c r="DU22" s="280">
        <v>24</v>
      </c>
      <c r="DV22" s="277">
        <v>33</v>
      </c>
      <c r="DW22" s="279">
        <v>0</v>
      </c>
      <c r="DX22" s="280">
        <v>26</v>
      </c>
      <c r="DY22" s="280">
        <v>29</v>
      </c>
      <c r="DZ22" s="280">
        <v>21</v>
      </c>
      <c r="EA22" s="280">
        <v>12</v>
      </c>
      <c r="EB22" s="280">
        <v>7</v>
      </c>
      <c r="EC22" s="277">
        <v>95</v>
      </c>
      <c r="ED22" s="282">
        <v>128</v>
      </c>
      <c r="EE22" s="276">
        <v>3</v>
      </c>
      <c r="EF22" s="280">
        <v>1</v>
      </c>
      <c r="EG22" s="277">
        <v>4</v>
      </c>
      <c r="EH22" s="279">
        <v>0</v>
      </c>
      <c r="EI22" s="280">
        <v>1</v>
      </c>
      <c r="EJ22" s="280">
        <v>4</v>
      </c>
      <c r="EK22" s="280">
        <v>4</v>
      </c>
      <c r="EL22" s="280">
        <v>7</v>
      </c>
      <c r="EM22" s="280">
        <v>3</v>
      </c>
      <c r="EN22" s="277">
        <v>19</v>
      </c>
      <c r="EO22" s="282">
        <v>23</v>
      </c>
      <c r="EP22" s="276">
        <v>13</v>
      </c>
      <c r="EQ22" s="280">
        <v>26</v>
      </c>
      <c r="ER22" s="277">
        <v>39</v>
      </c>
      <c r="ES22" s="279">
        <v>0</v>
      </c>
      <c r="ET22" s="280">
        <v>49</v>
      </c>
      <c r="EU22" s="280">
        <v>47</v>
      </c>
      <c r="EV22" s="280">
        <v>26</v>
      </c>
      <c r="EW22" s="280">
        <v>15</v>
      </c>
      <c r="EX22" s="280">
        <v>7</v>
      </c>
      <c r="EY22" s="277">
        <v>144</v>
      </c>
      <c r="EZ22" s="282">
        <v>183</v>
      </c>
    </row>
    <row r="23" spans="2:156" ht="21" customHeight="1" x14ac:dyDescent="0.2">
      <c r="B23" s="261" t="s">
        <v>21</v>
      </c>
      <c r="C23" s="276">
        <v>0</v>
      </c>
      <c r="D23" s="280">
        <v>0</v>
      </c>
      <c r="E23" s="382">
        <v>0</v>
      </c>
      <c r="F23" s="279">
        <v>0</v>
      </c>
      <c r="G23" s="280">
        <v>12</v>
      </c>
      <c r="H23" s="280">
        <v>10</v>
      </c>
      <c r="I23" s="280">
        <v>7</v>
      </c>
      <c r="J23" s="280">
        <v>5</v>
      </c>
      <c r="K23" s="280">
        <v>6</v>
      </c>
      <c r="L23" s="281">
        <v>40</v>
      </c>
      <c r="M23" s="282">
        <v>40</v>
      </c>
      <c r="N23" s="276">
        <v>0</v>
      </c>
      <c r="O23" s="280">
        <v>0</v>
      </c>
      <c r="P23" s="277">
        <v>0</v>
      </c>
      <c r="Q23" s="279">
        <v>0</v>
      </c>
      <c r="R23" s="280">
        <v>0</v>
      </c>
      <c r="S23" s="280">
        <v>0</v>
      </c>
      <c r="T23" s="280">
        <v>0</v>
      </c>
      <c r="U23" s="280">
        <v>1</v>
      </c>
      <c r="V23" s="280">
        <v>2</v>
      </c>
      <c r="W23" s="277">
        <v>3</v>
      </c>
      <c r="X23" s="282">
        <v>3</v>
      </c>
      <c r="Y23" s="276">
        <v>4</v>
      </c>
      <c r="Z23" s="280">
        <v>1</v>
      </c>
      <c r="AA23" s="277">
        <v>5</v>
      </c>
      <c r="AB23" s="279">
        <v>0</v>
      </c>
      <c r="AC23" s="280">
        <v>9</v>
      </c>
      <c r="AD23" s="280">
        <v>8</v>
      </c>
      <c r="AE23" s="280">
        <v>5</v>
      </c>
      <c r="AF23" s="280">
        <v>4</v>
      </c>
      <c r="AG23" s="280">
        <v>5</v>
      </c>
      <c r="AH23" s="277">
        <v>31</v>
      </c>
      <c r="AI23" s="282">
        <v>36</v>
      </c>
      <c r="AJ23" s="276">
        <v>0</v>
      </c>
      <c r="AK23" s="280">
        <v>0</v>
      </c>
      <c r="AL23" s="277">
        <v>0</v>
      </c>
      <c r="AM23" s="279">
        <v>0</v>
      </c>
      <c r="AN23" s="280">
        <v>0</v>
      </c>
      <c r="AO23" s="280">
        <v>1</v>
      </c>
      <c r="AP23" s="280">
        <v>0</v>
      </c>
      <c r="AQ23" s="280">
        <v>1</v>
      </c>
      <c r="AR23" s="280">
        <v>1</v>
      </c>
      <c r="AS23" s="277">
        <v>3</v>
      </c>
      <c r="AT23" s="282">
        <v>3</v>
      </c>
      <c r="AU23" s="276">
        <v>4</v>
      </c>
      <c r="AV23" s="280">
        <v>2</v>
      </c>
      <c r="AW23" s="277">
        <v>6</v>
      </c>
      <c r="AX23" s="279">
        <v>0</v>
      </c>
      <c r="AY23" s="280">
        <v>17</v>
      </c>
      <c r="AZ23" s="280">
        <v>18</v>
      </c>
      <c r="BA23" s="280">
        <v>13</v>
      </c>
      <c r="BB23" s="280">
        <v>13</v>
      </c>
      <c r="BC23" s="280">
        <v>6</v>
      </c>
      <c r="BD23" s="281">
        <v>67</v>
      </c>
      <c r="BE23" s="282">
        <v>73</v>
      </c>
      <c r="BF23" s="276">
        <v>0</v>
      </c>
      <c r="BG23" s="280">
        <v>0</v>
      </c>
      <c r="BH23" s="277">
        <v>0</v>
      </c>
      <c r="BI23" s="279">
        <v>0</v>
      </c>
      <c r="BJ23" s="280">
        <v>21</v>
      </c>
      <c r="BK23" s="280">
        <v>10</v>
      </c>
      <c r="BL23" s="280">
        <v>4</v>
      </c>
      <c r="BM23" s="280">
        <v>6</v>
      </c>
      <c r="BN23" s="280">
        <v>3</v>
      </c>
      <c r="BO23" s="277">
        <v>44</v>
      </c>
      <c r="BP23" s="282">
        <v>44</v>
      </c>
      <c r="BQ23" s="276">
        <v>0</v>
      </c>
      <c r="BR23" s="280">
        <v>1</v>
      </c>
      <c r="BS23" s="277">
        <v>1</v>
      </c>
      <c r="BT23" s="279">
        <v>0</v>
      </c>
      <c r="BU23" s="280">
        <v>2</v>
      </c>
      <c r="BV23" s="280">
        <v>4</v>
      </c>
      <c r="BW23" s="280">
        <v>0</v>
      </c>
      <c r="BX23" s="280">
        <v>2</v>
      </c>
      <c r="BY23" s="280">
        <v>1</v>
      </c>
      <c r="BZ23" s="277">
        <v>9</v>
      </c>
      <c r="CA23" s="282">
        <v>10</v>
      </c>
      <c r="CB23" s="276">
        <v>0</v>
      </c>
      <c r="CC23" s="280">
        <v>1</v>
      </c>
      <c r="CD23" s="277">
        <v>1</v>
      </c>
      <c r="CE23" s="279">
        <v>0</v>
      </c>
      <c r="CF23" s="280">
        <v>2</v>
      </c>
      <c r="CG23" s="280">
        <v>3</v>
      </c>
      <c r="CH23" s="280">
        <v>4</v>
      </c>
      <c r="CI23" s="280">
        <v>2</v>
      </c>
      <c r="CJ23" s="280">
        <v>2</v>
      </c>
      <c r="CK23" s="277">
        <v>13</v>
      </c>
      <c r="CL23" s="282">
        <v>14</v>
      </c>
      <c r="CM23" s="276">
        <v>0</v>
      </c>
      <c r="CN23" s="280">
        <v>0</v>
      </c>
      <c r="CO23" s="277">
        <v>0</v>
      </c>
      <c r="CP23" s="279">
        <v>0</v>
      </c>
      <c r="CQ23" s="280">
        <v>0</v>
      </c>
      <c r="CR23" s="280">
        <v>0</v>
      </c>
      <c r="CS23" s="280">
        <v>0</v>
      </c>
      <c r="CT23" s="280">
        <v>1</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8</v>
      </c>
      <c r="DU23" s="280">
        <v>11</v>
      </c>
      <c r="DV23" s="277">
        <v>19</v>
      </c>
      <c r="DW23" s="279">
        <v>0</v>
      </c>
      <c r="DX23" s="280">
        <v>13</v>
      </c>
      <c r="DY23" s="280">
        <v>32</v>
      </c>
      <c r="DZ23" s="280">
        <v>7</v>
      </c>
      <c r="EA23" s="280">
        <v>14</v>
      </c>
      <c r="EB23" s="280">
        <v>7</v>
      </c>
      <c r="EC23" s="277">
        <v>73</v>
      </c>
      <c r="ED23" s="282">
        <v>92</v>
      </c>
      <c r="EE23" s="276">
        <v>2</v>
      </c>
      <c r="EF23" s="280">
        <v>1</v>
      </c>
      <c r="EG23" s="277">
        <v>3</v>
      </c>
      <c r="EH23" s="279">
        <v>0</v>
      </c>
      <c r="EI23" s="280">
        <v>8</v>
      </c>
      <c r="EJ23" s="280">
        <v>4</v>
      </c>
      <c r="EK23" s="280">
        <v>10</v>
      </c>
      <c r="EL23" s="280">
        <v>5</v>
      </c>
      <c r="EM23" s="280">
        <v>0</v>
      </c>
      <c r="EN23" s="277">
        <v>27</v>
      </c>
      <c r="EO23" s="282">
        <v>30</v>
      </c>
      <c r="EP23" s="276">
        <v>12</v>
      </c>
      <c r="EQ23" s="280">
        <v>13</v>
      </c>
      <c r="ER23" s="277">
        <v>25</v>
      </c>
      <c r="ES23" s="279">
        <v>0</v>
      </c>
      <c r="ET23" s="280">
        <v>44</v>
      </c>
      <c r="EU23" s="280">
        <v>36</v>
      </c>
      <c r="EV23" s="280">
        <v>13</v>
      </c>
      <c r="EW23" s="280">
        <v>14</v>
      </c>
      <c r="EX23" s="280">
        <v>9</v>
      </c>
      <c r="EY23" s="277">
        <v>116</v>
      </c>
      <c r="EZ23" s="282">
        <v>141</v>
      </c>
    </row>
    <row r="24" spans="2:156" ht="21" customHeight="1" x14ac:dyDescent="0.2">
      <c r="B24" s="261" t="s">
        <v>22</v>
      </c>
      <c r="C24" s="276">
        <v>0</v>
      </c>
      <c r="D24" s="280">
        <v>0</v>
      </c>
      <c r="E24" s="382">
        <v>0</v>
      </c>
      <c r="F24" s="279">
        <v>0</v>
      </c>
      <c r="G24" s="280">
        <v>3</v>
      </c>
      <c r="H24" s="280">
        <v>1</v>
      </c>
      <c r="I24" s="280">
        <v>3</v>
      </c>
      <c r="J24" s="280">
        <v>2</v>
      </c>
      <c r="K24" s="280">
        <v>2</v>
      </c>
      <c r="L24" s="281">
        <v>11</v>
      </c>
      <c r="M24" s="282">
        <v>11</v>
      </c>
      <c r="N24" s="276">
        <v>0</v>
      </c>
      <c r="O24" s="280">
        <v>0</v>
      </c>
      <c r="P24" s="277">
        <v>0</v>
      </c>
      <c r="Q24" s="279">
        <v>0</v>
      </c>
      <c r="R24" s="280">
        <v>0</v>
      </c>
      <c r="S24" s="280">
        <v>0</v>
      </c>
      <c r="T24" s="280">
        <v>0</v>
      </c>
      <c r="U24" s="280">
        <v>0</v>
      </c>
      <c r="V24" s="280">
        <v>3</v>
      </c>
      <c r="W24" s="277">
        <v>3</v>
      </c>
      <c r="X24" s="282">
        <v>3</v>
      </c>
      <c r="Y24" s="276">
        <v>0</v>
      </c>
      <c r="Z24" s="280">
        <v>0</v>
      </c>
      <c r="AA24" s="277">
        <v>0</v>
      </c>
      <c r="AB24" s="279">
        <v>0</v>
      </c>
      <c r="AC24" s="280">
        <v>4</v>
      </c>
      <c r="AD24" s="280">
        <v>2</v>
      </c>
      <c r="AE24" s="280">
        <v>3</v>
      </c>
      <c r="AF24" s="280">
        <v>3</v>
      </c>
      <c r="AG24" s="280">
        <v>3</v>
      </c>
      <c r="AH24" s="277">
        <v>15</v>
      </c>
      <c r="AI24" s="282">
        <v>15</v>
      </c>
      <c r="AJ24" s="276">
        <v>0</v>
      </c>
      <c r="AK24" s="280">
        <v>0</v>
      </c>
      <c r="AL24" s="277">
        <v>0</v>
      </c>
      <c r="AM24" s="279">
        <v>0</v>
      </c>
      <c r="AN24" s="280">
        <v>2</v>
      </c>
      <c r="AO24" s="280">
        <v>1</v>
      </c>
      <c r="AP24" s="280">
        <v>0</v>
      </c>
      <c r="AQ24" s="280">
        <v>1</v>
      </c>
      <c r="AR24" s="280">
        <v>0</v>
      </c>
      <c r="AS24" s="277">
        <v>4</v>
      </c>
      <c r="AT24" s="282">
        <v>4</v>
      </c>
      <c r="AU24" s="276">
        <v>0</v>
      </c>
      <c r="AV24" s="280">
        <v>0</v>
      </c>
      <c r="AW24" s="277">
        <v>0</v>
      </c>
      <c r="AX24" s="279">
        <v>0</v>
      </c>
      <c r="AY24" s="280">
        <v>5</v>
      </c>
      <c r="AZ24" s="280">
        <v>2</v>
      </c>
      <c r="BA24" s="280">
        <v>3</v>
      </c>
      <c r="BB24" s="280">
        <v>7</v>
      </c>
      <c r="BC24" s="280">
        <v>1</v>
      </c>
      <c r="BD24" s="281">
        <v>18</v>
      </c>
      <c r="BE24" s="282">
        <v>18</v>
      </c>
      <c r="BF24" s="276">
        <v>0</v>
      </c>
      <c r="BG24" s="280">
        <v>0</v>
      </c>
      <c r="BH24" s="277">
        <v>0</v>
      </c>
      <c r="BI24" s="279">
        <v>0</v>
      </c>
      <c r="BJ24" s="280">
        <v>8</v>
      </c>
      <c r="BK24" s="280">
        <v>3</v>
      </c>
      <c r="BL24" s="280">
        <v>3</v>
      </c>
      <c r="BM24" s="280">
        <v>2</v>
      </c>
      <c r="BN24" s="280">
        <v>2</v>
      </c>
      <c r="BO24" s="277">
        <v>18</v>
      </c>
      <c r="BP24" s="282">
        <v>18</v>
      </c>
      <c r="BQ24" s="276">
        <v>1</v>
      </c>
      <c r="BR24" s="280">
        <v>0</v>
      </c>
      <c r="BS24" s="277">
        <v>1</v>
      </c>
      <c r="BT24" s="279">
        <v>0</v>
      </c>
      <c r="BU24" s="280">
        <v>2</v>
      </c>
      <c r="BV24" s="280">
        <v>1</v>
      </c>
      <c r="BW24" s="280">
        <v>1</v>
      </c>
      <c r="BX24" s="280">
        <v>1</v>
      </c>
      <c r="BY24" s="280">
        <v>0</v>
      </c>
      <c r="BZ24" s="277">
        <v>5</v>
      </c>
      <c r="CA24" s="282">
        <v>6</v>
      </c>
      <c r="CB24" s="276">
        <v>0</v>
      </c>
      <c r="CC24" s="280">
        <v>0</v>
      </c>
      <c r="CD24" s="277">
        <v>0</v>
      </c>
      <c r="CE24" s="279">
        <v>0</v>
      </c>
      <c r="CF24" s="280">
        <v>3</v>
      </c>
      <c r="CG24" s="280">
        <v>1</v>
      </c>
      <c r="CH24" s="280">
        <v>2</v>
      </c>
      <c r="CI24" s="280">
        <v>1</v>
      </c>
      <c r="CJ24" s="280">
        <v>1</v>
      </c>
      <c r="CK24" s="277">
        <v>8</v>
      </c>
      <c r="CL24" s="282">
        <v>8</v>
      </c>
      <c r="CM24" s="276">
        <v>0</v>
      </c>
      <c r="CN24" s="280">
        <v>0</v>
      </c>
      <c r="CO24" s="277">
        <v>0</v>
      </c>
      <c r="CP24" s="279">
        <v>0</v>
      </c>
      <c r="CQ24" s="280">
        <v>0</v>
      </c>
      <c r="CR24" s="280">
        <v>0</v>
      </c>
      <c r="CS24" s="280">
        <v>1</v>
      </c>
      <c r="CT24" s="280">
        <v>0</v>
      </c>
      <c r="CU24" s="280">
        <v>0</v>
      </c>
      <c r="CV24" s="277">
        <v>1</v>
      </c>
      <c r="CW24" s="282">
        <v>1</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3</v>
      </c>
      <c r="DU24" s="280">
        <v>4</v>
      </c>
      <c r="DV24" s="277">
        <v>7</v>
      </c>
      <c r="DW24" s="279">
        <v>0</v>
      </c>
      <c r="DX24" s="280">
        <v>12</v>
      </c>
      <c r="DY24" s="280">
        <v>6</v>
      </c>
      <c r="DZ24" s="280">
        <v>6</v>
      </c>
      <c r="EA24" s="280">
        <v>7</v>
      </c>
      <c r="EB24" s="280">
        <v>5</v>
      </c>
      <c r="EC24" s="277">
        <v>36</v>
      </c>
      <c r="ED24" s="282">
        <v>43</v>
      </c>
      <c r="EE24" s="276">
        <v>1</v>
      </c>
      <c r="EF24" s="280">
        <v>0</v>
      </c>
      <c r="EG24" s="277">
        <v>1</v>
      </c>
      <c r="EH24" s="279">
        <v>0</v>
      </c>
      <c r="EI24" s="280">
        <v>2</v>
      </c>
      <c r="EJ24" s="280">
        <v>4</v>
      </c>
      <c r="EK24" s="280">
        <v>2</v>
      </c>
      <c r="EL24" s="280">
        <v>4</v>
      </c>
      <c r="EM24" s="280">
        <v>1</v>
      </c>
      <c r="EN24" s="277">
        <v>13</v>
      </c>
      <c r="EO24" s="282">
        <v>14</v>
      </c>
      <c r="EP24" s="276">
        <v>5</v>
      </c>
      <c r="EQ24" s="280">
        <v>3</v>
      </c>
      <c r="ER24" s="277">
        <v>8</v>
      </c>
      <c r="ES24" s="279">
        <v>0</v>
      </c>
      <c r="ET24" s="280">
        <v>21</v>
      </c>
      <c r="EU24" s="280">
        <v>9</v>
      </c>
      <c r="EV24" s="280">
        <v>8</v>
      </c>
      <c r="EW24" s="280">
        <v>6</v>
      </c>
      <c r="EX24" s="280">
        <v>6</v>
      </c>
      <c r="EY24" s="277">
        <v>50</v>
      </c>
      <c r="EZ24" s="282">
        <v>58</v>
      </c>
    </row>
    <row r="25" spans="2:156" ht="21" customHeight="1" x14ac:dyDescent="0.2">
      <c r="B25" s="261" t="s">
        <v>23</v>
      </c>
      <c r="C25" s="276">
        <v>0</v>
      </c>
      <c r="D25" s="280">
        <v>0</v>
      </c>
      <c r="E25" s="382">
        <v>0</v>
      </c>
      <c r="F25" s="279">
        <v>0</v>
      </c>
      <c r="G25" s="280">
        <v>1</v>
      </c>
      <c r="H25" s="280">
        <v>5</v>
      </c>
      <c r="I25" s="280">
        <v>4</v>
      </c>
      <c r="J25" s="280">
        <v>2</v>
      </c>
      <c r="K25" s="280">
        <v>1</v>
      </c>
      <c r="L25" s="281">
        <v>13</v>
      </c>
      <c r="M25" s="282">
        <v>13</v>
      </c>
      <c r="N25" s="276">
        <v>0</v>
      </c>
      <c r="O25" s="280">
        <v>0</v>
      </c>
      <c r="P25" s="277">
        <v>0</v>
      </c>
      <c r="Q25" s="279">
        <v>0</v>
      </c>
      <c r="R25" s="280">
        <v>1</v>
      </c>
      <c r="S25" s="280">
        <v>0</v>
      </c>
      <c r="T25" s="280">
        <v>0</v>
      </c>
      <c r="U25" s="280">
        <v>1</v>
      </c>
      <c r="V25" s="280">
        <v>1</v>
      </c>
      <c r="W25" s="277">
        <v>3</v>
      </c>
      <c r="X25" s="282">
        <v>3</v>
      </c>
      <c r="Y25" s="276">
        <v>3</v>
      </c>
      <c r="Z25" s="280">
        <v>4</v>
      </c>
      <c r="AA25" s="277">
        <v>7</v>
      </c>
      <c r="AB25" s="279">
        <v>0</v>
      </c>
      <c r="AC25" s="280">
        <v>3</v>
      </c>
      <c r="AD25" s="280">
        <v>6</v>
      </c>
      <c r="AE25" s="280">
        <v>3</v>
      </c>
      <c r="AF25" s="280">
        <v>4</v>
      </c>
      <c r="AG25" s="280">
        <v>1</v>
      </c>
      <c r="AH25" s="277">
        <v>17</v>
      </c>
      <c r="AI25" s="282">
        <v>24</v>
      </c>
      <c r="AJ25" s="276">
        <v>0</v>
      </c>
      <c r="AK25" s="280">
        <v>1</v>
      </c>
      <c r="AL25" s="277">
        <v>1</v>
      </c>
      <c r="AM25" s="279">
        <v>0</v>
      </c>
      <c r="AN25" s="280">
        <v>0</v>
      </c>
      <c r="AO25" s="280">
        <v>1</v>
      </c>
      <c r="AP25" s="280">
        <v>0</v>
      </c>
      <c r="AQ25" s="280">
        <v>1</v>
      </c>
      <c r="AR25" s="280">
        <v>0</v>
      </c>
      <c r="AS25" s="277">
        <v>2</v>
      </c>
      <c r="AT25" s="282">
        <v>3</v>
      </c>
      <c r="AU25" s="276">
        <v>1</v>
      </c>
      <c r="AV25" s="280">
        <v>0</v>
      </c>
      <c r="AW25" s="277">
        <v>1</v>
      </c>
      <c r="AX25" s="279">
        <v>0</v>
      </c>
      <c r="AY25" s="280">
        <v>3</v>
      </c>
      <c r="AZ25" s="280">
        <v>2</v>
      </c>
      <c r="BA25" s="280">
        <v>7</v>
      </c>
      <c r="BB25" s="280">
        <v>16</v>
      </c>
      <c r="BC25" s="280">
        <v>9</v>
      </c>
      <c r="BD25" s="281">
        <v>37</v>
      </c>
      <c r="BE25" s="282">
        <v>38</v>
      </c>
      <c r="BF25" s="276">
        <v>0</v>
      </c>
      <c r="BG25" s="280">
        <v>0</v>
      </c>
      <c r="BH25" s="277">
        <v>0</v>
      </c>
      <c r="BI25" s="279">
        <v>0</v>
      </c>
      <c r="BJ25" s="280">
        <v>8</v>
      </c>
      <c r="BK25" s="280">
        <v>12</v>
      </c>
      <c r="BL25" s="280">
        <v>5</v>
      </c>
      <c r="BM25" s="280">
        <v>6</v>
      </c>
      <c r="BN25" s="280">
        <v>0</v>
      </c>
      <c r="BO25" s="277">
        <v>31</v>
      </c>
      <c r="BP25" s="282">
        <v>31</v>
      </c>
      <c r="BQ25" s="276">
        <v>0</v>
      </c>
      <c r="BR25" s="280">
        <v>0</v>
      </c>
      <c r="BS25" s="277">
        <v>0</v>
      </c>
      <c r="BT25" s="279">
        <v>0</v>
      </c>
      <c r="BU25" s="280">
        <v>2</v>
      </c>
      <c r="BV25" s="280">
        <v>2</v>
      </c>
      <c r="BW25" s="280">
        <v>4</v>
      </c>
      <c r="BX25" s="280">
        <v>2</v>
      </c>
      <c r="BY25" s="280">
        <v>0</v>
      </c>
      <c r="BZ25" s="277">
        <v>10</v>
      </c>
      <c r="CA25" s="282">
        <v>10</v>
      </c>
      <c r="CB25" s="276">
        <v>0</v>
      </c>
      <c r="CC25" s="280">
        <v>0</v>
      </c>
      <c r="CD25" s="277">
        <v>0</v>
      </c>
      <c r="CE25" s="279">
        <v>0</v>
      </c>
      <c r="CF25" s="280">
        <v>4</v>
      </c>
      <c r="CG25" s="280">
        <v>2</v>
      </c>
      <c r="CH25" s="280">
        <v>1</v>
      </c>
      <c r="CI25" s="280">
        <v>1</v>
      </c>
      <c r="CJ25" s="280">
        <v>0</v>
      </c>
      <c r="CK25" s="277">
        <v>8</v>
      </c>
      <c r="CL25" s="282">
        <v>8</v>
      </c>
      <c r="CM25" s="276">
        <v>0</v>
      </c>
      <c r="CN25" s="280">
        <v>0</v>
      </c>
      <c r="CO25" s="277">
        <v>0</v>
      </c>
      <c r="CP25" s="279">
        <v>0</v>
      </c>
      <c r="CQ25" s="280">
        <v>0</v>
      </c>
      <c r="CR25" s="280">
        <v>0</v>
      </c>
      <c r="CS25" s="280">
        <v>1</v>
      </c>
      <c r="CT25" s="280">
        <v>0</v>
      </c>
      <c r="CU25" s="280">
        <v>0</v>
      </c>
      <c r="CV25" s="277">
        <v>1</v>
      </c>
      <c r="CW25" s="282">
        <v>1</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4</v>
      </c>
      <c r="DU25" s="280">
        <v>6</v>
      </c>
      <c r="DV25" s="277">
        <v>10</v>
      </c>
      <c r="DW25" s="279">
        <v>0</v>
      </c>
      <c r="DX25" s="280">
        <v>11</v>
      </c>
      <c r="DY25" s="280">
        <v>15</v>
      </c>
      <c r="DZ25" s="280">
        <v>6</v>
      </c>
      <c r="EA25" s="280">
        <v>10</v>
      </c>
      <c r="EB25" s="280">
        <v>4</v>
      </c>
      <c r="EC25" s="277">
        <v>46</v>
      </c>
      <c r="ED25" s="282">
        <v>56</v>
      </c>
      <c r="EE25" s="276">
        <v>0</v>
      </c>
      <c r="EF25" s="280">
        <v>0</v>
      </c>
      <c r="EG25" s="277">
        <v>0</v>
      </c>
      <c r="EH25" s="279">
        <v>0</v>
      </c>
      <c r="EI25" s="280">
        <v>3</v>
      </c>
      <c r="EJ25" s="280">
        <v>0</v>
      </c>
      <c r="EK25" s="280">
        <v>2</v>
      </c>
      <c r="EL25" s="280">
        <v>13</v>
      </c>
      <c r="EM25" s="280">
        <v>5</v>
      </c>
      <c r="EN25" s="277">
        <v>23</v>
      </c>
      <c r="EO25" s="282">
        <v>23</v>
      </c>
      <c r="EP25" s="276">
        <v>5</v>
      </c>
      <c r="EQ25" s="280">
        <v>10</v>
      </c>
      <c r="ER25" s="277">
        <v>15</v>
      </c>
      <c r="ES25" s="279">
        <v>0</v>
      </c>
      <c r="ET25" s="280">
        <v>14</v>
      </c>
      <c r="EU25" s="280">
        <v>24</v>
      </c>
      <c r="EV25" s="280">
        <v>12</v>
      </c>
      <c r="EW25" s="280">
        <v>10</v>
      </c>
      <c r="EX25" s="280">
        <v>4</v>
      </c>
      <c r="EY25" s="277">
        <v>64</v>
      </c>
      <c r="EZ25" s="282">
        <v>79</v>
      </c>
    </row>
    <row r="26" spans="2:156" ht="21" customHeight="1" x14ac:dyDescent="0.2">
      <c r="B26" s="261" t="s">
        <v>24</v>
      </c>
      <c r="C26" s="276">
        <v>0</v>
      </c>
      <c r="D26" s="280">
        <v>0</v>
      </c>
      <c r="E26" s="382">
        <v>0</v>
      </c>
      <c r="F26" s="279">
        <v>0</v>
      </c>
      <c r="G26" s="280">
        <v>8</v>
      </c>
      <c r="H26" s="280">
        <v>5</v>
      </c>
      <c r="I26" s="280">
        <v>5</v>
      </c>
      <c r="J26" s="280">
        <v>2</v>
      </c>
      <c r="K26" s="280">
        <v>6</v>
      </c>
      <c r="L26" s="281">
        <v>26</v>
      </c>
      <c r="M26" s="282">
        <v>26</v>
      </c>
      <c r="N26" s="276">
        <v>0</v>
      </c>
      <c r="O26" s="280">
        <v>0</v>
      </c>
      <c r="P26" s="277">
        <v>0</v>
      </c>
      <c r="Q26" s="279">
        <v>0</v>
      </c>
      <c r="R26" s="280">
        <v>0</v>
      </c>
      <c r="S26" s="280">
        <v>0</v>
      </c>
      <c r="T26" s="280">
        <v>0</v>
      </c>
      <c r="U26" s="280">
        <v>0</v>
      </c>
      <c r="V26" s="280">
        <v>3</v>
      </c>
      <c r="W26" s="277">
        <v>3</v>
      </c>
      <c r="X26" s="282">
        <v>3</v>
      </c>
      <c r="Y26" s="276">
        <v>1</v>
      </c>
      <c r="Z26" s="280">
        <v>3</v>
      </c>
      <c r="AA26" s="277">
        <v>4</v>
      </c>
      <c r="AB26" s="279">
        <v>0</v>
      </c>
      <c r="AC26" s="280">
        <v>6</v>
      </c>
      <c r="AD26" s="280">
        <v>2</v>
      </c>
      <c r="AE26" s="280">
        <v>5</v>
      </c>
      <c r="AF26" s="280">
        <v>3</v>
      </c>
      <c r="AG26" s="280">
        <v>3</v>
      </c>
      <c r="AH26" s="277">
        <v>19</v>
      </c>
      <c r="AI26" s="282">
        <v>23</v>
      </c>
      <c r="AJ26" s="276">
        <v>0</v>
      </c>
      <c r="AK26" s="280">
        <v>0</v>
      </c>
      <c r="AL26" s="277">
        <v>0</v>
      </c>
      <c r="AM26" s="279">
        <v>0</v>
      </c>
      <c r="AN26" s="280">
        <v>0</v>
      </c>
      <c r="AO26" s="280">
        <v>0</v>
      </c>
      <c r="AP26" s="280">
        <v>0</v>
      </c>
      <c r="AQ26" s="280">
        <v>0</v>
      </c>
      <c r="AR26" s="280">
        <v>1</v>
      </c>
      <c r="AS26" s="277">
        <v>1</v>
      </c>
      <c r="AT26" s="282">
        <v>1</v>
      </c>
      <c r="AU26" s="276">
        <v>4</v>
      </c>
      <c r="AV26" s="280">
        <v>2</v>
      </c>
      <c r="AW26" s="277">
        <v>6</v>
      </c>
      <c r="AX26" s="279">
        <v>0</v>
      </c>
      <c r="AY26" s="280">
        <v>9</v>
      </c>
      <c r="AZ26" s="280">
        <v>8</v>
      </c>
      <c r="BA26" s="280">
        <v>7</v>
      </c>
      <c r="BB26" s="280">
        <v>7</v>
      </c>
      <c r="BC26" s="280">
        <v>13</v>
      </c>
      <c r="BD26" s="281">
        <v>44</v>
      </c>
      <c r="BE26" s="282">
        <v>50</v>
      </c>
      <c r="BF26" s="276">
        <v>0</v>
      </c>
      <c r="BG26" s="280">
        <v>0</v>
      </c>
      <c r="BH26" s="277">
        <v>0</v>
      </c>
      <c r="BI26" s="279">
        <v>0</v>
      </c>
      <c r="BJ26" s="280">
        <v>13</v>
      </c>
      <c r="BK26" s="280">
        <v>6</v>
      </c>
      <c r="BL26" s="280">
        <v>4</v>
      </c>
      <c r="BM26" s="280">
        <v>1</v>
      </c>
      <c r="BN26" s="280">
        <v>2</v>
      </c>
      <c r="BO26" s="277">
        <v>26</v>
      </c>
      <c r="BP26" s="282">
        <v>26</v>
      </c>
      <c r="BQ26" s="276">
        <v>1</v>
      </c>
      <c r="BR26" s="280">
        <v>0</v>
      </c>
      <c r="BS26" s="277">
        <v>1</v>
      </c>
      <c r="BT26" s="279">
        <v>0</v>
      </c>
      <c r="BU26" s="280">
        <v>3</v>
      </c>
      <c r="BV26" s="280">
        <v>6</v>
      </c>
      <c r="BW26" s="280">
        <v>2</v>
      </c>
      <c r="BX26" s="280">
        <v>0</v>
      </c>
      <c r="BY26" s="280">
        <v>3</v>
      </c>
      <c r="BZ26" s="277">
        <v>14</v>
      </c>
      <c r="CA26" s="282">
        <v>15</v>
      </c>
      <c r="CB26" s="276">
        <v>0</v>
      </c>
      <c r="CC26" s="280">
        <v>0</v>
      </c>
      <c r="CD26" s="277">
        <v>0</v>
      </c>
      <c r="CE26" s="279">
        <v>0</v>
      </c>
      <c r="CF26" s="280">
        <v>2</v>
      </c>
      <c r="CG26" s="280">
        <v>2</v>
      </c>
      <c r="CH26" s="280">
        <v>1</v>
      </c>
      <c r="CI26" s="280">
        <v>1</v>
      </c>
      <c r="CJ26" s="280">
        <v>1</v>
      </c>
      <c r="CK26" s="277">
        <v>7</v>
      </c>
      <c r="CL26" s="282">
        <v>7</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7</v>
      </c>
      <c r="DU26" s="280">
        <v>10</v>
      </c>
      <c r="DV26" s="277">
        <v>17</v>
      </c>
      <c r="DW26" s="279">
        <v>0</v>
      </c>
      <c r="DX26" s="280">
        <v>12</v>
      </c>
      <c r="DY26" s="280">
        <v>13</v>
      </c>
      <c r="DZ26" s="280">
        <v>9</v>
      </c>
      <c r="EA26" s="280">
        <v>5</v>
      </c>
      <c r="EB26" s="280">
        <v>8</v>
      </c>
      <c r="EC26" s="277">
        <v>47</v>
      </c>
      <c r="ED26" s="282">
        <v>64</v>
      </c>
      <c r="EE26" s="276">
        <v>2</v>
      </c>
      <c r="EF26" s="280">
        <v>3</v>
      </c>
      <c r="EG26" s="277">
        <v>5</v>
      </c>
      <c r="EH26" s="279">
        <v>0</v>
      </c>
      <c r="EI26" s="280">
        <v>7</v>
      </c>
      <c r="EJ26" s="280">
        <v>7</v>
      </c>
      <c r="EK26" s="280">
        <v>3</v>
      </c>
      <c r="EL26" s="280">
        <v>4</v>
      </c>
      <c r="EM26" s="280">
        <v>4</v>
      </c>
      <c r="EN26" s="277">
        <v>25</v>
      </c>
      <c r="EO26" s="282">
        <v>30</v>
      </c>
      <c r="EP26" s="276">
        <v>9</v>
      </c>
      <c r="EQ26" s="280">
        <v>12</v>
      </c>
      <c r="ER26" s="277">
        <v>21</v>
      </c>
      <c r="ES26" s="279">
        <v>0</v>
      </c>
      <c r="ET26" s="280">
        <v>23</v>
      </c>
      <c r="EU26" s="280">
        <v>17</v>
      </c>
      <c r="EV26" s="280">
        <v>12</v>
      </c>
      <c r="EW26" s="280">
        <v>5</v>
      </c>
      <c r="EX26" s="280">
        <v>8</v>
      </c>
      <c r="EY26" s="277">
        <v>65</v>
      </c>
      <c r="EZ26" s="282">
        <v>86</v>
      </c>
    </row>
    <row r="27" spans="2:156" ht="21" customHeight="1" x14ac:dyDescent="0.2">
      <c r="B27" s="261" t="s">
        <v>25</v>
      </c>
      <c r="C27" s="276">
        <v>0</v>
      </c>
      <c r="D27" s="280">
        <v>0</v>
      </c>
      <c r="E27" s="382">
        <v>0</v>
      </c>
      <c r="F27" s="279">
        <v>0</v>
      </c>
      <c r="G27" s="280">
        <v>3</v>
      </c>
      <c r="H27" s="280">
        <v>4</v>
      </c>
      <c r="I27" s="280">
        <v>2</v>
      </c>
      <c r="J27" s="280">
        <v>1</v>
      </c>
      <c r="K27" s="280">
        <v>1</v>
      </c>
      <c r="L27" s="281">
        <v>11</v>
      </c>
      <c r="M27" s="282">
        <v>11</v>
      </c>
      <c r="N27" s="276">
        <v>0</v>
      </c>
      <c r="O27" s="280">
        <v>0</v>
      </c>
      <c r="P27" s="277">
        <v>0</v>
      </c>
      <c r="Q27" s="279">
        <v>0</v>
      </c>
      <c r="R27" s="280">
        <v>0</v>
      </c>
      <c r="S27" s="280">
        <v>0</v>
      </c>
      <c r="T27" s="280">
        <v>0</v>
      </c>
      <c r="U27" s="280">
        <v>1</v>
      </c>
      <c r="V27" s="280">
        <v>3</v>
      </c>
      <c r="W27" s="277">
        <v>4</v>
      </c>
      <c r="X27" s="282">
        <v>4</v>
      </c>
      <c r="Y27" s="276">
        <v>1</v>
      </c>
      <c r="Z27" s="280">
        <v>5</v>
      </c>
      <c r="AA27" s="277">
        <v>6</v>
      </c>
      <c r="AB27" s="279">
        <v>0</v>
      </c>
      <c r="AC27" s="280">
        <v>1</v>
      </c>
      <c r="AD27" s="280">
        <v>4</v>
      </c>
      <c r="AE27" s="280">
        <v>2</v>
      </c>
      <c r="AF27" s="280">
        <v>2</v>
      </c>
      <c r="AG27" s="280">
        <v>2</v>
      </c>
      <c r="AH27" s="277">
        <v>11</v>
      </c>
      <c r="AI27" s="282">
        <v>17</v>
      </c>
      <c r="AJ27" s="276">
        <v>0</v>
      </c>
      <c r="AK27" s="280">
        <v>0</v>
      </c>
      <c r="AL27" s="277">
        <v>0</v>
      </c>
      <c r="AM27" s="279">
        <v>0</v>
      </c>
      <c r="AN27" s="280">
        <v>0</v>
      </c>
      <c r="AO27" s="280">
        <v>0</v>
      </c>
      <c r="AP27" s="280">
        <v>0</v>
      </c>
      <c r="AQ27" s="280">
        <v>0</v>
      </c>
      <c r="AR27" s="280">
        <v>0</v>
      </c>
      <c r="AS27" s="277">
        <v>0</v>
      </c>
      <c r="AT27" s="282">
        <v>0</v>
      </c>
      <c r="AU27" s="276">
        <v>2</v>
      </c>
      <c r="AV27" s="280">
        <v>2</v>
      </c>
      <c r="AW27" s="277">
        <v>4</v>
      </c>
      <c r="AX27" s="279">
        <v>0</v>
      </c>
      <c r="AY27" s="280">
        <v>1</v>
      </c>
      <c r="AZ27" s="280">
        <v>1</v>
      </c>
      <c r="BA27" s="280">
        <v>3</v>
      </c>
      <c r="BB27" s="280">
        <v>3</v>
      </c>
      <c r="BC27" s="280">
        <v>4</v>
      </c>
      <c r="BD27" s="281">
        <v>12</v>
      </c>
      <c r="BE27" s="282">
        <v>16</v>
      </c>
      <c r="BF27" s="276">
        <v>0</v>
      </c>
      <c r="BG27" s="280">
        <v>0</v>
      </c>
      <c r="BH27" s="277">
        <v>0</v>
      </c>
      <c r="BI27" s="279">
        <v>0</v>
      </c>
      <c r="BJ27" s="280">
        <v>3</v>
      </c>
      <c r="BK27" s="280">
        <v>3</v>
      </c>
      <c r="BL27" s="280">
        <v>6</v>
      </c>
      <c r="BM27" s="280">
        <v>2</v>
      </c>
      <c r="BN27" s="280">
        <v>0</v>
      </c>
      <c r="BO27" s="277">
        <v>14</v>
      </c>
      <c r="BP27" s="282">
        <v>14</v>
      </c>
      <c r="BQ27" s="276">
        <v>0</v>
      </c>
      <c r="BR27" s="280">
        <v>2</v>
      </c>
      <c r="BS27" s="277">
        <v>2</v>
      </c>
      <c r="BT27" s="279">
        <v>0</v>
      </c>
      <c r="BU27" s="280">
        <v>1</v>
      </c>
      <c r="BV27" s="280">
        <v>4</v>
      </c>
      <c r="BW27" s="280">
        <v>1</v>
      </c>
      <c r="BX27" s="280">
        <v>0</v>
      </c>
      <c r="BY27" s="280">
        <v>1</v>
      </c>
      <c r="BZ27" s="277">
        <v>7</v>
      </c>
      <c r="CA27" s="282">
        <v>9</v>
      </c>
      <c r="CB27" s="276">
        <v>0</v>
      </c>
      <c r="CC27" s="280">
        <v>0</v>
      </c>
      <c r="CD27" s="277">
        <v>0</v>
      </c>
      <c r="CE27" s="279">
        <v>0</v>
      </c>
      <c r="CF27" s="280">
        <v>1</v>
      </c>
      <c r="CG27" s="280">
        <v>1</v>
      </c>
      <c r="CH27" s="280">
        <v>3</v>
      </c>
      <c r="CI27" s="280">
        <v>1</v>
      </c>
      <c r="CJ27" s="280">
        <v>0</v>
      </c>
      <c r="CK27" s="277">
        <v>6</v>
      </c>
      <c r="CL27" s="282">
        <v>6</v>
      </c>
      <c r="CM27" s="276">
        <v>0</v>
      </c>
      <c r="CN27" s="280">
        <v>0</v>
      </c>
      <c r="CO27" s="277">
        <v>0</v>
      </c>
      <c r="CP27" s="279">
        <v>0</v>
      </c>
      <c r="CQ27" s="280">
        <v>0</v>
      </c>
      <c r="CR27" s="280">
        <v>1</v>
      </c>
      <c r="CS27" s="280">
        <v>0</v>
      </c>
      <c r="CT27" s="280">
        <v>0</v>
      </c>
      <c r="CU27" s="280">
        <v>1</v>
      </c>
      <c r="CV27" s="277">
        <v>2</v>
      </c>
      <c r="CW27" s="282">
        <v>2</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3</v>
      </c>
      <c r="DU27" s="280">
        <v>10</v>
      </c>
      <c r="DV27" s="277">
        <v>13</v>
      </c>
      <c r="DW27" s="279">
        <v>0</v>
      </c>
      <c r="DX27" s="280">
        <v>6</v>
      </c>
      <c r="DY27" s="280">
        <v>10</v>
      </c>
      <c r="DZ27" s="280">
        <v>6</v>
      </c>
      <c r="EA27" s="280">
        <v>5</v>
      </c>
      <c r="EB27" s="280">
        <v>3</v>
      </c>
      <c r="EC27" s="277">
        <v>30</v>
      </c>
      <c r="ED27" s="282">
        <v>43</v>
      </c>
      <c r="EE27" s="276">
        <v>0</v>
      </c>
      <c r="EF27" s="280">
        <v>0</v>
      </c>
      <c r="EG27" s="277">
        <v>0</v>
      </c>
      <c r="EH27" s="279">
        <v>0</v>
      </c>
      <c r="EI27" s="280">
        <v>0</v>
      </c>
      <c r="EJ27" s="280">
        <v>1</v>
      </c>
      <c r="EK27" s="280">
        <v>1</v>
      </c>
      <c r="EL27" s="280">
        <v>2</v>
      </c>
      <c r="EM27" s="280">
        <v>2</v>
      </c>
      <c r="EN27" s="277">
        <v>6</v>
      </c>
      <c r="EO27" s="282">
        <v>6</v>
      </c>
      <c r="EP27" s="276">
        <v>4</v>
      </c>
      <c r="EQ27" s="280">
        <v>15</v>
      </c>
      <c r="ER27" s="277">
        <v>19</v>
      </c>
      <c r="ES27" s="279">
        <v>0</v>
      </c>
      <c r="ET27" s="280">
        <v>11</v>
      </c>
      <c r="EU27" s="280">
        <v>12</v>
      </c>
      <c r="EV27" s="280">
        <v>6</v>
      </c>
      <c r="EW27" s="280">
        <v>6</v>
      </c>
      <c r="EX27" s="280">
        <v>4</v>
      </c>
      <c r="EY27" s="277">
        <v>39</v>
      </c>
      <c r="EZ27" s="282">
        <v>58</v>
      </c>
    </row>
    <row r="28" spans="2:156" ht="21" customHeight="1" x14ac:dyDescent="0.2">
      <c r="B28" s="261" t="s">
        <v>26</v>
      </c>
      <c r="C28" s="276">
        <v>0</v>
      </c>
      <c r="D28" s="280">
        <v>0</v>
      </c>
      <c r="E28" s="382">
        <v>0</v>
      </c>
      <c r="F28" s="279">
        <v>0</v>
      </c>
      <c r="G28" s="280">
        <v>5</v>
      </c>
      <c r="H28" s="280">
        <v>1</v>
      </c>
      <c r="I28" s="280">
        <v>3</v>
      </c>
      <c r="J28" s="280">
        <v>3</v>
      </c>
      <c r="K28" s="280">
        <v>1</v>
      </c>
      <c r="L28" s="281">
        <v>13</v>
      </c>
      <c r="M28" s="282">
        <v>13</v>
      </c>
      <c r="N28" s="276">
        <v>0</v>
      </c>
      <c r="O28" s="280">
        <v>0</v>
      </c>
      <c r="P28" s="277">
        <v>0</v>
      </c>
      <c r="Q28" s="279">
        <v>0</v>
      </c>
      <c r="R28" s="280">
        <v>0</v>
      </c>
      <c r="S28" s="280">
        <v>0</v>
      </c>
      <c r="T28" s="280">
        <v>0</v>
      </c>
      <c r="U28" s="280">
        <v>0</v>
      </c>
      <c r="V28" s="280">
        <v>1</v>
      </c>
      <c r="W28" s="277">
        <v>1</v>
      </c>
      <c r="X28" s="282">
        <v>1</v>
      </c>
      <c r="Y28" s="276">
        <v>0</v>
      </c>
      <c r="Z28" s="280">
        <v>2</v>
      </c>
      <c r="AA28" s="277">
        <v>2</v>
      </c>
      <c r="AB28" s="279">
        <v>0</v>
      </c>
      <c r="AC28" s="280">
        <v>5</v>
      </c>
      <c r="AD28" s="280">
        <v>4</v>
      </c>
      <c r="AE28" s="280">
        <v>2</v>
      </c>
      <c r="AF28" s="280">
        <v>5</v>
      </c>
      <c r="AG28" s="280">
        <v>2</v>
      </c>
      <c r="AH28" s="277">
        <v>18</v>
      </c>
      <c r="AI28" s="282">
        <v>20</v>
      </c>
      <c r="AJ28" s="276">
        <v>0</v>
      </c>
      <c r="AK28" s="280">
        <v>0</v>
      </c>
      <c r="AL28" s="277">
        <v>0</v>
      </c>
      <c r="AM28" s="279">
        <v>0</v>
      </c>
      <c r="AN28" s="280">
        <v>0</v>
      </c>
      <c r="AO28" s="280">
        <v>1</v>
      </c>
      <c r="AP28" s="280">
        <v>0</v>
      </c>
      <c r="AQ28" s="280">
        <v>0</v>
      </c>
      <c r="AR28" s="280">
        <v>0</v>
      </c>
      <c r="AS28" s="277">
        <v>1</v>
      </c>
      <c r="AT28" s="282">
        <v>1</v>
      </c>
      <c r="AU28" s="276">
        <v>3</v>
      </c>
      <c r="AV28" s="280">
        <v>1</v>
      </c>
      <c r="AW28" s="277">
        <v>4</v>
      </c>
      <c r="AX28" s="279">
        <v>0</v>
      </c>
      <c r="AY28" s="280">
        <v>3</v>
      </c>
      <c r="AZ28" s="280">
        <v>6</v>
      </c>
      <c r="BA28" s="280">
        <v>1</v>
      </c>
      <c r="BB28" s="280">
        <v>5</v>
      </c>
      <c r="BC28" s="280">
        <v>2</v>
      </c>
      <c r="BD28" s="281">
        <v>17</v>
      </c>
      <c r="BE28" s="282">
        <v>21</v>
      </c>
      <c r="BF28" s="276">
        <v>0</v>
      </c>
      <c r="BG28" s="280">
        <v>0</v>
      </c>
      <c r="BH28" s="277">
        <v>0</v>
      </c>
      <c r="BI28" s="279">
        <v>0</v>
      </c>
      <c r="BJ28" s="280">
        <v>5</v>
      </c>
      <c r="BK28" s="280">
        <v>3</v>
      </c>
      <c r="BL28" s="280">
        <v>3</v>
      </c>
      <c r="BM28" s="280">
        <v>2</v>
      </c>
      <c r="BN28" s="280">
        <v>0</v>
      </c>
      <c r="BO28" s="277">
        <v>13</v>
      </c>
      <c r="BP28" s="282">
        <v>13</v>
      </c>
      <c r="BQ28" s="276">
        <v>0</v>
      </c>
      <c r="BR28" s="280">
        <v>1</v>
      </c>
      <c r="BS28" s="277">
        <v>1</v>
      </c>
      <c r="BT28" s="279">
        <v>0</v>
      </c>
      <c r="BU28" s="280">
        <v>1</v>
      </c>
      <c r="BV28" s="280">
        <v>2</v>
      </c>
      <c r="BW28" s="280">
        <v>2</v>
      </c>
      <c r="BX28" s="280">
        <v>0</v>
      </c>
      <c r="BY28" s="280">
        <v>0</v>
      </c>
      <c r="BZ28" s="277">
        <v>5</v>
      </c>
      <c r="CA28" s="282">
        <v>6</v>
      </c>
      <c r="CB28" s="276">
        <v>0</v>
      </c>
      <c r="CC28" s="280">
        <v>0</v>
      </c>
      <c r="CD28" s="277">
        <v>0</v>
      </c>
      <c r="CE28" s="279">
        <v>0</v>
      </c>
      <c r="CF28" s="280">
        <v>0</v>
      </c>
      <c r="CG28" s="280">
        <v>1</v>
      </c>
      <c r="CH28" s="280">
        <v>1</v>
      </c>
      <c r="CI28" s="280">
        <v>2</v>
      </c>
      <c r="CJ28" s="280">
        <v>0</v>
      </c>
      <c r="CK28" s="277">
        <v>4</v>
      </c>
      <c r="CL28" s="282">
        <v>4</v>
      </c>
      <c r="CM28" s="276">
        <v>0</v>
      </c>
      <c r="CN28" s="280">
        <v>0</v>
      </c>
      <c r="CO28" s="277">
        <v>0</v>
      </c>
      <c r="CP28" s="279">
        <v>0</v>
      </c>
      <c r="CQ28" s="280">
        <v>1</v>
      </c>
      <c r="CR28" s="280">
        <v>0</v>
      </c>
      <c r="CS28" s="280">
        <v>0</v>
      </c>
      <c r="CT28" s="280">
        <v>0</v>
      </c>
      <c r="CU28" s="280">
        <v>0</v>
      </c>
      <c r="CV28" s="277">
        <v>1</v>
      </c>
      <c r="CW28" s="282">
        <v>1</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2</v>
      </c>
      <c r="DU28" s="280">
        <v>4</v>
      </c>
      <c r="DV28" s="277">
        <v>6</v>
      </c>
      <c r="DW28" s="279">
        <v>0</v>
      </c>
      <c r="DX28" s="280">
        <v>6</v>
      </c>
      <c r="DY28" s="280">
        <v>8</v>
      </c>
      <c r="DZ28" s="280">
        <v>6</v>
      </c>
      <c r="EA28" s="280">
        <v>5</v>
      </c>
      <c r="EB28" s="280">
        <v>2</v>
      </c>
      <c r="EC28" s="277">
        <v>27</v>
      </c>
      <c r="ED28" s="282">
        <v>33</v>
      </c>
      <c r="EE28" s="276">
        <v>3</v>
      </c>
      <c r="EF28" s="280">
        <v>1</v>
      </c>
      <c r="EG28" s="277">
        <v>4</v>
      </c>
      <c r="EH28" s="279">
        <v>0</v>
      </c>
      <c r="EI28" s="280">
        <v>2</v>
      </c>
      <c r="EJ28" s="280">
        <v>5</v>
      </c>
      <c r="EK28" s="280">
        <v>0</v>
      </c>
      <c r="EL28" s="280">
        <v>0</v>
      </c>
      <c r="EM28" s="280">
        <v>1</v>
      </c>
      <c r="EN28" s="277">
        <v>8</v>
      </c>
      <c r="EO28" s="282">
        <v>12</v>
      </c>
      <c r="EP28" s="276">
        <v>2</v>
      </c>
      <c r="EQ28" s="280">
        <v>6</v>
      </c>
      <c r="ER28" s="277">
        <v>8</v>
      </c>
      <c r="ES28" s="279">
        <v>0</v>
      </c>
      <c r="ET28" s="280">
        <v>15</v>
      </c>
      <c r="EU28" s="280">
        <v>10</v>
      </c>
      <c r="EV28" s="280">
        <v>6</v>
      </c>
      <c r="EW28" s="280">
        <v>6</v>
      </c>
      <c r="EX28" s="280">
        <v>2</v>
      </c>
      <c r="EY28" s="277">
        <v>39</v>
      </c>
      <c r="EZ28" s="282">
        <v>47</v>
      </c>
    </row>
    <row r="29" spans="2:156" ht="21" customHeight="1" x14ac:dyDescent="0.2">
      <c r="B29" s="261" t="s">
        <v>27</v>
      </c>
      <c r="C29" s="276">
        <v>0</v>
      </c>
      <c r="D29" s="280">
        <v>0</v>
      </c>
      <c r="E29" s="382">
        <v>0</v>
      </c>
      <c r="F29" s="279">
        <v>0</v>
      </c>
      <c r="G29" s="280">
        <v>0</v>
      </c>
      <c r="H29" s="280">
        <v>3</v>
      </c>
      <c r="I29" s="280">
        <v>3</v>
      </c>
      <c r="J29" s="280">
        <v>1</v>
      </c>
      <c r="K29" s="280">
        <v>1</v>
      </c>
      <c r="L29" s="281">
        <v>8</v>
      </c>
      <c r="M29" s="282">
        <v>8</v>
      </c>
      <c r="N29" s="276">
        <v>0</v>
      </c>
      <c r="O29" s="280">
        <v>0</v>
      </c>
      <c r="P29" s="277">
        <v>0</v>
      </c>
      <c r="Q29" s="279">
        <v>0</v>
      </c>
      <c r="R29" s="280">
        <v>0</v>
      </c>
      <c r="S29" s="280">
        <v>0</v>
      </c>
      <c r="T29" s="280">
        <v>0</v>
      </c>
      <c r="U29" s="280">
        <v>2</v>
      </c>
      <c r="V29" s="280">
        <v>0</v>
      </c>
      <c r="W29" s="277">
        <v>2</v>
      </c>
      <c r="X29" s="282">
        <v>2</v>
      </c>
      <c r="Y29" s="276">
        <v>4</v>
      </c>
      <c r="Z29" s="280">
        <v>3</v>
      </c>
      <c r="AA29" s="277">
        <v>7</v>
      </c>
      <c r="AB29" s="279">
        <v>0</v>
      </c>
      <c r="AC29" s="280">
        <v>1</v>
      </c>
      <c r="AD29" s="280">
        <v>3</v>
      </c>
      <c r="AE29" s="280">
        <v>4</v>
      </c>
      <c r="AF29" s="280">
        <v>2</v>
      </c>
      <c r="AG29" s="280">
        <v>1</v>
      </c>
      <c r="AH29" s="277">
        <v>11</v>
      </c>
      <c r="AI29" s="282">
        <v>18</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3</v>
      </c>
      <c r="AZ29" s="280">
        <v>4</v>
      </c>
      <c r="BA29" s="280">
        <v>9</v>
      </c>
      <c r="BB29" s="280">
        <v>5</v>
      </c>
      <c r="BC29" s="280">
        <v>2</v>
      </c>
      <c r="BD29" s="281">
        <v>23</v>
      </c>
      <c r="BE29" s="282">
        <v>23</v>
      </c>
      <c r="BF29" s="276">
        <v>0</v>
      </c>
      <c r="BG29" s="280">
        <v>0</v>
      </c>
      <c r="BH29" s="277">
        <v>0</v>
      </c>
      <c r="BI29" s="279">
        <v>0</v>
      </c>
      <c r="BJ29" s="280">
        <v>1</v>
      </c>
      <c r="BK29" s="280">
        <v>3</v>
      </c>
      <c r="BL29" s="280">
        <v>1</v>
      </c>
      <c r="BM29" s="280">
        <v>1</v>
      </c>
      <c r="BN29" s="280">
        <v>0</v>
      </c>
      <c r="BO29" s="277">
        <v>6</v>
      </c>
      <c r="BP29" s="282">
        <v>6</v>
      </c>
      <c r="BQ29" s="276">
        <v>1</v>
      </c>
      <c r="BR29" s="280">
        <v>0</v>
      </c>
      <c r="BS29" s="277">
        <v>1</v>
      </c>
      <c r="BT29" s="279">
        <v>0</v>
      </c>
      <c r="BU29" s="280">
        <v>0</v>
      </c>
      <c r="BV29" s="280">
        <v>2</v>
      </c>
      <c r="BW29" s="280">
        <v>1</v>
      </c>
      <c r="BX29" s="280">
        <v>0</v>
      </c>
      <c r="BY29" s="280">
        <v>0</v>
      </c>
      <c r="BZ29" s="277">
        <v>3</v>
      </c>
      <c r="CA29" s="282">
        <v>4</v>
      </c>
      <c r="CB29" s="276">
        <v>0</v>
      </c>
      <c r="CC29" s="280">
        <v>0</v>
      </c>
      <c r="CD29" s="277">
        <v>0</v>
      </c>
      <c r="CE29" s="279">
        <v>0</v>
      </c>
      <c r="CF29" s="280">
        <v>0</v>
      </c>
      <c r="CG29" s="280">
        <v>0</v>
      </c>
      <c r="CH29" s="280">
        <v>3</v>
      </c>
      <c r="CI29" s="280">
        <v>1</v>
      </c>
      <c r="CJ29" s="280">
        <v>0</v>
      </c>
      <c r="CK29" s="277">
        <v>4</v>
      </c>
      <c r="CL29" s="282">
        <v>4</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5</v>
      </c>
      <c r="DU29" s="280">
        <v>8</v>
      </c>
      <c r="DV29" s="277">
        <v>13</v>
      </c>
      <c r="DW29" s="279">
        <v>0</v>
      </c>
      <c r="DX29" s="280">
        <v>2</v>
      </c>
      <c r="DY29" s="280">
        <v>9</v>
      </c>
      <c r="DZ29" s="280">
        <v>7</v>
      </c>
      <c r="EA29" s="280">
        <v>4</v>
      </c>
      <c r="EB29" s="280">
        <v>1</v>
      </c>
      <c r="EC29" s="277">
        <v>23</v>
      </c>
      <c r="ED29" s="282">
        <v>36</v>
      </c>
      <c r="EE29" s="276">
        <v>0</v>
      </c>
      <c r="EF29" s="280">
        <v>0</v>
      </c>
      <c r="EG29" s="277">
        <v>0</v>
      </c>
      <c r="EH29" s="279">
        <v>0</v>
      </c>
      <c r="EI29" s="280">
        <v>4</v>
      </c>
      <c r="EJ29" s="280">
        <v>2</v>
      </c>
      <c r="EK29" s="280">
        <v>6</v>
      </c>
      <c r="EL29" s="280">
        <v>2</v>
      </c>
      <c r="EM29" s="280">
        <v>1</v>
      </c>
      <c r="EN29" s="277">
        <v>15</v>
      </c>
      <c r="EO29" s="282">
        <v>15</v>
      </c>
      <c r="EP29" s="276">
        <v>9</v>
      </c>
      <c r="EQ29" s="280">
        <v>10</v>
      </c>
      <c r="ER29" s="277">
        <v>19</v>
      </c>
      <c r="ES29" s="279">
        <v>0</v>
      </c>
      <c r="ET29" s="280">
        <v>6</v>
      </c>
      <c r="EU29" s="280">
        <v>10</v>
      </c>
      <c r="EV29" s="280">
        <v>9</v>
      </c>
      <c r="EW29" s="280">
        <v>4</v>
      </c>
      <c r="EX29" s="280">
        <v>1</v>
      </c>
      <c r="EY29" s="277">
        <v>30</v>
      </c>
      <c r="EZ29" s="282">
        <v>49</v>
      </c>
    </row>
    <row r="30" spans="2:156" ht="21" customHeight="1" x14ac:dyDescent="0.2">
      <c r="B30" s="261" t="s">
        <v>28</v>
      </c>
      <c r="C30" s="276">
        <v>0</v>
      </c>
      <c r="D30" s="280">
        <v>0</v>
      </c>
      <c r="E30" s="382">
        <v>0</v>
      </c>
      <c r="F30" s="279">
        <v>0</v>
      </c>
      <c r="G30" s="280">
        <v>1</v>
      </c>
      <c r="H30" s="280">
        <v>1</v>
      </c>
      <c r="I30" s="280">
        <v>0</v>
      </c>
      <c r="J30" s="280">
        <v>0</v>
      </c>
      <c r="K30" s="280">
        <v>1</v>
      </c>
      <c r="L30" s="281">
        <v>3</v>
      </c>
      <c r="M30" s="282">
        <v>3</v>
      </c>
      <c r="N30" s="276">
        <v>0</v>
      </c>
      <c r="O30" s="280">
        <v>0</v>
      </c>
      <c r="P30" s="277">
        <v>0</v>
      </c>
      <c r="Q30" s="279">
        <v>0</v>
      </c>
      <c r="R30" s="280">
        <v>0</v>
      </c>
      <c r="S30" s="280">
        <v>0</v>
      </c>
      <c r="T30" s="280">
        <v>1</v>
      </c>
      <c r="U30" s="280">
        <v>0</v>
      </c>
      <c r="V30" s="280">
        <v>0</v>
      </c>
      <c r="W30" s="277">
        <v>1</v>
      </c>
      <c r="X30" s="282">
        <v>1</v>
      </c>
      <c r="Y30" s="276">
        <v>0</v>
      </c>
      <c r="Z30" s="280">
        <v>0</v>
      </c>
      <c r="AA30" s="277">
        <v>0</v>
      </c>
      <c r="AB30" s="279">
        <v>0</v>
      </c>
      <c r="AC30" s="280">
        <v>0</v>
      </c>
      <c r="AD30" s="280">
        <v>1</v>
      </c>
      <c r="AE30" s="280">
        <v>2</v>
      </c>
      <c r="AF30" s="280">
        <v>0</v>
      </c>
      <c r="AG30" s="280">
        <v>0</v>
      </c>
      <c r="AH30" s="277">
        <v>3</v>
      </c>
      <c r="AI30" s="282">
        <v>3</v>
      </c>
      <c r="AJ30" s="276">
        <v>0</v>
      </c>
      <c r="AK30" s="280">
        <v>0</v>
      </c>
      <c r="AL30" s="277">
        <v>0</v>
      </c>
      <c r="AM30" s="279">
        <v>0</v>
      </c>
      <c r="AN30" s="280">
        <v>1</v>
      </c>
      <c r="AO30" s="280">
        <v>0</v>
      </c>
      <c r="AP30" s="280">
        <v>0</v>
      </c>
      <c r="AQ30" s="280">
        <v>0</v>
      </c>
      <c r="AR30" s="280">
        <v>0</v>
      </c>
      <c r="AS30" s="277">
        <v>1</v>
      </c>
      <c r="AT30" s="282">
        <v>1</v>
      </c>
      <c r="AU30" s="276">
        <v>0</v>
      </c>
      <c r="AV30" s="280">
        <v>0</v>
      </c>
      <c r="AW30" s="277">
        <v>0</v>
      </c>
      <c r="AX30" s="279">
        <v>0</v>
      </c>
      <c r="AY30" s="280">
        <v>0</v>
      </c>
      <c r="AZ30" s="280">
        <v>2</v>
      </c>
      <c r="BA30" s="280">
        <v>3</v>
      </c>
      <c r="BB30" s="280">
        <v>1</v>
      </c>
      <c r="BC30" s="280">
        <v>1</v>
      </c>
      <c r="BD30" s="281">
        <v>7</v>
      </c>
      <c r="BE30" s="282">
        <v>7</v>
      </c>
      <c r="BF30" s="276">
        <v>0</v>
      </c>
      <c r="BG30" s="280">
        <v>0</v>
      </c>
      <c r="BH30" s="277">
        <v>0</v>
      </c>
      <c r="BI30" s="279">
        <v>0</v>
      </c>
      <c r="BJ30" s="280">
        <v>0</v>
      </c>
      <c r="BK30" s="280">
        <v>1</v>
      </c>
      <c r="BL30" s="280">
        <v>1</v>
      </c>
      <c r="BM30" s="280">
        <v>1</v>
      </c>
      <c r="BN30" s="280">
        <v>0</v>
      </c>
      <c r="BO30" s="277">
        <v>3</v>
      </c>
      <c r="BP30" s="282">
        <v>3</v>
      </c>
      <c r="BQ30" s="276">
        <v>0</v>
      </c>
      <c r="BR30" s="280">
        <v>0</v>
      </c>
      <c r="BS30" s="277">
        <v>0</v>
      </c>
      <c r="BT30" s="279">
        <v>0</v>
      </c>
      <c r="BU30" s="280">
        <v>0</v>
      </c>
      <c r="BV30" s="280">
        <v>1</v>
      </c>
      <c r="BW30" s="280">
        <v>1</v>
      </c>
      <c r="BX30" s="280">
        <v>0</v>
      </c>
      <c r="BY30" s="280">
        <v>1</v>
      </c>
      <c r="BZ30" s="277">
        <v>3</v>
      </c>
      <c r="CA30" s="282">
        <v>3</v>
      </c>
      <c r="CB30" s="276">
        <v>0</v>
      </c>
      <c r="CC30" s="280">
        <v>0</v>
      </c>
      <c r="CD30" s="277">
        <v>0</v>
      </c>
      <c r="CE30" s="279">
        <v>0</v>
      </c>
      <c r="CF30" s="280">
        <v>0</v>
      </c>
      <c r="CG30" s="280">
        <v>1</v>
      </c>
      <c r="CH30" s="280">
        <v>0</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1</v>
      </c>
      <c r="DU30" s="280">
        <v>1</v>
      </c>
      <c r="DV30" s="277">
        <v>2</v>
      </c>
      <c r="DW30" s="279">
        <v>0</v>
      </c>
      <c r="DX30" s="280">
        <v>2</v>
      </c>
      <c r="DY30" s="280">
        <v>3</v>
      </c>
      <c r="DZ30" s="280">
        <v>2</v>
      </c>
      <c r="EA30" s="280">
        <v>0</v>
      </c>
      <c r="EB30" s="280">
        <v>2</v>
      </c>
      <c r="EC30" s="277">
        <v>9</v>
      </c>
      <c r="ED30" s="282">
        <v>11</v>
      </c>
      <c r="EE30" s="276">
        <v>0</v>
      </c>
      <c r="EF30" s="280">
        <v>0</v>
      </c>
      <c r="EG30" s="277">
        <v>0</v>
      </c>
      <c r="EH30" s="279">
        <v>0</v>
      </c>
      <c r="EI30" s="280">
        <v>0</v>
      </c>
      <c r="EJ30" s="280">
        <v>0</v>
      </c>
      <c r="EK30" s="280">
        <v>1</v>
      </c>
      <c r="EL30" s="280">
        <v>1</v>
      </c>
      <c r="EM30" s="280">
        <v>0</v>
      </c>
      <c r="EN30" s="277">
        <v>2</v>
      </c>
      <c r="EO30" s="282">
        <v>2</v>
      </c>
      <c r="EP30" s="276">
        <v>1</v>
      </c>
      <c r="EQ30" s="280">
        <v>1</v>
      </c>
      <c r="ER30" s="277">
        <v>2</v>
      </c>
      <c r="ES30" s="279">
        <v>0</v>
      </c>
      <c r="ET30" s="280">
        <v>4</v>
      </c>
      <c r="EU30" s="280">
        <v>4</v>
      </c>
      <c r="EV30" s="280">
        <v>3</v>
      </c>
      <c r="EW30" s="280">
        <v>1</v>
      </c>
      <c r="EX30" s="280">
        <v>2</v>
      </c>
      <c r="EY30" s="277">
        <v>14</v>
      </c>
      <c r="EZ30" s="282">
        <v>16</v>
      </c>
    </row>
    <row r="31" spans="2:156" ht="21" customHeight="1" x14ac:dyDescent="0.2">
      <c r="B31" s="261" t="s">
        <v>29</v>
      </c>
      <c r="C31" s="276">
        <v>0</v>
      </c>
      <c r="D31" s="280">
        <v>0</v>
      </c>
      <c r="E31" s="382">
        <v>0</v>
      </c>
      <c r="F31" s="279">
        <v>0</v>
      </c>
      <c r="G31" s="280">
        <v>2</v>
      </c>
      <c r="H31" s="280">
        <v>2</v>
      </c>
      <c r="I31" s="280">
        <v>0</v>
      </c>
      <c r="J31" s="280">
        <v>3</v>
      </c>
      <c r="K31" s="280">
        <v>0</v>
      </c>
      <c r="L31" s="281">
        <v>7</v>
      </c>
      <c r="M31" s="282">
        <v>7</v>
      </c>
      <c r="N31" s="276">
        <v>0</v>
      </c>
      <c r="O31" s="280">
        <v>0</v>
      </c>
      <c r="P31" s="277">
        <v>0</v>
      </c>
      <c r="Q31" s="279">
        <v>0</v>
      </c>
      <c r="R31" s="280">
        <v>0</v>
      </c>
      <c r="S31" s="280">
        <v>0</v>
      </c>
      <c r="T31" s="280">
        <v>0</v>
      </c>
      <c r="U31" s="280">
        <v>0</v>
      </c>
      <c r="V31" s="280">
        <v>0</v>
      </c>
      <c r="W31" s="277">
        <v>0</v>
      </c>
      <c r="X31" s="282">
        <v>0</v>
      </c>
      <c r="Y31" s="276">
        <v>0</v>
      </c>
      <c r="Z31" s="280">
        <v>1</v>
      </c>
      <c r="AA31" s="277">
        <v>1</v>
      </c>
      <c r="AB31" s="279">
        <v>0</v>
      </c>
      <c r="AC31" s="280">
        <v>1</v>
      </c>
      <c r="AD31" s="280">
        <v>2</v>
      </c>
      <c r="AE31" s="280">
        <v>5</v>
      </c>
      <c r="AF31" s="280">
        <v>1</v>
      </c>
      <c r="AG31" s="280">
        <v>0</v>
      </c>
      <c r="AH31" s="277">
        <v>9</v>
      </c>
      <c r="AI31" s="282">
        <v>10</v>
      </c>
      <c r="AJ31" s="276">
        <v>0</v>
      </c>
      <c r="AK31" s="280">
        <v>0</v>
      </c>
      <c r="AL31" s="277">
        <v>0</v>
      </c>
      <c r="AM31" s="279">
        <v>0</v>
      </c>
      <c r="AN31" s="280">
        <v>1</v>
      </c>
      <c r="AO31" s="280">
        <v>0</v>
      </c>
      <c r="AP31" s="280">
        <v>1</v>
      </c>
      <c r="AQ31" s="280">
        <v>1</v>
      </c>
      <c r="AR31" s="280">
        <v>0</v>
      </c>
      <c r="AS31" s="277">
        <v>3</v>
      </c>
      <c r="AT31" s="282">
        <v>3</v>
      </c>
      <c r="AU31" s="276">
        <v>0</v>
      </c>
      <c r="AV31" s="280">
        <v>0</v>
      </c>
      <c r="AW31" s="277">
        <v>0</v>
      </c>
      <c r="AX31" s="279">
        <v>0</v>
      </c>
      <c r="AY31" s="280">
        <v>2</v>
      </c>
      <c r="AZ31" s="280">
        <v>0</v>
      </c>
      <c r="BA31" s="280">
        <v>2</v>
      </c>
      <c r="BB31" s="280">
        <v>2</v>
      </c>
      <c r="BC31" s="280">
        <v>0</v>
      </c>
      <c r="BD31" s="281">
        <v>6</v>
      </c>
      <c r="BE31" s="282">
        <v>6</v>
      </c>
      <c r="BF31" s="276">
        <v>0</v>
      </c>
      <c r="BG31" s="280">
        <v>0</v>
      </c>
      <c r="BH31" s="277">
        <v>0</v>
      </c>
      <c r="BI31" s="279">
        <v>0</v>
      </c>
      <c r="BJ31" s="280">
        <v>2</v>
      </c>
      <c r="BK31" s="280">
        <v>1</v>
      </c>
      <c r="BL31" s="280">
        <v>2</v>
      </c>
      <c r="BM31" s="280">
        <v>1</v>
      </c>
      <c r="BN31" s="280">
        <v>0</v>
      </c>
      <c r="BO31" s="277">
        <v>6</v>
      </c>
      <c r="BP31" s="282">
        <v>6</v>
      </c>
      <c r="BQ31" s="276">
        <v>0</v>
      </c>
      <c r="BR31" s="280">
        <v>0</v>
      </c>
      <c r="BS31" s="277">
        <v>0</v>
      </c>
      <c r="BT31" s="279">
        <v>0</v>
      </c>
      <c r="BU31" s="280">
        <v>2</v>
      </c>
      <c r="BV31" s="280">
        <v>0</v>
      </c>
      <c r="BW31" s="280">
        <v>1</v>
      </c>
      <c r="BX31" s="280">
        <v>1</v>
      </c>
      <c r="BY31" s="280">
        <v>0</v>
      </c>
      <c r="BZ31" s="277">
        <v>4</v>
      </c>
      <c r="CA31" s="282">
        <v>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1</v>
      </c>
      <c r="CR31" s="280">
        <v>0</v>
      </c>
      <c r="CS31" s="280">
        <v>0</v>
      </c>
      <c r="CT31" s="280">
        <v>0</v>
      </c>
      <c r="CU31" s="280">
        <v>0</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1</v>
      </c>
      <c r="DU31" s="280">
        <v>2</v>
      </c>
      <c r="DV31" s="277">
        <v>3</v>
      </c>
      <c r="DW31" s="279">
        <v>0</v>
      </c>
      <c r="DX31" s="280">
        <v>3</v>
      </c>
      <c r="DY31" s="280">
        <v>1</v>
      </c>
      <c r="DZ31" s="280">
        <v>6</v>
      </c>
      <c r="EA31" s="280">
        <v>3</v>
      </c>
      <c r="EB31" s="280">
        <v>0</v>
      </c>
      <c r="EC31" s="277">
        <v>13</v>
      </c>
      <c r="ED31" s="282">
        <v>16</v>
      </c>
      <c r="EE31" s="276">
        <v>0</v>
      </c>
      <c r="EF31" s="280">
        <v>0</v>
      </c>
      <c r="EG31" s="277">
        <v>0</v>
      </c>
      <c r="EH31" s="279">
        <v>0</v>
      </c>
      <c r="EI31" s="280">
        <v>2</v>
      </c>
      <c r="EJ31" s="280">
        <v>0</v>
      </c>
      <c r="EK31" s="280">
        <v>0</v>
      </c>
      <c r="EL31" s="280">
        <v>2</v>
      </c>
      <c r="EM31" s="280">
        <v>0</v>
      </c>
      <c r="EN31" s="277">
        <v>4</v>
      </c>
      <c r="EO31" s="282">
        <v>4</v>
      </c>
      <c r="EP31" s="276">
        <v>1</v>
      </c>
      <c r="EQ31" s="280">
        <v>3</v>
      </c>
      <c r="ER31" s="277">
        <v>4</v>
      </c>
      <c r="ES31" s="279">
        <v>0</v>
      </c>
      <c r="ET31" s="280">
        <v>5</v>
      </c>
      <c r="EU31" s="280">
        <v>2</v>
      </c>
      <c r="EV31" s="280">
        <v>6</v>
      </c>
      <c r="EW31" s="280">
        <v>3</v>
      </c>
      <c r="EX31" s="280">
        <v>0</v>
      </c>
      <c r="EY31" s="277">
        <v>16</v>
      </c>
      <c r="EZ31" s="282">
        <v>20</v>
      </c>
    </row>
    <row r="32" spans="2:156" ht="21" customHeight="1" x14ac:dyDescent="0.2">
      <c r="B32" s="261" t="s">
        <v>30</v>
      </c>
      <c r="C32" s="276">
        <v>0</v>
      </c>
      <c r="D32" s="280">
        <v>0</v>
      </c>
      <c r="E32" s="382">
        <v>0</v>
      </c>
      <c r="F32" s="279">
        <v>0</v>
      </c>
      <c r="G32" s="280">
        <v>1</v>
      </c>
      <c r="H32" s="280">
        <v>1</v>
      </c>
      <c r="I32" s="280">
        <v>1</v>
      </c>
      <c r="J32" s="280">
        <v>0</v>
      </c>
      <c r="K32" s="280">
        <v>0</v>
      </c>
      <c r="L32" s="281">
        <v>3</v>
      </c>
      <c r="M32" s="282">
        <v>3</v>
      </c>
      <c r="N32" s="276">
        <v>0</v>
      </c>
      <c r="O32" s="280">
        <v>0</v>
      </c>
      <c r="P32" s="277">
        <v>0</v>
      </c>
      <c r="Q32" s="279">
        <v>0</v>
      </c>
      <c r="R32" s="280">
        <v>1</v>
      </c>
      <c r="S32" s="280">
        <v>0</v>
      </c>
      <c r="T32" s="280">
        <v>0</v>
      </c>
      <c r="U32" s="280">
        <v>1</v>
      </c>
      <c r="V32" s="280">
        <v>0</v>
      </c>
      <c r="W32" s="277">
        <v>2</v>
      </c>
      <c r="X32" s="282">
        <v>2</v>
      </c>
      <c r="Y32" s="276">
        <v>0</v>
      </c>
      <c r="Z32" s="280">
        <v>0</v>
      </c>
      <c r="AA32" s="277">
        <v>0</v>
      </c>
      <c r="AB32" s="279">
        <v>0</v>
      </c>
      <c r="AC32" s="280">
        <v>1</v>
      </c>
      <c r="AD32" s="280">
        <v>1</v>
      </c>
      <c r="AE32" s="280">
        <v>0</v>
      </c>
      <c r="AF32" s="280">
        <v>1</v>
      </c>
      <c r="AG32" s="280">
        <v>0</v>
      </c>
      <c r="AH32" s="277">
        <v>3</v>
      </c>
      <c r="AI32" s="282">
        <v>3</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1</v>
      </c>
      <c r="BA32" s="280">
        <v>2</v>
      </c>
      <c r="BB32" s="280">
        <v>0</v>
      </c>
      <c r="BC32" s="280">
        <v>0</v>
      </c>
      <c r="BD32" s="281">
        <v>5</v>
      </c>
      <c r="BE32" s="282">
        <v>5</v>
      </c>
      <c r="BF32" s="276">
        <v>0</v>
      </c>
      <c r="BG32" s="280">
        <v>0</v>
      </c>
      <c r="BH32" s="277">
        <v>0</v>
      </c>
      <c r="BI32" s="279">
        <v>0</v>
      </c>
      <c r="BJ32" s="280">
        <v>0</v>
      </c>
      <c r="BK32" s="280">
        <v>4</v>
      </c>
      <c r="BL32" s="280">
        <v>0</v>
      </c>
      <c r="BM32" s="280">
        <v>0</v>
      </c>
      <c r="BN32" s="280">
        <v>0</v>
      </c>
      <c r="BO32" s="277">
        <v>4</v>
      </c>
      <c r="BP32" s="282">
        <v>4</v>
      </c>
      <c r="BQ32" s="276">
        <v>0</v>
      </c>
      <c r="BR32" s="280">
        <v>0</v>
      </c>
      <c r="BS32" s="277">
        <v>0</v>
      </c>
      <c r="BT32" s="279">
        <v>0</v>
      </c>
      <c r="BU32" s="280">
        <v>0</v>
      </c>
      <c r="BV32" s="280">
        <v>1</v>
      </c>
      <c r="BW32" s="280">
        <v>0</v>
      </c>
      <c r="BX32" s="280">
        <v>1</v>
      </c>
      <c r="BY32" s="280">
        <v>0</v>
      </c>
      <c r="BZ32" s="277">
        <v>2</v>
      </c>
      <c r="CA32" s="282">
        <v>2</v>
      </c>
      <c r="CB32" s="276">
        <v>0</v>
      </c>
      <c r="CC32" s="280">
        <v>0</v>
      </c>
      <c r="CD32" s="277">
        <v>0</v>
      </c>
      <c r="CE32" s="279">
        <v>0</v>
      </c>
      <c r="CF32" s="280">
        <v>0</v>
      </c>
      <c r="CG32" s="280">
        <v>1</v>
      </c>
      <c r="CH32" s="280">
        <v>0</v>
      </c>
      <c r="CI32" s="280">
        <v>0</v>
      </c>
      <c r="CJ32" s="280">
        <v>0</v>
      </c>
      <c r="CK32" s="277">
        <v>1</v>
      </c>
      <c r="CL32" s="282">
        <v>1</v>
      </c>
      <c r="CM32" s="276">
        <v>0</v>
      </c>
      <c r="CN32" s="280">
        <v>0</v>
      </c>
      <c r="CO32" s="277">
        <v>0</v>
      </c>
      <c r="CP32" s="279">
        <v>0</v>
      </c>
      <c r="CQ32" s="280">
        <v>0</v>
      </c>
      <c r="CR32" s="280">
        <v>1</v>
      </c>
      <c r="CS32" s="280">
        <v>0</v>
      </c>
      <c r="CT32" s="280">
        <v>0</v>
      </c>
      <c r="CU32" s="280">
        <v>0</v>
      </c>
      <c r="CV32" s="277">
        <v>1</v>
      </c>
      <c r="CW32" s="282">
        <v>1</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v>
      </c>
      <c r="DU32" s="280">
        <v>1</v>
      </c>
      <c r="DV32" s="277">
        <v>4</v>
      </c>
      <c r="DW32" s="279">
        <v>0</v>
      </c>
      <c r="DX32" s="280">
        <v>1</v>
      </c>
      <c r="DY32" s="280">
        <v>4</v>
      </c>
      <c r="DZ32" s="280">
        <v>1</v>
      </c>
      <c r="EA32" s="280">
        <v>3</v>
      </c>
      <c r="EB32" s="280">
        <v>0</v>
      </c>
      <c r="EC32" s="277">
        <v>9</v>
      </c>
      <c r="ED32" s="282">
        <v>13</v>
      </c>
      <c r="EE32" s="276">
        <v>0</v>
      </c>
      <c r="EF32" s="280">
        <v>0</v>
      </c>
      <c r="EG32" s="277">
        <v>0</v>
      </c>
      <c r="EH32" s="279">
        <v>0</v>
      </c>
      <c r="EI32" s="280">
        <v>2</v>
      </c>
      <c r="EJ32" s="280">
        <v>1</v>
      </c>
      <c r="EK32" s="280">
        <v>0</v>
      </c>
      <c r="EL32" s="280">
        <v>0</v>
      </c>
      <c r="EM32" s="280">
        <v>0</v>
      </c>
      <c r="EN32" s="277">
        <v>3</v>
      </c>
      <c r="EO32" s="282">
        <v>3</v>
      </c>
      <c r="EP32" s="276">
        <v>3</v>
      </c>
      <c r="EQ32" s="280">
        <v>1</v>
      </c>
      <c r="ER32" s="277">
        <v>4</v>
      </c>
      <c r="ES32" s="279">
        <v>0</v>
      </c>
      <c r="ET32" s="280">
        <v>3</v>
      </c>
      <c r="EU32" s="280">
        <v>5</v>
      </c>
      <c r="EV32" s="280">
        <v>1</v>
      </c>
      <c r="EW32" s="280">
        <v>3</v>
      </c>
      <c r="EX32" s="280">
        <v>0</v>
      </c>
      <c r="EY32" s="277">
        <v>12</v>
      </c>
      <c r="EZ32" s="282">
        <v>16</v>
      </c>
    </row>
    <row r="33" spans="2:156" ht="21" customHeight="1" x14ac:dyDescent="0.2">
      <c r="B33" s="261" t="s">
        <v>31</v>
      </c>
      <c r="C33" s="276">
        <v>0</v>
      </c>
      <c r="D33" s="280">
        <v>0</v>
      </c>
      <c r="E33" s="382">
        <v>0</v>
      </c>
      <c r="F33" s="279">
        <v>0</v>
      </c>
      <c r="G33" s="280">
        <v>0</v>
      </c>
      <c r="H33" s="280">
        <v>0</v>
      </c>
      <c r="I33" s="280">
        <v>1</v>
      </c>
      <c r="J33" s="280">
        <v>1</v>
      </c>
      <c r="K33" s="280">
        <v>0</v>
      </c>
      <c r="L33" s="281">
        <v>2</v>
      </c>
      <c r="M33" s="282">
        <v>2</v>
      </c>
      <c r="N33" s="276">
        <v>0</v>
      </c>
      <c r="O33" s="280">
        <v>0</v>
      </c>
      <c r="P33" s="277">
        <v>0</v>
      </c>
      <c r="Q33" s="279">
        <v>0</v>
      </c>
      <c r="R33" s="280">
        <v>0</v>
      </c>
      <c r="S33" s="280">
        <v>0</v>
      </c>
      <c r="T33" s="280">
        <v>0</v>
      </c>
      <c r="U33" s="280">
        <v>0</v>
      </c>
      <c r="V33" s="280">
        <v>1</v>
      </c>
      <c r="W33" s="277">
        <v>1</v>
      </c>
      <c r="X33" s="282">
        <v>1</v>
      </c>
      <c r="Y33" s="276">
        <v>0</v>
      </c>
      <c r="Z33" s="280">
        <v>0</v>
      </c>
      <c r="AA33" s="277">
        <v>0</v>
      </c>
      <c r="AB33" s="279">
        <v>0</v>
      </c>
      <c r="AC33" s="280">
        <v>1</v>
      </c>
      <c r="AD33" s="280">
        <v>1</v>
      </c>
      <c r="AE33" s="280">
        <v>2</v>
      </c>
      <c r="AF33" s="280">
        <v>3</v>
      </c>
      <c r="AG33" s="280">
        <v>1</v>
      </c>
      <c r="AH33" s="277">
        <v>8</v>
      </c>
      <c r="AI33" s="282">
        <v>8</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1</v>
      </c>
      <c r="AZ33" s="280">
        <v>1</v>
      </c>
      <c r="BA33" s="280">
        <v>0</v>
      </c>
      <c r="BB33" s="280">
        <v>1</v>
      </c>
      <c r="BC33" s="280">
        <v>1</v>
      </c>
      <c r="BD33" s="281">
        <v>4</v>
      </c>
      <c r="BE33" s="282">
        <v>4</v>
      </c>
      <c r="BF33" s="276">
        <v>0</v>
      </c>
      <c r="BG33" s="280">
        <v>0</v>
      </c>
      <c r="BH33" s="277">
        <v>0</v>
      </c>
      <c r="BI33" s="279">
        <v>0</v>
      </c>
      <c r="BJ33" s="280">
        <v>0</v>
      </c>
      <c r="BK33" s="280">
        <v>2</v>
      </c>
      <c r="BL33" s="280">
        <v>2</v>
      </c>
      <c r="BM33" s="280">
        <v>2</v>
      </c>
      <c r="BN33" s="280">
        <v>0</v>
      </c>
      <c r="BO33" s="277">
        <v>6</v>
      </c>
      <c r="BP33" s="282">
        <v>6</v>
      </c>
      <c r="BQ33" s="276">
        <v>0</v>
      </c>
      <c r="BR33" s="280">
        <v>0</v>
      </c>
      <c r="BS33" s="277">
        <v>0</v>
      </c>
      <c r="BT33" s="279">
        <v>0</v>
      </c>
      <c r="BU33" s="280">
        <v>1</v>
      </c>
      <c r="BV33" s="280">
        <v>0</v>
      </c>
      <c r="BW33" s="280">
        <v>0</v>
      </c>
      <c r="BX33" s="280">
        <v>1</v>
      </c>
      <c r="BY33" s="280">
        <v>0</v>
      </c>
      <c r="BZ33" s="277">
        <v>2</v>
      </c>
      <c r="CA33" s="282">
        <v>2</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1</v>
      </c>
      <c r="CS33" s="280">
        <v>0</v>
      </c>
      <c r="CT33" s="280">
        <v>0</v>
      </c>
      <c r="CU33" s="280">
        <v>0</v>
      </c>
      <c r="CV33" s="277">
        <v>1</v>
      </c>
      <c r="CW33" s="282">
        <v>1</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0</v>
      </c>
      <c r="DV33" s="277">
        <v>2</v>
      </c>
      <c r="DW33" s="279">
        <v>0</v>
      </c>
      <c r="DX33" s="280">
        <v>3</v>
      </c>
      <c r="DY33" s="280">
        <v>3</v>
      </c>
      <c r="DZ33" s="280">
        <v>1</v>
      </c>
      <c r="EA33" s="280">
        <v>3</v>
      </c>
      <c r="EB33" s="280">
        <v>1</v>
      </c>
      <c r="EC33" s="277">
        <v>11</v>
      </c>
      <c r="ED33" s="282">
        <v>13</v>
      </c>
      <c r="EE33" s="276">
        <v>0</v>
      </c>
      <c r="EF33" s="280">
        <v>0</v>
      </c>
      <c r="EG33" s="277">
        <v>0</v>
      </c>
      <c r="EH33" s="279">
        <v>0</v>
      </c>
      <c r="EI33" s="280">
        <v>1</v>
      </c>
      <c r="EJ33" s="280">
        <v>0</v>
      </c>
      <c r="EK33" s="280">
        <v>0</v>
      </c>
      <c r="EL33" s="280">
        <v>0</v>
      </c>
      <c r="EM33" s="280">
        <v>0</v>
      </c>
      <c r="EN33" s="277">
        <v>1</v>
      </c>
      <c r="EO33" s="282">
        <v>1</v>
      </c>
      <c r="EP33" s="276">
        <v>2</v>
      </c>
      <c r="EQ33" s="280">
        <v>0</v>
      </c>
      <c r="ER33" s="277">
        <v>2</v>
      </c>
      <c r="ES33" s="279">
        <v>0</v>
      </c>
      <c r="ET33" s="280">
        <v>5</v>
      </c>
      <c r="EU33" s="280">
        <v>4</v>
      </c>
      <c r="EV33" s="280">
        <v>4</v>
      </c>
      <c r="EW33" s="280">
        <v>3</v>
      </c>
      <c r="EX33" s="280">
        <v>1</v>
      </c>
      <c r="EY33" s="277">
        <v>17</v>
      </c>
      <c r="EZ33" s="282">
        <v>19</v>
      </c>
    </row>
    <row r="34" spans="2:156" ht="21" customHeight="1" x14ac:dyDescent="0.2">
      <c r="B34" s="261" t="s">
        <v>32</v>
      </c>
      <c r="C34" s="276">
        <v>0</v>
      </c>
      <c r="D34" s="280">
        <v>0</v>
      </c>
      <c r="E34" s="382">
        <v>0</v>
      </c>
      <c r="F34" s="279">
        <v>0</v>
      </c>
      <c r="G34" s="280">
        <v>0</v>
      </c>
      <c r="H34" s="280">
        <v>0</v>
      </c>
      <c r="I34" s="280">
        <v>0</v>
      </c>
      <c r="J34" s="280">
        <v>1</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4</v>
      </c>
      <c r="AE34" s="280">
        <v>0</v>
      </c>
      <c r="AF34" s="280">
        <v>0</v>
      </c>
      <c r="AG34" s="280">
        <v>0</v>
      </c>
      <c r="AH34" s="277">
        <v>4</v>
      </c>
      <c r="AI34" s="282">
        <v>4</v>
      </c>
      <c r="AJ34" s="276">
        <v>1</v>
      </c>
      <c r="AK34" s="280">
        <v>0</v>
      </c>
      <c r="AL34" s="277">
        <v>1</v>
      </c>
      <c r="AM34" s="279">
        <v>0</v>
      </c>
      <c r="AN34" s="280">
        <v>0</v>
      </c>
      <c r="AO34" s="280">
        <v>1</v>
      </c>
      <c r="AP34" s="280">
        <v>0</v>
      </c>
      <c r="AQ34" s="280">
        <v>1</v>
      </c>
      <c r="AR34" s="280">
        <v>0</v>
      </c>
      <c r="AS34" s="277">
        <v>2</v>
      </c>
      <c r="AT34" s="282">
        <v>3</v>
      </c>
      <c r="AU34" s="276">
        <v>0</v>
      </c>
      <c r="AV34" s="280">
        <v>0</v>
      </c>
      <c r="AW34" s="277">
        <v>0</v>
      </c>
      <c r="AX34" s="279">
        <v>0</v>
      </c>
      <c r="AY34" s="280">
        <v>0</v>
      </c>
      <c r="AZ34" s="280">
        <v>1</v>
      </c>
      <c r="BA34" s="280">
        <v>3</v>
      </c>
      <c r="BB34" s="280">
        <v>2</v>
      </c>
      <c r="BC34" s="280">
        <v>2</v>
      </c>
      <c r="BD34" s="281">
        <v>8</v>
      </c>
      <c r="BE34" s="282">
        <v>8</v>
      </c>
      <c r="BF34" s="276">
        <v>0</v>
      </c>
      <c r="BG34" s="280">
        <v>0</v>
      </c>
      <c r="BH34" s="277">
        <v>0</v>
      </c>
      <c r="BI34" s="279">
        <v>0</v>
      </c>
      <c r="BJ34" s="280">
        <v>2</v>
      </c>
      <c r="BK34" s="280">
        <v>1</v>
      </c>
      <c r="BL34" s="280">
        <v>0</v>
      </c>
      <c r="BM34" s="280">
        <v>0</v>
      </c>
      <c r="BN34" s="280">
        <v>0</v>
      </c>
      <c r="BO34" s="277">
        <v>3</v>
      </c>
      <c r="BP34" s="282">
        <v>3</v>
      </c>
      <c r="BQ34" s="276">
        <v>1</v>
      </c>
      <c r="BR34" s="280">
        <v>0</v>
      </c>
      <c r="BS34" s="277">
        <v>1</v>
      </c>
      <c r="BT34" s="279">
        <v>0</v>
      </c>
      <c r="BU34" s="280">
        <v>0</v>
      </c>
      <c r="BV34" s="280">
        <v>0</v>
      </c>
      <c r="BW34" s="280">
        <v>1</v>
      </c>
      <c r="BX34" s="280">
        <v>1</v>
      </c>
      <c r="BY34" s="280">
        <v>0</v>
      </c>
      <c r="BZ34" s="277">
        <v>2</v>
      </c>
      <c r="CA34" s="282">
        <v>3</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v>
      </c>
      <c r="DU34" s="280">
        <v>0</v>
      </c>
      <c r="DV34" s="277">
        <v>1</v>
      </c>
      <c r="DW34" s="279">
        <v>0</v>
      </c>
      <c r="DX34" s="280">
        <v>2</v>
      </c>
      <c r="DY34" s="280">
        <v>4</v>
      </c>
      <c r="DZ34" s="280">
        <v>2</v>
      </c>
      <c r="EA34" s="280">
        <v>2</v>
      </c>
      <c r="EB34" s="280">
        <v>0</v>
      </c>
      <c r="EC34" s="277">
        <v>10</v>
      </c>
      <c r="ED34" s="282">
        <v>11</v>
      </c>
      <c r="EE34" s="276">
        <v>0</v>
      </c>
      <c r="EF34" s="280">
        <v>0</v>
      </c>
      <c r="EG34" s="277">
        <v>0</v>
      </c>
      <c r="EH34" s="279">
        <v>0</v>
      </c>
      <c r="EI34" s="280">
        <v>1</v>
      </c>
      <c r="EJ34" s="280">
        <v>1</v>
      </c>
      <c r="EK34" s="280">
        <v>1</v>
      </c>
      <c r="EL34" s="280">
        <v>0</v>
      </c>
      <c r="EM34" s="280">
        <v>1</v>
      </c>
      <c r="EN34" s="277">
        <v>4</v>
      </c>
      <c r="EO34" s="282">
        <v>4</v>
      </c>
      <c r="EP34" s="276">
        <v>3</v>
      </c>
      <c r="EQ34" s="280">
        <v>0</v>
      </c>
      <c r="ER34" s="277">
        <v>3</v>
      </c>
      <c r="ES34" s="279">
        <v>0</v>
      </c>
      <c r="ET34" s="280">
        <v>8</v>
      </c>
      <c r="EU34" s="280">
        <v>5</v>
      </c>
      <c r="EV34" s="280">
        <v>2</v>
      </c>
      <c r="EW34" s="280">
        <v>2</v>
      </c>
      <c r="EX34" s="280">
        <v>0</v>
      </c>
      <c r="EY34" s="277">
        <v>17</v>
      </c>
      <c r="EZ34" s="282">
        <v>20</v>
      </c>
    </row>
    <row r="35" spans="2:156" ht="21" customHeight="1" x14ac:dyDescent="0.2">
      <c r="B35" s="261" t="s">
        <v>33</v>
      </c>
      <c r="C35" s="276">
        <v>0</v>
      </c>
      <c r="D35" s="280">
        <v>0</v>
      </c>
      <c r="E35" s="382">
        <v>0</v>
      </c>
      <c r="F35" s="279">
        <v>0</v>
      </c>
      <c r="G35" s="280">
        <v>2</v>
      </c>
      <c r="H35" s="280">
        <v>0</v>
      </c>
      <c r="I35" s="280">
        <v>1</v>
      </c>
      <c r="J35" s="280">
        <v>0</v>
      </c>
      <c r="K35" s="280">
        <v>1</v>
      </c>
      <c r="L35" s="281">
        <v>4</v>
      </c>
      <c r="M35" s="282">
        <v>4</v>
      </c>
      <c r="N35" s="276">
        <v>0</v>
      </c>
      <c r="O35" s="280">
        <v>0</v>
      </c>
      <c r="P35" s="277">
        <v>0</v>
      </c>
      <c r="Q35" s="279">
        <v>0</v>
      </c>
      <c r="R35" s="280">
        <v>0</v>
      </c>
      <c r="S35" s="280">
        <v>0</v>
      </c>
      <c r="T35" s="280">
        <v>1</v>
      </c>
      <c r="U35" s="280">
        <v>0</v>
      </c>
      <c r="V35" s="280">
        <v>0</v>
      </c>
      <c r="W35" s="277">
        <v>1</v>
      </c>
      <c r="X35" s="282">
        <v>1</v>
      </c>
      <c r="Y35" s="276">
        <v>0</v>
      </c>
      <c r="Z35" s="280">
        <v>0</v>
      </c>
      <c r="AA35" s="277">
        <v>0</v>
      </c>
      <c r="AB35" s="279">
        <v>0</v>
      </c>
      <c r="AC35" s="280">
        <v>0</v>
      </c>
      <c r="AD35" s="280">
        <v>1</v>
      </c>
      <c r="AE35" s="280">
        <v>2</v>
      </c>
      <c r="AF35" s="280">
        <v>0</v>
      </c>
      <c r="AG35" s="280">
        <v>0</v>
      </c>
      <c r="AH35" s="277">
        <v>3</v>
      </c>
      <c r="AI35" s="282">
        <v>3</v>
      </c>
      <c r="AJ35" s="276">
        <v>0</v>
      </c>
      <c r="AK35" s="280">
        <v>0</v>
      </c>
      <c r="AL35" s="277">
        <v>0</v>
      </c>
      <c r="AM35" s="279">
        <v>0</v>
      </c>
      <c r="AN35" s="280">
        <v>3</v>
      </c>
      <c r="AO35" s="280">
        <v>2</v>
      </c>
      <c r="AP35" s="280">
        <v>2</v>
      </c>
      <c r="AQ35" s="280">
        <v>0</v>
      </c>
      <c r="AR35" s="280">
        <v>0</v>
      </c>
      <c r="AS35" s="277">
        <v>7</v>
      </c>
      <c r="AT35" s="282">
        <v>7</v>
      </c>
      <c r="AU35" s="276">
        <v>0</v>
      </c>
      <c r="AV35" s="280">
        <v>0</v>
      </c>
      <c r="AW35" s="277">
        <v>0</v>
      </c>
      <c r="AX35" s="279">
        <v>0</v>
      </c>
      <c r="AY35" s="280">
        <v>1</v>
      </c>
      <c r="AZ35" s="280">
        <v>0</v>
      </c>
      <c r="BA35" s="280">
        <v>3</v>
      </c>
      <c r="BB35" s="280">
        <v>0</v>
      </c>
      <c r="BC35" s="280">
        <v>0</v>
      </c>
      <c r="BD35" s="281">
        <v>4</v>
      </c>
      <c r="BE35" s="282">
        <v>4</v>
      </c>
      <c r="BF35" s="276">
        <v>0</v>
      </c>
      <c r="BG35" s="280">
        <v>0</v>
      </c>
      <c r="BH35" s="277">
        <v>0</v>
      </c>
      <c r="BI35" s="279">
        <v>0</v>
      </c>
      <c r="BJ35" s="280">
        <v>2</v>
      </c>
      <c r="BK35" s="280">
        <v>0</v>
      </c>
      <c r="BL35" s="280">
        <v>0</v>
      </c>
      <c r="BM35" s="280">
        <v>0</v>
      </c>
      <c r="BN35" s="280">
        <v>1</v>
      </c>
      <c r="BO35" s="277">
        <v>3</v>
      </c>
      <c r="BP35" s="282">
        <v>3</v>
      </c>
      <c r="BQ35" s="276">
        <v>0</v>
      </c>
      <c r="BR35" s="280">
        <v>0</v>
      </c>
      <c r="BS35" s="277">
        <v>0</v>
      </c>
      <c r="BT35" s="279">
        <v>0</v>
      </c>
      <c r="BU35" s="280">
        <v>3</v>
      </c>
      <c r="BV35" s="280">
        <v>0</v>
      </c>
      <c r="BW35" s="280">
        <v>1</v>
      </c>
      <c r="BX35" s="280">
        <v>0</v>
      </c>
      <c r="BY35" s="280">
        <v>0</v>
      </c>
      <c r="BZ35" s="277">
        <v>4</v>
      </c>
      <c r="CA35" s="282">
        <v>4</v>
      </c>
      <c r="CB35" s="276">
        <v>0</v>
      </c>
      <c r="CC35" s="280">
        <v>0</v>
      </c>
      <c r="CD35" s="277">
        <v>0</v>
      </c>
      <c r="CE35" s="279">
        <v>0</v>
      </c>
      <c r="CF35" s="280">
        <v>0</v>
      </c>
      <c r="CG35" s="280">
        <v>0</v>
      </c>
      <c r="CH35" s="280">
        <v>1</v>
      </c>
      <c r="CI35" s="280">
        <v>0</v>
      </c>
      <c r="CJ35" s="280">
        <v>0</v>
      </c>
      <c r="CK35" s="277">
        <v>1</v>
      </c>
      <c r="CL35" s="282">
        <v>1</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0</v>
      </c>
      <c r="DU35" s="280">
        <v>1</v>
      </c>
      <c r="DV35" s="277">
        <v>1</v>
      </c>
      <c r="DW35" s="279">
        <v>0</v>
      </c>
      <c r="DX35" s="280">
        <v>2</v>
      </c>
      <c r="DY35" s="280">
        <v>2</v>
      </c>
      <c r="DZ35" s="280">
        <v>3</v>
      </c>
      <c r="EA35" s="280">
        <v>0</v>
      </c>
      <c r="EB35" s="280">
        <v>2</v>
      </c>
      <c r="EC35" s="277">
        <v>9</v>
      </c>
      <c r="ED35" s="282">
        <v>10</v>
      </c>
      <c r="EE35" s="276">
        <v>2</v>
      </c>
      <c r="EF35" s="280">
        <v>0</v>
      </c>
      <c r="EG35" s="277">
        <v>2</v>
      </c>
      <c r="EH35" s="279">
        <v>0</v>
      </c>
      <c r="EI35" s="280">
        <v>1</v>
      </c>
      <c r="EJ35" s="280">
        <v>0</v>
      </c>
      <c r="EK35" s="280">
        <v>2</v>
      </c>
      <c r="EL35" s="280">
        <v>1</v>
      </c>
      <c r="EM35" s="280">
        <v>0</v>
      </c>
      <c r="EN35" s="277">
        <v>4</v>
      </c>
      <c r="EO35" s="282">
        <v>6</v>
      </c>
      <c r="EP35" s="276">
        <v>1</v>
      </c>
      <c r="EQ35" s="280">
        <v>1</v>
      </c>
      <c r="ER35" s="277">
        <v>2</v>
      </c>
      <c r="ES35" s="279">
        <v>0</v>
      </c>
      <c r="ET35" s="280">
        <v>6</v>
      </c>
      <c r="EU35" s="280">
        <v>2</v>
      </c>
      <c r="EV35" s="280">
        <v>4</v>
      </c>
      <c r="EW35" s="280">
        <v>0</v>
      </c>
      <c r="EX35" s="280">
        <v>1</v>
      </c>
      <c r="EY35" s="277">
        <v>13</v>
      </c>
      <c r="EZ35" s="282">
        <v>15</v>
      </c>
    </row>
    <row r="36" spans="2:156" ht="21" customHeight="1" x14ac:dyDescent="0.2">
      <c r="B36" s="261" t="s">
        <v>34</v>
      </c>
      <c r="C36" s="276">
        <v>0</v>
      </c>
      <c r="D36" s="280">
        <v>0</v>
      </c>
      <c r="E36" s="382">
        <v>0</v>
      </c>
      <c r="F36" s="279">
        <v>0</v>
      </c>
      <c r="G36" s="280">
        <v>1</v>
      </c>
      <c r="H36" s="280">
        <v>0</v>
      </c>
      <c r="I36" s="280">
        <v>0</v>
      </c>
      <c r="J36" s="280">
        <v>0</v>
      </c>
      <c r="K36" s="280">
        <v>0</v>
      </c>
      <c r="L36" s="281">
        <v>1</v>
      </c>
      <c r="M36" s="282">
        <v>1</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2</v>
      </c>
      <c r="AZ36" s="280">
        <v>1</v>
      </c>
      <c r="BA36" s="280">
        <v>1</v>
      </c>
      <c r="BB36" s="280">
        <v>0</v>
      </c>
      <c r="BC36" s="280">
        <v>1</v>
      </c>
      <c r="BD36" s="281">
        <v>5</v>
      </c>
      <c r="BE36" s="282">
        <v>5</v>
      </c>
      <c r="BF36" s="276">
        <v>0</v>
      </c>
      <c r="BG36" s="280">
        <v>0</v>
      </c>
      <c r="BH36" s="277">
        <v>0</v>
      </c>
      <c r="BI36" s="279">
        <v>0</v>
      </c>
      <c r="BJ36" s="280">
        <v>0</v>
      </c>
      <c r="BK36" s="280">
        <v>1</v>
      </c>
      <c r="BL36" s="280">
        <v>1</v>
      </c>
      <c r="BM36" s="280">
        <v>0</v>
      </c>
      <c r="BN36" s="280">
        <v>0</v>
      </c>
      <c r="BO36" s="277">
        <v>2</v>
      </c>
      <c r="BP36" s="282">
        <v>2</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1</v>
      </c>
      <c r="DY36" s="280">
        <v>0</v>
      </c>
      <c r="DZ36" s="280">
        <v>0</v>
      </c>
      <c r="EA36" s="280">
        <v>0</v>
      </c>
      <c r="EB36" s="280">
        <v>1</v>
      </c>
      <c r="EC36" s="277">
        <v>2</v>
      </c>
      <c r="ED36" s="282">
        <v>2</v>
      </c>
      <c r="EE36" s="276">
        <v>0</v>
      </c>
      <c r="EF36" s="280">
        <v>0</v>
      </c>
      <c r="EG36" s="277">
        <v>0</v>
      </c>
      <c r="EH36" s="279">
        <v>0</v>
      </c>
      <c r="EI36" s="280">
        <v>0</v>
      </c>
      <c r="EJ36" s="280">
        <v>0</v>
      </c>
      <c r="EK36" s="280">
        <v>1</v>
      </c>
      <c r="EL36" s="280">
        <v>0</v>
      </c>
      <c r="EM36" s="280">
        <v>0</v>
      </c>
      <c r="EN36" s="277">
        <v>1</v>
      </c>
      <c r="EO36" s="282">
        <v>1</v>
      </c>
      <c r="EP36" s="276">
        <v>0</v>
      </c>
      <c r="EQ36" s="280">
        <v>0</v>
      </c>
      <c r="ER36" s="277">
        <v>0</v>
      </c>
      <c r="ES36" s="279">
        <v>0</v>
      </c>
      <c r="ET36" s="280">
        <v>1</v>
      </c>
      <c r="EU36" s="280">
        <v>1</v>
      </c>
      <c r="EV36" s="280">
        <v>1</v>
      </c>
      <c r="EW36" s="280">
        <v>0</v>
      </c>
      <c r="EX36" s="280">
        <v>0</v>
      </c>
      <c r="EY36" s="277">
        <v>3</v>
      </c>
      <c r="EZ36" s="282">
        <v>3</v>
      </c>
    </row>
    <row r="37" spans="2:156" ht="21" customHeight="1" x14ac:dyDescent="0.2">
      <c r="B37" s="261" t="s">
        <v>35</v>
      </c>
      <c r="C37" s="276">
        <v>0</v>
      </c>
      <c r="D37" s="280">
        <v>0</v>
      </c>
      <c r="E37" s="382">
        <v>0</v>
      </c>
      <c r="F37" s="279">
        <v>0</v>
      </c>
      <c r="G37" s="280">
        <v>4</v>
      </c>
      <c r="H37" s="280">
        <v>3</v>
      </c>
      <c r="I37" s="280">
        <v>3</v>
      </c>
      <c r="J37" s="280">
        <v>3</v>
      </c>
      <c r="K37" s="280">
        <v>0</v>
      </c>
      <c r="L37" s="281">
        <v>13</v>
      </c>
      <c r="M37" s="282">
        <v>13</v>
      </c>
      <c r="N37" s="276">
        <v>0</v>
      </c>
      <c r="O37" s="280">
        <v>0</v>
      </c>
      <c r="P37" s="277">
        <v>0</v>
      </c>
      <c r="Q37" s="279">
        <v>0</v>
      </c>
      <c r="R37" s="280">
        <v>0</v>
      </c>
      <c r="S37" s="280">
        <v>0</v>
      </c>
      <c r="T37" s="280">
        <v>0</v>
      </c>
      <c r="U37" s="280">
        <v>1</v>
      </c>
      <c r="V37" s="280">
        <v>0</v>
      </c>
      <c r="W37" s="277">
        <v>1</v>
      </c>
      <c r="X37" s="282">
        <v>1</v>
      </c>
      <c r="Y37" s="276">
        <v>1</v>
      </c>
      <c r="Z37" s="280">
        <v>2</v>
      </c>
      <c r="AA37" s="277">
        <v>3</v>
      </c>
      <c r="AB37" s="279">
        <v>0</v>
      </c>
      <c r="AC37" s="280">
        <v>3</v>
      </c>
      <c r="AD37" s="280">
        <v>1</v>
      </c>
      <c r="AE37" s="280">
        <v>2</v>
      </c>
      <c r="AF37" s="280">
        <v>4</v>
      </c>
      <c r="AG37" s="280">
        <v>0</v>
      </c>
      <c r="AH37" s="277">
        <v>10</v>
      </c>
      <c r="AI37" s="282">
        <v>13</v>
      </c>
      <c r="AJ37" s="276">
        <v>0</v>
      </c>
      <c r="AK37" s="280">
        <v>0</v>
      </c>
      <c r="AL37" s="277">
        <v>0</v>
      </c>
      <c r="AM37" s="279">
        <v>0</v>
      </c>
      <c r="AN37" s="280">
        <v>4</v>
      </c>
      <c r="AO37" s="280">
        <v>0</v>
      </c>
      <c r="AP37" s="280">
        <v>0</v>
      </c>
      <c r="AQ37" s="280">
        <v>0</v>
      </c>
      <c r="AR37" s="280">
        <v>0</v>
      </c>
      <c r="AS37" s="277">
        <v>4</v>
      </c>
      <c r="AT37" s="282">
        <v>4</v>
      </c>
      <c r="AU37" s="276">
        <v>4</v>
      </c>
      <c r="AV37" s="280">
        <v>2</v>
      </c>
      <c r="AW37" s="277">
        <v>6</v>
      </c>
      <c r="AX37" s="279">
        <v>0</v>
      </c>
      <c r="AY37" s="280">
        <v>2</v>
      </c>
      <c r="AZ37" s="280">
        <v>3</v>
      </c>
      <c r="BA37" s="280">
        <v>5</v>
      </c>
      <c r="BB37" s="280">
        <v>10</v>
      </c>
      <c r="BC37" s="280">
        <v>0</v>
      </c>
      <c r="BD37" s="281">
        <v>20</v>
      </c>
      <c r="BE37" s="282">
        <v>26</v>
      </c>
      <c r="BF37" s="276">
        <v>0</v>
      </c>
      <c r="BG37" s="280">
        <v>0</v>
      </c>
      <c r="BH37" s="277">
        <v>0</v>
      </c>
      <c r="BI37" s="279">
        <v>0</v>
      </c>
      <c r="BJ37" s="280">
        <v>4</v>
      </c>
      <c r="BK37" s="280">
        <v>3</v>
      </c>
      <c r="BL37" s="280">
        <v>1</v>
      </c>
      <c r="BM37" s="280">
        <v>1</v>
      </c>
      <c r="BN37" s="280">
        <v>0</v>
      </c>
      <c r="BO37" s="277">
        <v>9</v>
      </c>
      <c r="BP37" s="282">
        <v>9</v>
      </c>
      <c r="BQ37" s="276">
        <v>0</v>
      </c>
      <c r="BR37" s="280">
        <v>3</v>
      </c>
      <c r="BS37" s="277">
        <v>3</v>
      </c>
      <c r="BT37" s="279">
        <v>0</v>
      </c>
      <c r="BU37" s="280">
        <v>1</v>
      </c>
      <c r="BV37" s="280">
        <v>3</v>
      </c>
      <c r="BW37" s="280">
        <v>0</v>
      </c>
      <c r="BX37" s="280">
        <v>1</v>
      </c>
      <c r="BY37" s="280">
        <v>0</v>
      </c>
      <c r="BZ37" s="277">
        <v>5</v>
      </c>
      <c r="CA37" s="282">
        <v>8</v>
      </c>
      <c r="CB37" s="276">
        <v>0</v>
      </c>
      <c r="CC37" s="280">
        <v>0</v>
      </c>
      <c r="CD37" s="277">
        <v>0</v>
      </c>
      <c r="CE37" s="279">
        <v>0</v>
      </c>
      <c r="CF37" s="280">
        <v>0</v>
      </c>
      <c r="CG37" s="280">
        <v>0</v>
      </c>
      <c r="CH37" s="280">
        <v>0</v>
      </c>
      <c r="CI37" s="280">
        <v>2</v>
      </c>
      <c r="CJ37" s="280">
        <v>0</v>
      </c>
      <c r="CK37" s="277">
        <v>2</v>
      </c>
      <c r="CL37" s="282">
        <v>2</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1</v>
      </c>
      <c r="DU37" s="280">
        <v>3</v>
      </c>
      <c r="DV37" s="277">
        <v>4</v>
      </c>
      <c r="DW37" s="279">
        <v>0</v>
      </c>
      <c r="DX37" s="280">
        <v>5</v>
      </c>
      <c r="DY37" s="280">
        <v>7</v>
      </c>
      <c r="DZ37" s="280">
        <v>5</v>
      </c>
      <c r="EA37" s="280">
        <v>5</v>
      </c>
      <c r="EB37" s="280">
        <v>0</v>
      </c>
      <c r="EC37" s="277">
        <v>22</v>
      </c>
      <c r="ED37" s="282">
        <v>26</v>
      </c>
      <c r="EE37" s="276">
        <v>3</v>
      </c>
      <c r="EF37" s="280">
        <v>0</v>
      </c>
      <c r="EG37" s="277">
        <v>3</v>
      </c>
      <c r="EH37" s="279">
        <v>0</v>
      </c>
      <c r="EI37" s="280">
        <v>1</v>
      </c>
      <c r="EJ37" s="280">
        <v>3</v>
      </c>
      <c r="EK37" s="280">
        <v>4</v>
      </c>
      <c r="EL37" s="280">
        <v>5</v>
      </c>
      <c r="EM37" s="280">
        <v>0</v>
      </c>
      <c r="EN37" s="277">
        <v>13</v>
      </c>
      <c r="EO37" s="282">
        <v>16</v>
      </c>
      <c r="EP37" s="276">
        <v>2</v>
      </c>
      <c r="EQ37" s="280">
        <v>5</v>
      </c>
      <c r="ER37" s="277">
        <v>7</v>
      </c>
      <c r="ES37" s="279">
        <v>0</v>
      </c>
      <c r="ET37" s="280">
        <v>14</v>
      </c>
      <c r="EU37" s="280">
        <v>8</v>
      </c>
      <c r="EV37" s="280">
        <v>5</v>
      </c>
      <c r="EW37" s="280">
        <v>5</v>
      </c>
      <c r="EX37" s="280">
        <v>0</v>
      </c>
      <c r="EY37" s="277">
        <v>32</v>
      </c>
      <c r="EZ37" s="282">
        <v>39</v>
      </c>
    </row>
    <row r="38" spans="2:156" ht="21" customHeight="1" x14ac:dyDescent="0.2">
      <c r="B38" s="261" t="s">
        <v>36</v>
      </c>
      <c r="C38" s="276">
        <v>0</v>
      </c>
      <c r="D38" s="280">
        <v>0</v>
      </c>
      <c r="E38" s="382">
        <v>0</v>
      </c>
      <c r="F38" s="279">
        <v>0</v>
      </c>
      <c r="G38" s="280">
        <v>1</v>
      </c>
      <c r="H38" s="280">
        <v>1</v>
      </c>
      <c r="I38" s="280">
        <v>0</v>
      </c>
      <c r="J38" s="280">
        <v>2</v>
      </c>
      <c r="K38" s="280">
        <v>0</v>
      </c>
      <c r="L38" s="281">
        <v>4</v>
      </c>
      <c r="M38" s="282">
        <v>4</v>
      </c>
      <c r="N38" s="276">
        <v>0</v>
      </c>
      <c r="O38" s="280">
        <v>0</v>
      </c>
      <c r="P38" s="277">
        <v>0</v>
      </c>
      <c r="Q38" s="279">
        <v>0</v>
      </c>
      <c r="R38" s="280">
        <v>1</v>
      </c>
      <c r="S38" s="280">
        <v>0</v>
      </c>
      <c r="T38" s="280">
        <v>0</v>
      </c>
      <c r="U38" s="280">
        <v>0</v>
      </c>
      <c r="V38" s="280">
        <v>0</v>
      </c>
      <c r="W38" s="277">
        <v>1</v>
      </c>
      <c r="X38" s="282">
        <v>1</v>
      </c>
      <c r="Y38" s="276">
        <v>0</v>
      </c>
      <c r="Z38" s="280">
        <v>2</v>
      </c>
      <c r="AA38" s="277">
        <v>2</v>
      </c>
      <c r="AB38" s="279">
        <v>0</v>
      </c>
      <c r="AC38" s="280">
        <v>2</v>
      </c>
      <c r="AD38" s="280">
        <v>2</v>
      </c>
      <c r="AE38" s="280">
        <v>2</v>
      </c>
      <c r="AF38" s="280">
        <v>1</v>
      </c>
      <c r="AG38" s="280">
        <v>0</v>
      </c>
      <c r="AH38" s="277">
        <v>7</v>
      </c>
      <c r="AI38" s="282">
        <v>9</v>
      </c>
      <c r="AJ38" s="276">
        <v>0</v>
      </c>
      <c r="AK38" s="280">
        <v>0</v>
      </c>
      <c r="AL38" s="277">
        <v>0</v>
      </c>
      <c r="AM38" s="279">
        <v>0</v>
      </c>
      <c r="AN38" s="280">
        <v>1</v>
      </c>
      <c r="AO38" s="280">
        <v>0</v>
      </c>
      <c r="AP38" s="280">
        <v>0</v>
      </c>
      <c r="AQ38" s="280">
        <v>0</v>
      </c>
      <c r="AR38" s="280">
        <v>0</v>
      </c>
      <c r="AS38" s="277">
        <v>1</v>
      </c>
      <c r="AT38" s="282">
        <v>1</v>
      </c>
      <c r="AU38" s="276">
        <v>0</v>
      </c>
      <c r="AV38" s="280">
        <v>0</v>
      </c>
      <c r="AW38" s="277">
        <v>0</v>
      </c>
      <c r="AX38" s="279">
        <v>0</v>
      </c>
      <c r="AY38" s="280">
        <v>2</v>
      </c>
      <c r="AZ38" s="280">
        <v>1</v>
      </c>
      <c r="BA38" s="280">
        <v>3</v>
      </c>
      <c r="BB38" s="280">
        <v>5</v>
      </c>
      <c r="BC38" s="280">
        <v>1</v>
      </c>
      <c r="BD38" s="281">
        <v>12</v>
      </c>
      <c r="BE38" s="282">
        <v>12</v>
      </c>
      <c r="BF38" s="276">
        <v>0</v>
      </c>
      <c r="BG38" s="280">
        <v>0</v>
      </c>
      <c r="BH38" s="277">
        <v>0</v>
      </c>
      <c r="BI38" s="279">
        <v>0</v>
      </c>
      <c r="BJ38" s="280">
        <v>3</v>
      </c>
      <c r="BK38" s="280">
        <v>2</v>
      </c>
      <c r="BL38" s="280">
        <v>1</v>
      </c>
      <c r="BM38" s="280">
        <v>2</v>
      </c>
      <c r="BN38" s="280">
        <v>1</v>
      </c>
      <c r="BO38" s="277">
        <v>9</v>
      </c>
      <c r="BP38" s="282">
        <v>9</v>
      </c>
      <c r="BQ38" s="276">
        <v>0</v>
      </c>
      <c r="BR38" s="280">
        <v>0</v>
      </c>
      <c r="BS38" s="277">
        <v>0</v>
      </c>
      <c r="BT38" s="279">
        <v>0</v>
      </c>
      <c r="BU38" s="280">
        <v>1</v>
      </c>
      <c r="BV38" s="280">
        <v>0</v>
      </c>
      <c r="BW38" s="280">
        <v>0</v>
      </c>
      <c r="BX38" s="280">
        <v>0</v>
      </c>
      <c r="BY38" s="280">
        <v>0</v>
      </c>
      <c r="BZ38" s="277">
        <v>1</v>
      </c>
      <c r="CA38" s="282">
        <v>1</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1</v>
      </c>
      <c r="DV38" s="277">
        <v>1</v>
      </c>
      <c r="DW38" s="279">
        <v>0</v>
      </c>
      <c r="DX38" s="280">
        <v>6</v>
      </c>
      <c r="DY38" s="280">
        <v>4</v>
      </c>
      <c r="DZ38" s="280">
        <v>2</v>
      </c>
      <c r="EA38" s="280">
        <v>3</v>
      </c>
      <c r="EB38" s="280">
        <v>1</v>
      </c>
      <c r="EC38" s="277">
        <v>16</v>
      </c>
      <c r="ED38" s="282">
        <v>17</v>
      </c>
      <c r="EE38" s="276">
        <v>0</v>
      </c>
      <c r="EF38" s="280">
        <v>0</v>
      </c>
      <c r="EG38" s="277">
        <v>0</v>
      </c>
      <c r="EH38" s="279">
        <v>0</v>
      </c>
      <c r="EI38" s="280">
        <v>0</v>
      </c>
      <c r="EJ38" s="280">
        <v>1</v>
      </c>
      <c r="EK38" s="280">
        <v>2</v>
      </c>
      <c r="EL38" s="280">
        <v>3</v>
      </c>
      <c r="EM38" s="280">
        <v>0</v>
      </c>
      <c r="EN38" s="277">
        <v>6</v>
      </c>
      <c r="EO38" s="282">
        <v>6</v>
      </c>
      <c r="EP38" s="276">
        <v>0</v>
      </c>
      <c r="EQ38" s="280">
        <v>3</v>
      </c>
      <c r="ER38" s="277">
        <v>3</v>
      </c>
      <c r="ES38" s="279">
        <v>0</v>
      </c>
      <c r="ET38" s="280">
        <v>7</v>
      </c>
      <c r="EU38" s="280">
        <v>6</v>
      </c>
      <c r="EV38" s="280">
        <v>2</v>
      </c>
      <c r="EW38" s="280">
        <v>4</v>
      </c>
      <c r="EX38" s="280">
        <v>1</v>
      </c>
      <c r="EY38" s="277">
        <v>20</v>
      </c>
      <c r="EZ38" s="282">
        <v>23</v>
      </c>
    </row>
    <row r="39" spans="2:156" ht="21" customHeight="1" thickBot="1" x14ac:dyDescent="0.25">
      <c r="B39" s="262" t="s">
        <v>37</v>
      </c>
      <c r="C39" s="283">
        <v>0</v>
      </c>
      <c r="D39" s="287">
        <v>0</v>
      </c>
      <c r="E39" s="383">
        <v>0</v>
      </c>
      <c r="F39" s="286">
        <v>0</v>
      </c>
      <c r="G39" s="287">
        <v>0</v>
      </c>
      <c r="H39" s="287">
        <v>0</v>
      </c>
      <c r="I39" s="287">
        <v>0</v>
      </c>
      <c r="J39" s="287">
        <v>0</v>
      </c>
      <c r="K39" s="287">
        <v>1</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1</v>
      </c>
      <c r="BD39" s="288">
        <v>2</v>
      </c>
      <c r="BE39" s="289">
        <v>2</v>
      </c>
      <c r="BF39" s="283">
        <v>0</v>
      </c>
      <c r="BG39" s="287">
        <v>0</v>
      </c>
      <c r="BH39" s="284">
        <v>0</v>
      </c>
      <c r="BI39" s="286">
        <v>0</v>
      </c>
      <c r="BJ39" s="287">
        <v>0</v>
      </c>
      <c r="BK39" s="287">
        <v>0</v>
      </c>
      <c r="BL39" s="287">
        <v>0</v>
      </c>
      <c r="BM39" s="287">
        <v>0</v>
      </c>
      <c r="BN39" s="287">
        <v>0</v>
      </c>
      <c r="BO39" s="284">
        <v>0</v>
      </c>
      <c r="BP39" s="289">
        <v>0</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1</v>
      </c>
      <c r="CV39" s="284">
        <v>1</v>
      </c>
      <c r="CW39" s="289">
        <v>1</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0</v>
      </c>
      <c r="DZ39" s="287">
        <v>0</v>
      </c>
      <c r="EA39" s="287">
        <v>0</v>
      </c>
      <c r="EB39" s="287">
        <v>1</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0</v>
      </c>
      <c r="EU39" s="287">
        <v>0</v>
      </c>
      <c r="EV39" s="287">
        <v>0</v>
      </c>
      <c r="EW39" s="287">
        <v>0</v>
      </c>
      <c r="EX39" s="287">
        <v>1</v>
      </c>
      <c r="EY39" s="284">
        <v>1</v>
      </c>
      <c r="EZ39" s="289">
        <v>2</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77734375" style="255" customWidth="1"/>
    <col min="18" max="27" width="9" style="255"/>
    <col min="28" max="28" width="6.88671875" style="255" customWidth="1"/>
    <col min="29" max="38" width="9" style="255"/>
    <col min="39" max="39" width="7.21875" style="255" customWidth="1"/>
    <col min="40" max="49" width="9" style="255"/>
    <col min="50" max="50" width="7.44140625" style="255" customWidth="1"/>
    <col min="51" max="60" width="9" style="255"/>
    <col min="61" max="61" width="7.6640625" style="255" customWidth="1"/>
    <col min="62" max="71" width="9" style="255"/>
    <col min="72" max="72" width="7.88671875" style="255" customWidth="1"/>
    <col min="73" max="82" width="9" style="255"/>
    <col min="83" max="83" width="7" style="255" customWidth="1"/>
    <col min="84" max="93" width="9" style="255"/>
    <col min="94" max="94" width="7.6640625" style="255" customWidth="1"/>
    <col min="95" max="16384" width="9" style="255"/>
  </cols>
  <sheetData>
    <row r="1" spans="2:112" ht="24" customHeight="1" x14ac:dyDescent="0.2">
      <c r="B1" s="290" t="s">
        <v>123</v>
      </c>
      <c r="J1" s="524">
        <f>第１表!F2</f>
        <v>5</v>
      </c>
      <c r="K1" s="524"/>
      <c r="L1" s="248">
        <f>第１表!G2</f>
        <v>5</v>
      </c>
      <c r="M1" s="529">
        <f>IF(L1&lt;3,L1+12-2,L1-2)</f>
        <v>3</v>
      </c>
      <c r="N1" s="529"/>
    </row>
    <row r="2" spans="2:112" ht="24" customHeight="1" thickBot="1" x14ac:dyDescent="0.25">
      <c r="B2" s="290" t="s">
        <v>139</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05</v>
      </c>
      <c r="CN3" s="547"/>
      <c r="CO3" s="547"/>
      <c r="CP3" s="547"/>
      <c r="CQ3" s="547"/>
      <c r="CR3" s="547"/>
      <c r="CS3" s="547"/>
      <c r="CT3" s="547"/>
      <c r="CU3" s="547"/>
      <c r="CV3" s="547"/>
      <c r="CW3" s="548"/>
      <c r="CX3" s="546" t="s">
        <v>160</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59" t="s">
        <v>44</v>
      </c>
      <c r="E5" s="380"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09" t="s">
        <v>43</v>
      </c>
      <c r="Z5" s="259" t="s">
        <v>44</v>
      </c>
      <c r="AA5" s="268" t="s">
        <v>45</v>
      </c>
      <c r="AB5" s="267" t="s">
        <v>83</v>
      </c>
      <c r="AC5" s="259" t="s">
        <v>47</v>
      </c>
      <c r="AD5" s="259" t="s">
        <v>48</v>
      </c>
      <c r="AE5" s="259" t="s">
        <v>49</v>
      </c>
      <c r="AF5" s="259" t="s">
        <v>50</v>
      </c>
      <c r="AG5" s="259" t="s">
        <v>51</v>
      </c>
      <c r="AH5" s="265" t="s">
        <v>45</v>
      </c>
      <c r="AI5" s="531"/>
      <c r="AJ5" s="263" t="s">
        <v>43</v>
      </c>
      <c r="AK5" s="259" t="s">
        <v>44</v>
      </c>
      <c r="AL5" s="265" t="s">
        <v>45</v>
      </c>
      <c r="AM5" s="267" t="s">
        <v>83</v>
      </c>
      <c r="AN5" s="259" t="s">
        <v>47</v>
      </c>
      <c r="AO5" s="259" t="s">
        <v>48</v>
      </c>
      <c r="AP5" s="259" t="s">
        <v>49</v>
      </c>
      <c r="AQ5" s="259" t="s">
        <v>50</v>
      </c>
      <c r="AR5" s="259" t="s">
        <v>51</v>
      </c>
      <c r="AS5" s="265" t="s">
        <v>45</v>
      </c>
      <c r="AT5" s="531"/>
      <c r="AU5" s="309" t="s">
        <v>43</v>
      </c>
      <c r="AV5" s="259" t="s">
        <v>44</v>
      </c>
      <c r="AW5" s="268" t="s">
        <v>45</v>
      </c>
      <c r="AX5" s="267" t="s">
        <v>83</v>
      </c>
      <c r="AY5" s="259" t="s">
        <v>47</v>
      </c>
      <c r="AZ5" s="259" t="s">
        <v>48</v>
      </c>
      <c r="BA5" s="259" t="s">
        <v>49</v>
      </c>
      <c r="BB5" s="259" t="s">
        <v>50</v>
      </c>
      <c r="BC5" s="259" t="s">
        <v>51</v>
      </c>
      <c r="BD5" s="268" t="s">
        <v>45</v>
      </c>
      <c r="BE5" s="531"/>
      <c r="BF5" s="309" t="s">
        <v>43</v>
      </c>
      <c r="BG5" s="259" t="s">
        <v>44</v>
      </c>
      <c r="BH5" s="265" t="s">
        <v>45</v>
      </c>
      <c r="BI5" s="267" t="s">
        <v>83</v>
      </c>
      <c r="BJ5" s="259" t="s">
        <v>47</v>
      </c>
      <c r="BK5" s="259" t="s">
        <v>48</v>
      </c>
      <c r="BL5" s="259" t="s">
        <v>49</v>
      </c>
      <c r="BM5" s="259" t="s">
        <v>50</v>
      </c>
      <c r="BN5" s="259" t="s">
        <v>51</v>
      </c>
      <c r="BO5" s="265" t="s">
        <v>45</v>
      </c>
      <c r="BP5" s="531"/>
      <c r="BQ5" s="309" t="s">
        <v>43</v>
      </c>
      <c r="BR5" s="259" t="s">
        <v>44</v>
      </c>
      <c r="BS5" s="265" t="s">
        <v>45</v>
      </c>
      <c r="BT5" s="267" t="s">
        <v>83</v>
      </c>
      <c r="BU5" s="259" t="s">
        <v>47</v>
      </c>
      <c r="BV5" s="259" t="s">
        <v>48</v>
      </c>
      <c r="BW5" s="259" t="s">
        <v>49</v>
      </c>
      <c r="BX5" s="259" t="s">
        <v>50</v>
      </c>
      <c r="BY5" s="259" t="s">
        <v>51</v>
      </c>
      <c r="BZ5" s="265" t="s">
        <v>45</v>
      </c>
      <c r="CA5" s="531"/>
      <c r="CB5" s="309" t="s">
        <v>43</v>
      </c>
      <c r="CC5" s="259" t="s">
        <v>44</v>
      </c>
      <c r="CD5" s="265" t="s">
        <v>45</v>
      </c>
      <c r="CE5" s="267" t="s">
        <v>83</v>
      </c>
      <c r="CF5" s="259" t="s">
        <v>47</v>
      </c>
      <c r="CG5" s="259" t="s">
        <v>48</v>
      </c>
      <c r="CH5" s="259" t="s">
        <v>49</v>
      </c>
      <c r="CI5" s="259" t="s">
        <v>50</v>
      </c>
      <c r="CJ5" s="259" t="s">
        <v>51</v>
      </c>
      <c r="CK5" s="265" t="s">
        <v>45</v>
      </c>
      <c r="CL5" s="531"/>
      <c r="CM5" s="309" t="s">
        <v>43</v>
      </c>
      <c r="CN5" s="259" t="s">
        <v>44</v>
      </c>
      <c r="CO5" s="265" t="s">
        <v>45</v>
      </c>
      <c r="CP5" s="267" t="s">
        <v>83</v>
      </c>
      <c r="CQ5" s="259" t="s">
        <v>47</v>
      </c>
      <c r="CR5" s="259" t="s">
        <v>48</v>
      </c>
      <c r="CS5" s="259" t="s">
        <v>49</v>
      </c>
      <c r="CT5" s="259" t="s">
        <v>50</v>
      </c>
      <c r="CU5" s="259" t="s">
        <v>51</v>
      </c>
      <c r="CV5" s="265" t="s">
        <v>45</v>
      </c>
      <c r="CW5" s="531"/>
      <c r="CX5" s="363"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2</v>
      </c>
      <c r="D6" s="273">
        <v>16</v>
      </c>
      <c r="E6" s="381">
        <v>18</v>
      </c>
      <c r="F6" s="272">
        <v>0</v>
      </c>
      <c r="G6" s="273">
        <v>216148</v>
      </c>
      <c r="H6" s="273">
        <v>348167</v>
      </c>
      <c r="I6" s="273">
        <v>365496</v>
      </c>
      <c r="J6" s="273">
        <v>436487</v>
      </c>
      <c r="K6" s="273">
        <v>420646</v>
      </c>
      <c r="L6" s="274">
        <v>1786944</v>
      </c>
      <c r="M6" s="275">
        <v>1786962</v>
      </c>
      <c r="N6" s="269">
        <v>7</v>
      </c>
      <c r="O6" s="273">
        <v>71</v>
      </c>
      <c r="P6" s="270">
        <v>78</v>
      </c>
      <c r="Q6" s="272">
        <v>0</v>
      </c>
      <c r="R6" s="273">
        <v>529</v>
      </c>
      <c r="S6" s="273">
        <v>2179</v>
      </c>
      <c r="T6" s="273">
        <v>3978</v>
      </c>
      <c r="U6" s="273">
        <v>9732</v>
      </c>
      <c r="V6" s="273">
        <v>18783</v>
      </c>
      <c r="W6" s="270">
        <v>35201</v>
      </c>
      <c r="X6" s="275">
        <v>35279</v>
      </c>
      <c r="Y6" s="269">
        <v>13611</v>
      </c>
      <c r="Z6" s="273">
        <v>43332</v>
      </c>
      <c r="AA6" s="270">
        <v>56943</v>
      </c>
      <c r="AB6" s="272">
        <v>0</v>
      </c>
      <c r="AC6" s="273">
        <v>112403</v>
      </c>
      <c r="AD6" s="273">
        <v>176790</v>
      </c>
      <c r="AE6" s="273">
        <v>114499</v>
      </c>
      <c r="AF6" s="273">
        <v>102317</v>
      </c>
      <c r="AG6" s="273">
        <v>83342</v>
      </c>
      <c r="AH6" s="270">
        <v>589351</v>
      </c>
      <c r="AI6" s="275">
        <v>646294</v>
      </c>
      <c r="AJ6" s="269">
        <v>2361</v>
      </c>
      <c r="AK6" s="273">
        <v>9450</v>
      </c>
      <c r="AL6" s="270">
        <v>11811</v>
      </c>
      <c r="AM6" s="272">
        <v>0</v>
      </c>
      <c r="AN6" s="273">
        <v>13838</v>
      </c>
      <c r="AO6" s="273">
        <v>23064</v>
      </c>
      <c r="AP6" s="273">
        <v>15592</v>
      </c>
      <c r="AQ6" s="273">
        <v>13813</v>
      </c>
      <c r="AR6" s="273">
        <v>8280</v>
      </c>
      <c r="AS6" s="270">
        <v>74587</v>
      </c>
      <c r="AT6" s="275">
        <v>86398</v>
      </c>
      <c r="AU6" s="269">
        <v>0</v>
      </c>
      <c r="AV6" s="273">
        <v>0</v>
      </c>
      <c r="AW6" s="270">
        <v>0</v>
      </c>
      <c r="AX6" s="272">
        <v>0</v>
      </c>
      <c r="AY6" s="273">
        <v>193566</v>
      </c>
      <c r="AZ6" s="273">
        <v>198340</v>
      </c>
      <c r="BA6" s="273">
        <v>120651</v>
      </c>
      <c r="BB6" s="273">
        <v>71953</v>
      </c>
      <c r="BC6" s="273">
        <v>33560</v>
      </c>
      <c r="BD6" s="274">
        <v>618070</v>
      </c>
      <c r="BE6" s="275">
        <v>618070</v>
      </c>
      <c r="BF6" s="269">
        <v>0</v>
      </c>
      <c r="BG6" s="273">
        <v>0</v>
      </c>
      <c r="BH6" s="270">
        <v>0</v>
      </c>
      <c r="BI6" s="272">
        <v>0</v>
      </c>
      <c r="BJ6" s="273">
        <v>32050</v>
      </c>
      <c r="BK6" s="273">
        <v>49835</v>
      </c>
      <c r="BL6" s="273">
        <v>30158</v>
      </c>
      <c r="BM6" s="273">
        <v>19179</v>
      </c>
      <c r="BN6" s="273">
        <v>6874</v>
      </c>
      <c r="BO6" s="270">
        <v>138096</v>
      </c>
      <c r="BP6" s="275">
        <v>138096</v>
      </c>
      <c r="BQ6" s="269">
        <v>446</v>
      </c>
      <c r="BR6" s="273">
        <v>1036</v>
      </c>
      <c r="BS6" s="270">
        <v>1482</v>
      </c>
      <c r="BT6" s="272">
        <v>0</v>
      </c>
      <c r="BU6" s="273">
        <v>16164</v>
      </c>
      <c r="BV6" s="273">
        <v>32459</v>
      </c>
      <c r="BW6" s="273">
        <v>57239</v>
      </c>
      <c r="BX6" s="273">
        <v>42943</v>
      </c>
      <c r="BY6" s="273">
        <v>21333</v>
      </c>
      <c r="BZ6" s="270">
        <v>170138</v>
      </c>
      <c r="CA6" s="275">
        <v>171620</v>
      </c>
      <c r="CB6" s="269">
        <v>9</v>
      </c>
      <c r="CC6" s="273">
        <v>101</v>
      </c>
      <c r="CD6" s="270">
        <v>110</v>
      </c>
      <c r="CE6" s="272">
        <v>0</v>
      </c>
      <c r="CF6" s="273">
        <v>1249</v>
      </c>
      <c r="CG6" s="273">
        <v>3401</v>
      </c>
      <c r="CH6" s="273">
        <v>4095</v>
      </c>
      <c r="CI6" s="273">
        <v>3984</v>
      </c>
      <c r="CJ6" s="273">
        <v>2447</v>
      </c>
      <c r="CK6" s="270">
        <v>15176</v>
      </c>
      <c r="CL6" s="275">
        <v>15286</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2</v>
      </c>
      <c r="D7" s="280">
        <v>14</v>
      </c>
      <c r="E7" s="382">
        <v>16</v>
      </c>
      <c r="F7" s="279">
        <v>0</v>
      </c>
      <c r="G7" s="280">
        <v>72870</v>
      </c>
      <c r="H7" s="280">
        <v>150387</v>
      </c>
      <c r="I7" s="280">
        <v>132300</v>
      </c>
      <c r="J7" s="280">
        <v>158063</v>
      </c>
      <c r="K7" s="280">
        <v>157140</v>
      </c>
      <c r="L7" s="281">
        <v>670760</v>
      </c>
      <c r="M7" s="282">
        <v>670776</v>
      </c>
      <c r="N7" s="276">
        <v>6</v>
      </c>
      <c r="O7" s="280">
        <v>14</v>
      </c>
      <c r="P7" s="277">
        <v>20</v>
      </c>
      <c r="Q7" s="279">
        <v>0</v>
      </c>
      <c r="R7" s="280">
        <v>111</v>
      </c>
      <c r="S7" s="280">
        <v>748</v>
      </c>
      <c r="T7" s="280">
        <v>1439</v>
      </c>
      <c r="U7" s="280">
        <v>3908</v>
      </c>
      <c r="V7" s="280">
        <v>8300</v>
      </c>
      <c r="W7" s="277">
        <v>14506</v>
      </c>
      <c r="X7" s="282">
        <v>14526</v>
      </c>
      <c r="Y7" s="276">
        <v>5900</v>
      </c>
      <c r="Z7" s="280">
        <v>22125</v>
      </c>
      <c r="AA7" s="277">
        <v>28025</v>
      </c>
      <c r="AB7" s="279">
        <v>0</v>
      </c>
      <c r="AC7" s="280">
        <v>40539</v>
      </c>
      <c r="AD7" s="280">
        <v>92509</v>
      </c>
      <c r="AE7" s="280">
        <v>56761</v>
      </c>
      <c r="AF7" s="280">
        <v>48028</v>
      </c>
      <c r="AG7" s="280">
        <v>38357</v>
      </c>
      <c r="AH7" s="277">
        <v>276194</v>
      </c>
      <c r="AI7" s="282">
        <v>304219</v>
      </c>
      <c r="AJ7" s="276">
        <v>1017</v>
      </c>
      <c r="AK7" s="280">
        <v>4952</v>
      </c>
      <c r="AL7" s="277">
        <v>5969</v>
      </c>
      <c r="AM7" s="279">
        <v>0</v>
      </c>
      <c r="AN7" s="280">
        <v>3327</v>
      </c>
      <c r="AO7" s="280">
        <v>9070</v>
      </c>
      <c r="AP7" s="280">
        <v>6381</v>
      </c>
      <c r="AQ7" s="280">
        <v>5875</v>
      </c>
      <c r="AR7" s="280">
        <v>3016</v>
      </c>
      <c r="AS7" s="277">
        <v>27669</v>
      </c>
      <c r="AT7" s="282">
        <v>33638</v>
      </c>
      <c r="AU7" s="276">
        <v>0</v>
      </c>
      <c r="AV7" s="280">
        <v>0</v>
      </c>
      <c r="AW7" s="277">
        <v>0</v>
      </c>
      <c r="AX7" s="279">
        <v>0</v>
      </c>
      <c r="AY7" s="280">
        <v>60172</v>
      </c>
      <c r="AZ7" s="280">
        <v>78546</v>
      </c>
      <c r="BA7" s="280">
        <v>42457</v>
      </c>
      <c r="BB7" s="280">
        <v>23914</v>
      </c>
      <c r="BC7" s="280">
        <v>11419</v>
      </c>
      <c r="BD7" s="281">
        <v>216508</v>
      </c>
      <c r="BE7" s="282">
        <v>216508</v>
      </c>
      <c r="BF7" s="276">
        <v>0</v>
      </c>
      <c r="BG7" s="280">
        <v>0</v>
      </c>
      <c r="BH7" s="277">
        <v>0</v>
      </c>
      <c r="BI7" s="279">
        <v>0</v>
      </c>
      <c r="BJ7" s="280">
        <v>9468</v>
      </c>
      <c r="BK7" s="280">
        <v>21871</v>
      </c>
      <c r="BL7" s="280">
        <v>13201</v>
      </c>
      <c r="BM7" s="280">
        <v>8079</v>
      </c>
      <c r="BN7" s="280">
        <v>3035</v>
      </c>
      <c r="BO7" s="277">
        <v>55654</v>
      </c>
      <c r="BP7" s="282">
        <v>55654</v>
      </c>
      <c r="BQ7" s="276">
        <v>168</v>
      </c>
      <c r="BR7" s="280">
        <v>395</v>
      </c>
      <c r="BS7" s="277">
        <v>563</v>
      </c>
      <c r="BT7" s="279">
        <v>0</v>
      </c>
      <c r="BU7" s="280">
        <v>4619</v>
      </c>
      <c r="BV7" s="280">
        <v>12930</v>
      </c>
      <c r="BW7" s="280">
        <v>22345</v>
      </c>
      <c r="BX7" s="280">
        <v>16223</v>
      </c>
      <c r="BY7" s="280">
        <v>8153</v>
      </c>
      <c r="BZ7" s="277">
        <v>64270</v>
      </c>
      <c r="CA7" s="282">
        <v>64833</v>
      </c>
      <c r="CB7" s="276">
        <v>9</v>
      </c>
      <c r="CC7" s="280">
        <v>64</v>
      </c>
      <c r="CD7" s="277">
        <v>73</v>
      </c>
      <c r="CE7" s="279">
        <v>0</v>
      </c>
      <c r="CF7" s="280">
        <v>539</v>
      </c>
      <c r="CG7" s="280">
        <v>2065</v>
      </c>
      <c r="CH7" s="280">
        <v>2335</v>
      </c>
      <c r="CI7" s="280">
        <v>2146</v>
      </c>
      <c r="CJ7" s="280">
        <v>1462</v>
      </c>
      <c r="CK7" s="277">
        <v>8547</v>
      </c>
      <c r="CL7" s="282">
        <v>8620</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2</v>
      </c>
      <c r="E8" s="382">
        <v>2</v>
      </c>
      <c r="F8" s="279">
        <v>0</v>
      </c>
      <c r="G8" s="280">
        <v>37662</v>
      </c>
      <c r="H8" s="280">
        <v>48837</v>
      </c>
      <c r="I8" s="280">
        <v>55634</v>
      </c>
      <c r="J8" s="280">
        <v>67204</v>
      </c>
      <c r="K8" s="280">
        <v>71909</v>
      </c>
      <c r="L8" s="281">
        <v>281246</v>
      </c>
      <c r="M8" s="282">
        <v>281248</v>
      </c>
      <c r="N8" s="276">
        <v>0</v>
      </c>
      <c r="O8" s="280">
        <v>10</v>
      </c>
      <c r="P8" s="277">
        <v>10</v>
      </c>
      <c r="Q8" s="279">
        <v>0</v>
      </c>
      <c r="R8" s="280">
        <v>82</v>
      </c>
      <c r="S8" s="280">
        <v>280</v>
      </c>
      <c r="T8" s="280">
        <v>551</v>
      </c>
      <c r="U8" s="280">
        <v>1335</v>
      </c>
      <c r="V8" s="280">
        <v>2731</v>
      </c>
      <c r="W8" s="277">
        <v>4979</v>
      </c>
      <c r="X8" s="282">
        <v>4989</v>
      </c>
      <c r="Y8" s="276">
        <v>2258</v>
      </c>
      <c r="Z8" s="280">
        <v>6597</v>
      </c>
      <c r="AA8" s="277">
        <v>8855</v>
      </c>
      <c r="AB8" s="279">
        <v>0</v>
      </c>
      <c r="AC8" s="280">
        <v>25085</v>
      </c>
      <c r="AD8" s="280">
        <v>26188</v>
      </c>
      <c r="AE8" s="280">
        <v>18635</v>
      </c>
      <c r="AF8" s="280">
        <v>17208</v>
      </c>
      <c r="AG8" s="280">
        <v>14925</v>
      </c>
      <c r="AH8" s="277">
        <v>102041</v>
      </c>
      <c r="AI8" s="282">
        <v>110896</v>
      </c>
      <c r="AJ8" s="276">
        <v>146</v>
      </c>
      <c r="AK8" s="280">
        <v>666</v>
      </c>
      <c r="AL8" s="277">
        <v>812</v>
      </c>
      <c r="AM8" s="279">
        <v>0</v>
      </c>
      <c r="AN8" s="280">
        <v>2155</v>
      </c>
      <c r="AO8" s="280">
        <v>2617</v>
      </c>
      <c r="AP8" s="280">
        <v>1668</v>
      </c>
      <c r="AQ8" s="280">
        <v>1756</v>
      </c>
      <c r="AR8" s="280">
        <v>1038</v>
      </c>
      <c r="AS8" s="277">
        <v>9234</v>
      </c>
      <c r="AT8" s="282">
        <v>10046</v>
      </c>
      <c r="AU8" s="276">
        <v>0</v>
      </c>
      <c r="AV8" s="280">
        <v>0</v>
      </c>
      <c r="AW8" s="277">
        <v>0</v>
      </c>
      <c r="AX8" s="279">
        <v>0</v>
      </c>
      <c r="AY8" s="280">
        <v>32789</v>
      </c>
      <c r="AZ8" s="280">
        <v>26402</v>
      </c>
      <c r="BA8" s="280">
        <v>16837</v>
      </c>
      <c r="BB8" s="280">
        <v>11185</v>
      </c>
      <c r="BC8" s="280">
        <v>5511</v>
      </c>
      <c r="BD8" s="281">
        <v>92724</v>
      </c>
      <c r="BE8" s="282">
        <v>92724</v>
      </c>
      <c r="BF8" s="276">
        <v>0</v>
      </c>
      <c r="BG8" s="280">
        <v>0</v>
      </c>
      <c r="BH8" s="277">
        <v>0</v>
      </c>
      <c r="BI8" s="279">
        <v>0</v>
      </c>
      <c r="BJ8" s="280">
        <v>4347</v>
      </c>
      <c r="BK8" s="280">
        <v>5552</v>
      </c>
      <c r="BL8" s="280">
        <v>3752</v>
      </c>
      <c r="BM8" s="280">
        <v>2843</v>
      </c>
      <c r="BN8" s="280">
        <v>1044</v>
      </c>
      <c r="BO8" s="277">
        <v>17538</v>
      </c>
      <c r="BP8" s="282">
        <v>17538</v>
      </c>
      <c r="BQ8" s="276">
        <v>29</v>
      </c>
      <c r="BR8" s="280">
        <v>128</v>
      </c>
      <c r="BS8" s="277">
        <v>157</v>
      </c>
      <c r="BT8" s="279">
        <v>0</v>
      </c>
      <c r="BU8" s="280">
        <v>2045</v>
      </c>
      <c r="BV8" s="280">
        <v>3318</v>
      </c>
      <c r="BW8" s="280">
        <v>6084</v>
      </c>
      <c r="BX8" s="280">
        <v>4716</v>
      </c>
      <c r="BY8" s="280">
        <v>2836</v>
      </c>
      <c r="BZ8" s="277">
        <v>18999</v>
      </c>
      <c r="CA8" s="282">
        <v>19156</v>
      </c>
      <c r="CB8" s="276">
        <v>0</v>
      </c>
      <c r="CC8" s="280">
        <v>3</v>
      </c>
      <c r="CD8" s="277">
        <v>3</v>
      </c>
      <c r="CE8" s="279">
        <v>0</v>
      </c>
      <c r="CF8" s="280">
        <v>178</v>
      </c>
      <c r="CG8" s="280">
        <v>276</v>
      </c>
      <c r="CH8" s="280">
        <v>517</v>
      </c>
      <c r="CI8" s="280">
        <v>553</v>
      </c>
      <c r="CJ8" s="280">
        <v>277</v>
      </c>
      <c r="CK8" s="277">
        <v>1801</v>
      </c>
      <c r="CL8" s="282">
        <v>1804</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2">
        <v>0</v>
      </c>
      <c r="F9" s="279">
        <v>0</v>
      </c>
      <c r="G9" s="280">
        <v>13184</v>
      </c>
      <c r="H9" s="280">
        <v>25677</v>
      </c>
      <c r="I9" s="280">
        <v>29547</v>
      </c>
      <c r="J9" s="280">
        <v>29077</v>
      </c>
      <c r="K9" s="280">
        <v>24985</v>
      </c>
      <c r="L9" s="281">
        <v>122470</v>
      </c>
      <c r="M9" s="282">
        <v>122470</v>
      </c>
      <c r="N9" s="276">
        <v>0</v>
      </c>
      <c r="O9" s="280">
        <v>7</v>
      </c>
      <c r="P9" s="277">
        <v>7</v>
      </c>
      <c r="Q9" s="279">
        <v>0</v>
      </c>
      <c r="R9" s="280">
        <v>11</v>
      </c>
      <c r="S9" s="280">
        <v>135</v>
      </c>
      <c r="T9" s="280">
        <v>263</v>
      </c>
      <c r="U9" s="280">
        <v>598</v>
      </c>
      <c r="V9" s="280">
        <v>1147</v>
      </c>
      <c r="W9" s="277">
        <v>2154</v>
      </c>
      <c r="X9" s="282">
        <v>2161</v>
      </c>
      <c r="Y9" s="276">
        <v>702</v>
      </c>
      <c r="Z9" s="280">
        <v>3423</v>
      </c>
      <c r="AA9" s="277">
        <v>4125</v>
      </c>
      <c r="AB9" s="279">
        <v>0</v>
      </c>
      <c r="AC9" s="280">
        <v>5569</v>
      </c>
      <c r="AD9" s="280">
        <v>12381</v>
      </c>
      <c r="AE9" s="280">
        <v>8110</v>
      </c>
      <c r="AF9" s="280">
        <v>7165</v>
      </c>
      <c r="AG9" s="280">
        <v>5516</v>
      </c>
      <c r="AH9" s="277">
        <v>38741</v>
      </c>
      <c r="AI9" s="282">
        <v>42866</v>
      </c>
      <c r="AJ9" s="276">
        <v>61</v>
      </c>
      <c r="AK9" s="280">
        <v>473</v>
      </c>
      <c r="AL9" s="277">
        <v>534</v>
      </c>
      <c r="AM9" s="279">
        <v>0</v>
      </c>
      <c r="AN9" s="280">
        <v>301</v>
      </c>
      <c r="AO9" s="280">
        <v>1065</v>
      </c>
      <c r="AP9" s="280">
        <v>678</v>
      </c>
      <c r="AQ9" s="280">
        <v>631</v>
      </c>
      <c r="AR9" s="280">
        <v>248</v>
      </c>
      <c r="AS9" s="277">
        <v>2923</v>
      </c>
      <c r="AT9" s="282">
        <v>3457</v>
      </c>
      <c r="AU9" s="276">
        <v>0</v>
      </c>
      <c r="AV9" s="280">
        <v>0</v>
      </c>
      <c r="AW9" s="277">
        <v>0</v>
      </c>
      <c r="AX9" s="279">
        <v>0</v>
      </c>
      <c r="AY9" s="280">
        <v>13929</v>
      </c>
      <c r="AZ9" s="280">
        <v>17734</v>
      </c>
      <c r="BA9" s="280">
        <v>13254</v>
      </c>
      <c r="BB9" s="280">
        <v>6783</v>
      </c>
      <c r="BC9" s="280">
        <v>3435</v>
      </c>
      <c r="BD9" s="281">
        <v>55135</v>
      </c>
      <c r="BE9" s="282">
        <v>55135</v>
      </c>
      <c r="BF9" s="276">
        <v>0</v>
      </c>
      <c r="BG9" s="280">
        <v>0</v>
      </c>
      <c r="BH9" s="277">
        <v>0</v>
      </c>
      <c r="BI9" s="279">
        <v>0</v>
      </c>
      <c r="BJ9" s="280">
        <v>1085</v>
      </c>
      <c r="BK9" s="280">
        <v>3132</v>
      </c>
      <c r="BL9" s="280">
        <v>2003</v>
      </c>
      <c r="BM9" s="280">
        <v>1225</v>
      </c>
      <c r="BN9" s="280">
        <v>422</v>
      </c>
      <c r="BO9" s="277">
        <v>7867</v>
      </c>
      <c r="BP9" s="282">
        <v>7867</v>
      </c>
      <c r="BQ9" s="276">
        <v>8</v>
      </c>
      <c r="BR9" s="280">
        <v>71</v>
      </c>
      <c r="BS9" s="277">
        <v>79</v>
      </c>
      <c r="BT9" s="279">
        <v>0</v>
      </c>
      <c r="BU9" s="280">
        <v>1003</v>
      </c>
      <c r="BV9" s="280">
        <v>2583</v>
      </c>
      <c r="BW9" s="280">
        <v>4807</v>
      </c>
      <c r="BX9" s="280">
        <v>4473</v>
      </c>
      <c r="BY9" s="280">
        <v>1981</v>
      </c>
      <c r="BZ9" s="277">
        <v>14847</v>
      </c>
      <c r="CA9" s="282">
        <v>14926</v>
      </c>
      <c r="CB9" s="276">
        <v>0</v>
      </c>
      <c r="CC9" s="280">
        <v>0</v>
      </c>
      <c r="CD9" s="277">
        <v>0</v>
      </c>
      <c r="CE9" s="279">
        <v>0</v>
      </c>
      <c r="CF9" s="280">
        <v>0</v>
      </c>
      <c r="CG9" s="280">
        <v>56</v>
      </c>
      <c r="CH9" s="280">
        <v>42</v>
      </c>
      <c r="CI9" s="280">
        <v>75</v>
      </c>
      <c r="CJ9" s="280">
        <v>16</v>
      </c>
      <c r="CK9" s="277">
        <v>189</v>
      </c>
      <c r="CL9" s="282">
        <v>189</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2">
        <v>0</v>
      </c>
      <c r="F10" s="279">
        <v>0</v>
      </c>
      <c r="G10" s="280">
        <v>17969</v>
      </c>
      <c r="H10" s="280">
        <v>18877</v>
      </c>
      <c r="I10" s="280">
        <v>20742</v>
      </c>
      <c r="J10" s="280">
        <v>29547</v>
      </c>
      <c r="K10" s="280">
        <v>23933</v>
      </c>
      <c r="L10" s="281">
        <v>111068</v>
      </c>
      <c r="M10" s="282">
        <v>111068</v>
      </c>
      <c r="N10" s="276">
        <v>0</v>
      </c>
      <c r="O10" s="280">
        <v>0</v>
      </c>
      <c r="P10" s="277">
        <v>0</v>
      </c>
      <c r="Q10" s="279">
        <v>0</v>
      </c>
      <c r="R10" s="280">
        <v>72</v>
      </c>
      <c r="S10" s="280">
        <v>219</v>
      </c>
      <c r="T10" s="280">
        <v>334</v>
      </c>
      <c r="U10" s="280">
        <v>692</v>
      </c>
      <c r="V10" s="280">
        <v>993</v>
      </c>
      <c r="W10" s="277">
        <v>2310</v>
      </c>
      <c r="X10" s="282">
        <v>2310</v>
      </c>
      <c r="Y10" s="276">
        <v>103</v>
      </c>
      <c r="Z10" s="280">
        <v>153</v>
      </c>
      <c r="AA10" s="277">
        <v>256</v>
      </c>
      <c r="AB10" s="279">
        <v>0</v>
      </c>
      <c r="AC10" s="280">
        <v>4380</v>
      </c>
      <c r="AD10" s="280">
        <v>4848</v>
      </c>
      <c r="AE10" s="280">
        <v>3109</v>
      </c>
      <c r="AF10" s="280">
        <v>3747</v>
      </c>
      <c r="AG10" s="280">
        <v>2815</v>
      </c>
      <c r="AH10" s="277">
        <v>18899</v>
      </c>
      <c r="AI10" s="282">
        <v>19155</v>
      </c>
      <c r="AJ10" s="276">
        <v>34</v>
      </c>
      <c r="AK10" s="280">
        <v>82</v>
      </c>
      <c r="AL10" s="277">
        <v>116</v>
      </c>
      <c r="AM10" s="279">
        <v>0</v>
      </c>
      <c r="AN10" s="280">
        <v>729</v>
      </c>
      <c r="AO10" s="280">
        <v>969</v>
      </c>
      <c r="AP10" s="280">
        <v>701</v>
      </c>
      <c r="AQ10" s="280">
        <v>755</v>
      </c>
      <c r="AR10" s="280">
        <v>406</v>
      </c>
      <c r="AS10" s="277">
        <v>3560</v>
      </c>
      <c r="AT10" s="282">
        <v>3676</v>
      </c>
      <c r="AU10" s="276">
        <v>0</v>
      </c>
      <c r="AV10" s="280">
        <v>0</v>
      </c>
      <c r="AW10" s="277">
        <v>0</v>
      </c>
      <c r="AX10" s="279">
        <v>0</v>
      </c>
      <c r="AY10" s="280">
        <v>14913</v>
      </c>
      <c r="AZ10" s="280">
        <v>9882</v>
      </c>
      <c r="BA10" s="280">
        <v>5320</v>
      </c>
      <c r="BB10" s="280">
        <v>3171</v>
      </c>
      <c r="BC10" s="280">
        <v>1342</v>
      </c>
      <c r="BD10" s="281">
        <v>34628</v>
      </c>
      <c r="BE10" s="282">
        <v>34628</v>
      </c>
      <c r="BF10" s="276">
        <v>0</v>
      </c>
      <c r="BG10" s="280">
        <v>0</v>
      </c>
      <c r="BH10" s="277">
        <v>0</v>
      </c>
      <c r="BI10" s="279">
        <v>0</v>
      </c>
      <c r="BJ10" s="280">
        <v>1924</v>
      </c>
      <c r="BK10" s="280">
        <v>1787</v>
      </c>
      <c r="BL10" s="280">
        <v>1179</v>
      </c>
      <c r="BM10" s="280">
        <v>633</v>
      </c>
      <c r="BN10" s="280">
        <v>199</v>
      </c>
      <c r="BO10" s="277">
        <v>5722</v>
      </c>
      <c r="BP10" s="282">
        <v>5722</v>
      </c>
      <c r="BQ10" s="276">
        <v>5</v>
      </c>
      <c r="BR10" s="280">
        <v>18</v>
      </c>
      <c r="BS10" s="277">
        <v>23</v>
      </c>
      <c r="BT10" s="279">
        <v>0</v>
      </c>
      <c r="BU10" s="280">
        <v>1452</v>
      </c>
      <c r="BV10" s="280">
        <v>2373</v>
      </c>
      <c r="BW10" s="280">
        <v>3126</v>
      </c>
      <c r="BX10" s="280">
        <v>2338</v>
      </c>
      <c r="BY10" s="280">
        <v>877</v>
      </c>
      <c r="BZ10" s="277">
        <v>10166</v>
      </c>
      <c r="CA10" s="282">
        <v>10189</v>
      </c>
      <c r="CB10" s="276">
        <v>0</v>
      </c>
      <c r="CC10" s="280">
        <v>0</v>
      </c>
      <c r="CD10" s="277">
        <v>0</v>
      </c>
      <c r="CE10" s="279">
        <v>0</v>
      </c>
      <c r="CF10" s="280">
        <v>27</v>
      </c>
      <c r="CG10" s="280">
        <v>109</v>
      </c>
      <c r="CH10" s="280">
        <v>170</v>
      </c>
      <c r="CI10" s="280">
        <v>185</v>
      </c>
      <c r="CJ10" s="280">
        <v>42</v>
      </c>
      <c r="CK10" s="277">
        <v>533</v>
      </c>
      <c r="CL10" s="282">
        <v>533</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2">
        <v>0</v>
      </c>
      <c r="F11" s="279">
        <v>0</v>
      </c>
      <c r="G11" s="280">
        <v>6630</v>
      </c>
      <c r="H11" s="280">
        <v>12598</v>
      </c>
      <c r="I11" s="280">
        <v>14764</v>
      </c>
      <c r="J11" s="280">
        <v>16056</v>
      </c>
      <c r="K11" s="280">
        <v>14894</v>
      </c>
      <c r="L11" s="281">
        <v>64942</v>
      </c>
      <c r="M11" s="282">
        <v>64942</v>
      </c>
      <c r="N11" s="276">
        <v>0</v>
      </c>
      <c r="O11" s="280">
        <v>0</v>
      </c>
      <c r="P11" s="277">
        <v>0</v>
      </c>
      <c r="Q11" s="279">
        <v>0</v>
      </c>
      <c r="R11" s="280">
        <v>24</v>
      </c>
      <c r="S11" s="280">
        <v>102</v>
      </c>
      <c r="T11" s="280">
        <v>116</v>
      </c>
      <c r="U11" s="280">
        <v>261</v>
      </c>
      <c r="V11" s="280">
        <v>563</v>
      </c>
      <c r="W11" s="277">
        <v>1066</v>
      </c>
      <c r="X11" s="282">
        <v>1066</v>
      </c>
      <c r="Y11" s="276">
        <v>200</v>
      </c>
      <c r="Z11" s="280">
        <v>371</v>
      </c>
      <c r="AA11" s="277">
        <v>571</v>
      </c>
      <c r="AB11" s="279">
        <v>0</v>
      </c>
      <c r="AC11" s="280">
        <v>1944</v>
      </c>
      <c r="AD11" s="280">
        <v>2826</v>
      </c>
      <c r="AE11" s="280">
        <v>1809</v>
      </c>
      <c r="AF11" s="280">
        <v>1814</v>
      </c>
      <c r="AG11" s="280">
        <v>1658</v>
      </c>
      <c r="AH11" s="277">
        <v>10051</v>
      </c>
      <c r="AI11" s="282">
        <v>10622</v>
      </c>
      <c r="AJ11" s="276">
        <v>72</v>
      </c>
      <c r="AK11" s="280">
        <v>170</v>
      </c>
      <c r="AL11" s="277">
        <v>242</v>
      </c>
      <c r="AM11" s="279">
        <v>0</v>
      </c>
      <c r="AN11" s="280">
        <v>827</v>
      </c>
      <c r="AO11" s="280">
        <v>977</v>
      </c>
      <c r="AP11" s="280">
        <v>815</v>
      </c>
      <c r="AQ11" s="280">
        <v>555</v>
      </c>
      <c r="AR11" s="280">
        <v>335</v>
      </c>
      <c r="AS11" s="277">
        <v>3509</v>
      </c>
      <c r="AT11" s="282">
        <v>3751</v>
      </c>
      <c r="AU11" s="276">
        <v>0</v>
      </c>
      <c r="AV11" s="280">
        <v>0</v>
      </c>
      <c r="AW11" s="277">
        <v>0</v>
      </c>
      <c r="AX11" s="279">
        <v>0</v>
      </c>
      <c r="AY11" s="280">
        <v>5342</v>
      </c>
      <c r="AZ11" s="280">
        <v>6477</v>
      </c>
      <c r="BA11" s="280">
        <v>4251</v>
      </c>
      <c r="BB11" s="280">
        <v>2668</v>
      </c>
      <c r="BC11" s="280">
        <v>1343</v>
      </c>
      <c r="BD11" s="281">
        <v>20081</v>
      </c>
      <c r="BE11" s="282">
        <v>20081</v>
      </c>
      <c r="BF11" s="276">
        <v>0</v>
      </c>
      <c r="BG11" s="280">
        <v>0</v>
      </c>
      <c r="BH11" s="277">
        <v>0</v>
      </c>
      <c r="BI11" s="279">
        <v>0</v>
      </c>
      <c r="BJ11" s="280">
        <v>884</v>
      </c>
      <c r="BK11" s="280">
        <v>1294</v>
      </c>
      <c r="BL11" s="280">
        <v>851</v>
      </c>
      <c r="BM11" s="280">
        <v>569</v>
      </c>
      <c r="BN11" s="280">
        <v>150</v>
      </c>
      <c r="BO11" s="277">
        <v>3748</v>
      </c>
      <c r="BP11" s="282">
        <v>3748</v>
      </c>
      <c r="BQ11" s="276">
        <v>36</v>
      </c>
      <c r="BR11" s="280">
        <v>27</v>
      </c>
      <c r="BS11" s="277">
        <v>63</v>
      </c>
      <c r="BT11" s="279">
        <v>0</v>
      </c>
      <c r="BU11" s="280">
        <v>610</v>
      </c>
      <c r="BV11" s="280">
        <v>1246</v>
      </c>
      <c r="BW11" s="280">
        <v>2827</v>
      </c>
      <c r="BX11" s="280">
        <v>1403</v>
      </c>
      <c r="BY11" s="280">
        <v>503</v>
      </c>
      <c r="BZ11" s="277">
        <v>6589</v>
      </c>
      <c r="CA11" s="282">
        <v>6652</v>
      </c>
      <c r="CB11" s="276">
        <v>0</v>
      </c>
      <c r="CC11" s="280">
        <v>0</v>
      </c>
      <c r="CD11" s="277">
        <v>0</v>
      </c>
      <c r="CE11" s="279">
        <v>0</v>
      </c>
      <c r="CF11" s="280">
        <v>24</v>
      </c>
      <c r="CG11" s="280">
        <v>21</v>
      </c>
      <c r="CH11" s="280">
        <v>79</v>
      </c>
      <c r="CI11" s="280">
        <v>16</v>
      </c>
      <c r="CJ11" s="280">
        <v>1</v>
      </c>
      <c r="CK11" s="277">
        <v>141</v>
      </c>
      <c r="CL11" s="282">
        <v>141</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2">
        <v>0</v>
      </c>
      <c r="F12" s="279">
        <v>0</v>
      </c>
      <c r="G12" s="280">
        <v>6979</v>
      </c>
      <c r="H12" s="280">
        <v>8660</v>
      </c>
      <c r="I12" s="280">
        <v>10756</v>
      </c>
      <c r="J12" s="280">
        <v>14700</v>
      </c>
      <c r="K12" s="280">
        <v>16006</v>
      </c>
      <c r="L12" s="281">
        <v>57101</v>
      </c>
      <c r="M12" s="282">
        <v>57101</v>
      </c>
      <c r="N12" s="276">
        <v>0</v>
      </c>
      <c r="O12" s="280">
        <v>0</v>
      </c>
      <c r="P12" s="277">
        <v>0</v>
      </c>
      <c r="Q12" s="279">
        <v>0</v>
      </c>
      <c r="R12" s="280">
        <v>20</v>
      </c>
      <c r="S12" s="280">
        <v>33</v>
      </c>
      <c r="T12" s="280">
        <v>88</v>
      </c>
      <c r="U12" s="280">
        <v>252</v>
      </c>
      <c r="V12" s="280">
        <v>494</v>
      </c>
      <c r="W12" s="277">
        <v>887</v>
      </c>
      <c r="X12" s="282">
        <v>887</v>
      </c>
      <c r="Y12" s="276">
        <v>225</v>
      </c>
      <c r="Z12" s="280">
        <v>568</v>
      </c>
      <c r="AA12" s="277">
        <v>793</v>
      </c>
      <c r="AB12" s="279">
        <v>0</v>
      </c>
      <c r="AC12" s="280">
        <v>3274</v>
      </c>
      <c r="AD12" s="280">
        <v>3161</v>
      </c>
      <c r="AE12" s="280">
        <v>2317</v>
      </c>
      <c r="AF12" s="280">
        <v>2844</v>
      </c>
      <c r="AG12" s="280">
        <v>2383</v>
      </c>
      <c r="AH12" s="277">
        <v>13979</v>
      </c>
      <c r="AI12" s="282">
        <v>14772</v>
      </c>
      <c r="AJ12" s="276">
        <v>24</v>
      </c>
      <c r="AK12" s="280">
        <v>162</v>
      </c>
      <c r="AL12" s="277">
        <v>186</v>
      </c>
      <c r="AM12" s="279">
        <v>0</v>
      </c>
      <c r="AN12" s="280">
        <v>617</v>
      </c>
      <c r="AO12" s="280">
        <v>751</v>
      </c>
      <c r="AP12" s="280">
        <v>640</v>
      </c>
      <c r="AQ12" s="280">
        <v>511</v>
      </c>
      <c r="AR12" s="280">
        <v>392</v>
      </c>
      <c r="AS12" s="277">
        <v>2911</v>
      </c>
      <c r="AT12" s="282">
        <v>3097</v>
      </c>
      <c r="AU12" s="276">
        <v>0</v>
      </c>
      <c r="AV12" s="280">
        <v>0</v>
      </c>
      <c r="AW12" s="277">
        <v>0</v>
      </c>
      <c r="AX12" s="279">
        <v>0</v>
      </c>
      <c r="AY12" s="280">
        <v>4906</v>
      </c>
      <c r="AZ12" s="280">
        <v>3703</v>
      </c>
      <c r="BA12" s="280">
        <v>2611</v>
      </c>
      <c r="BB12" s="280">
        <v>1455</v>
      </c>
      <c r="BC12" s="280">
        <v>423</v>
      </c>
      <c r="BD12" s="281">
        <v>13098</v>
      </c>
      <c r="BE12" s="282">
        <v>13098</v>
      </c>
      <c r="BF12" s="276">
        <v>0</v>
      </c>
      <c r="BG12" s="280">
        <v>0</v>
      </c>
      <c r="BH12" s="277">
        <v>0</v>
      </c>
      <c r="BI12" s="279">
        <v>0</v>
      </c>
      <c r="BJ12" s="280">
        <v>925</v>
      </c>
      <c r="BK12" s="280">
        <v>885</v>
      </c>
      <c r="BL12" s="280">
        <v>661</v>
      </c>
      <c r="BM12" s="280">
        <v>511</v>
      </c>
      <c r="BN12" s="280">
        <v>152</v>
      </c>
      <c r="BO12" s="277">
        <v>3134</v>
      </c>
      <c r="BP12" s="282">
        <v>3134</v>
      </c>
      <c r="BQ12" s="276">
        <v>18</v>
      </c>
      <c r="BR12" s="280">
        <v>14</v>
      </c>
      <c r="BS12" s="277">
        <v>32</v>
      </c>
      <c r="BT12" s="279">
        <v>0</v>
      </c>
      <c r="BU12" s="280">
        <v>593</v>
      </c>
      <c r="BV12" s="280">
        <v>1031</v>
      </c>
      <c r="BW12" s="280">
        <v>1689</v>
      </c>
      <c r="BX12" s="280">
        <v>1150</v>
      </c>
      <c r="BY12" s="280">
        <v>593</v>
      </c>
      <c r="BZ12" s="277">
        <v>5056</v>
      </c>
      <c r="CA12" s="282">
        <v>5088</v>
      </c>
      <c r="CB12" s="276">
        <v>0</v>
      </c>
      <c r="CC12" s="280">
        <v>5</v>
      </c>
      <c r="CD12" s="277">
        <v>5</v>
      </c>
      <c r="CE12" s="279">
        <v>0</v>
      </c>
      <c r="CF12" s="280">
        <v>36</v>
      </c>
      <c r="CG12" s="280">
        <v>61</v>
      </c>
      <c r="CH12" s="280">
        <v>202</v>
      </c>
      <c r="CI12" s="280">
        <v>139</v>
      </c>
      <c r="CJ12" s="280">
        <v>76</v>
      </c>
      <c r="CK12" s="277">
        <v>514</v>
      </c>
      <c r="CL12" s="282">
        <v>519</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2">
        <v>0</v>
      </c>
      <c r="F13" s="279">
        <v>0</v>
      </c>
      <c r="G13" s="280">
        <v>17345</v>
      </c>
      <c r="H13" s="280">
        <v>17490</v>
      </c>
      <c r="I13" s="280">
        <v>22169</v>
      </c>
      <c r="J13" s="280">
        <v>28603</v>
      </c>
      <c r="K13" s="280">
        <v>24080</v>
      </c>
      <c r="L13" s="281">
        <v>109687</v>
      </c>
      <c r="M13" s="282">
        <v>109687</v>
      </c>
      <c r="N13" s="276">
        <v>1</v>
      </c>
      <c r="O13" s="280">
        <v>-3</v>
      </c>
      <c r="P13" s="277">
        <v>-2</v>
      </c>
      <c r="Q13" s="279">
        <v>0</v>
      </c>
      <c r="R13" s="280">
        <v>58</v>
      </c>
      <c r="S13" s="280">
        <v>125</v>
      </c>
      <c r="T13" s="280">
        <v>161</v>
      </c>
      <c r="U13" s="280">
        <v>441</v>
      </c>
      <c r="V13" s="280">
        <v>900</v>
      </c>
      <c r="W13" s="277">
        <v>1685</v>
      </c>
      <c r="X13" s="282">
        <v>1683</v>
      </c>
      <c r="Y13" s="276">
        <v>1031</v>
      </c>
      <c r="Z13" s="280">
        <v>2328</v>
      </c>
      <c r="AA13" s="277">
        <v>3359</v>
      </c>
      <c r="AB13" s="279">
        <v>0</v>
      </c>
      <c r="AC13" s="280">
        <v>8274</v>
      </c>
      <c r="AD13" s="280">
        <v>5955</v>
      </c>
      <c r="AE13" s="280">
        <v>3754</v>
      </c>
      <c r="AF13" s="280">
        <v>3458</v>
      </c>
      <c r="AG13" s="280">
        <v>3282</v>
      </c>
      <c r="AH13" s="277">
        <v>24723</v>
      </c>
      <c r="AI13" s="282">
        <v>28082</v>
      </c>
      <c r="AJ13" s="276">
        <v>221</v>
      </c>
      <c r="AK13" s="280">
        <v>601</v>
      </c>
      <c r="AL13" s="277">
        <v>822</v>
      </c>
      <c r="AM13" s="279">
        <v>0</v>
      </c>
      <c r="AN13" s="280">
        <v>1452</v>
      </c>
      <c r="AO13" s="280">
        <v>1293</v>
      </c>
      <c r="AP13" s="280">
        <v>787</v>
      </c>
      <c r="AQ13" s="280">
        <v>573</v>
      </c>
      <c r="AR13" s="280">
        <v>648</v>
      </c>
      <c r="AS13" s="277">
        <v>4753</v>
      </c>
      <c r="AT13" s="282">
        <v>5575</v>
      </c>
      <c r="AU13" s="276">
        <v>0</v>
      </c>
      <c r="AV13" s="280">
        <v>0</v>
      </c>
      <c r="AW13" s="277">
        <v>0</v>
      </c>
      <c r="AX13" s="279">
        <v>0</v>
      </c>
      <c r="AY13" s="280">
        <v>13737</v>
      </c>
      <c r="AZ13" s="280">
        <v>8424</v>
      </c>
      <c r="BA13" s="280">
        <v>5568</v>
      </c>
      <c r="BB13" s="280">
        <v>3658</v>
      </c>
      <c r="BC13" s="280">
        <v>1417</v>
      </c>
      <c r="BD13" s="281">
        <v>32804</v>
      </c>
      <c r="BE13" s="282">
        <v>32804</v>
      </c>
      <c r="BF13" s="276">
        <v>0</v>
      </c>
      <c r="BG13" s="280">
        <v>0</v>
      </c>
      <c r="BH13" s="277">
        <v>0</v>
      </c>
      <c r="BI13" s="279">
        <v>0</v>
      </c>
      <c r="BJ13" s="280">
        <v>1992</v>
      </c>
      <c r="BK13" s="280">
        <v>1562</v>
      </c>
      <c r="BL13" s="280">
        <v>714</v>
      </c>
      <c r="BM13" s="280">
        <v>519</v>
      </c>
      <c r="BN13" s="280">
        <v>177</v>
      </c>
      <c r="BO13" s="277">
        <v>4964</v>
      </c>
      <c r="BP13" s="282">
        <v>4964</v>
      </c>
      <c r="BQ13" s="276">
        <v>21</v>
      </c>
      <c r="BR13" s="280">
        <v>79</v>
      </c>
      <c r="BS13" s="277">
        <v>100</v>
      </c>
      <c r="BT13" s="279">
        <v>0</v>
      </c>
      <c r="BU13" s="280">
        <v>1097</v>
      </c>
      <c r="BV13" s="280">
        <v>1479</v>
      </c>
      <c r="BW13" s="280">
        <v>2254</v>
      </c>
      <c r="BX13" s="280">
        <v>2017</v>
      </c>
      <c r="BY13" s="280">
        <v>1296</v>
      </c>
      <c r="BZ13" s="277">
        <v>8143</v>
      </c>
      <c r="CA13" s="282">
        <v>8243</v>
      </c>
      <c r="CB13" s="276">
        <v>0</v>
      </c>
      <c r="CC13" s="280">
        <v>9</v>
      </c>
      <c r="CD13" s="277">
        <v>9</v>
      </c>
      <c r="CE13" s="279">
        <v>0</v>
      </c>
      <c r="CF13" s="280">
        <v>117</v>
      </c>
      <c r="CG13" s="280">
        <v>115</v>
      </c>
      <c r="CH13" s="280">
        <v>118</v>
      </c>
      <c r="CI13" s="280">
        <v>85</v>
      </c>
      <c r="CJ13" s="280">
        <v>71</v>
      </c>
      <c r="CK13" s="277">
        <v>506</v>
      </c>
      <c r="CL13" s="282">
        <v>515</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2">
        <v>0</v>
      </c>
      <c r="F14" s="279">
        <v>0</v>
      </c>
      <c r="G14" s="280">
        <v>5371</v>
      </c>
      <c r="H14" s="280">
        <v>7251</v>
      </c>
      <c r="I14" s="280">
        <v>9732</v>
      </c>
      <c r="J14" s="280">
        <v>10344</v>
      </c>
      <c r="K14" s="280">
        <v>9720</v>
      </c>
      <c r="L14" s="281">
        <v>42418</v>
      </c>
      <c r="M14" s="282">
        <v>42418</v>
      </c>
      <c r="N14" s="276">
        <v>0</v>
      </c>
      <c r="O14" s="280">
        <v>4</v>
      </c>
      <c r="P14" s="277">
        <v>4</v>
      </c>
      <c r="Q14" s="279">
        <v>0</v>
      </c>
      <c r="R14" s="280">
        <v>14</v>
      </c>
      <c r="S14" s="280">
        <v>59</v>
      </c>
      <c r="T14" s="280">
        <v>141</v>
      </c>
      <c r="U14" s="280">
        <v>263</v>
      </c>
      <c r="V14" s="280">
        <v>350</v>
      </c>
      <c r="W14" s="277">
        <v>827</v>
      </c>
      <c r="X14" s="282">
        <v>831</v>
      </c>
      <c r="Y14" s="276">
        <v>184</v>
      </c>
      <c r="Z14" s="280">
        <v>370</v>
      </c>
      <c r="AA14" s="277">
        <v>554</v>
      </c>
      <c r="AB14" s="279">
        <v>0</v>
      </c>
      <c r="AC14" s="280">
        <v>2678</v>
      </c>
      <c r="AD14" s="280">
        <v>2137</v>
      </c>
      <c r="AE14" s="280">
        <v>1785</v>
      </c>
      <c r="AF14" s="280">
        <v>1923</v>
      </c>
      <c r="AG14" s="280">
        <v>1302</v>
      </c>
      <c r="AH14" s="277">
        <v>9825</v>
      </c>
      <c r="AI14" s="282">
        <v>10379</v>
      </c>
      <c r="AJ14" s="276">
        <v>22</v>
      </c>
      <c r="AK14" s="280">
        <v>66</v>
      </c>
      <c r="AL14" s="277">
        <v>88</v>
      </c>
      <c r="AM14" s="279">
        <v>0</v>
      </c>
      <c r="AN14" s="280">
        <v>415</v>
      </c>
      <c r="AO14" s="280">
        <v>345</v>
      </c>
      <c r="AP14" s="280">
        <v>429</v>
      </c>
      <c r="AQ14" s="280">
        <v>373</v>
      </c>
      <c r="AR14" s="280">
        <v>90</v>
      </c>
      <c r="AS14" s="277">
        <v>1652</v>
      </c>
      <c r="AT14" s="282">
        <v>1740</v>
      </c>
      <c r="AU14" s="276">
        <v>0</v>
      </c>
      <c r="AV14" s="280">
        <v>0</v>
      </c>
      <c r="AW14" s="277">
        <v>0</v>
      </c>
      <c r="AX14" s="279">
        <v>0</v>
      </c>
      <c r="AY14" s="280">
        <v>6559</v>
      </c>
      <c r="AZ14" s="280">
        <v>4000</v>
      </c>
      <c r="BA14" s="280">
        <v>2957</v>
      </c>
      <c r="BB14" s="280">
        <v>2054</v>
      </c>
      <c r="BC14" s="280">
        <v>957</v>
      </c>
      <c r="BD14" s="281">
        <v>16527</v>
      </c>
      <c r="BE14" s="282">
        <v>16527</v>
      </c>
      <c r="BF14" s="276">
        <v>0</v>
      </c>
      <c r="BG14" s="280">
        <v>0</v>
      </c>
      <c r="BH14" s="277">
        <v>0</v>
      </c>
      <c r="BI14" s="279">
        <v>0</v>
      </c>
      <c r="BJ14" s="280">
        <v>1451</v>
      </c>
      <c r="BK14" s="280">
        <v>1110</v>
      </c>
      <c r="BL14" s="280">
        <v>781</v>
      </c>
      <c r="BM14" s="280">
        <v>453</v>
      </c>
      <c r="BN14" s="280">
        <v>137</v>
      </c>
      <c r="BO14" s="277">
        <v>3932</v>
      </c>
      <c r="BP14" s="282">
        <v>3932</v>
      </c>
      <c r="BQ14" s="276">
        <v>38</v>
      </c>
      <c r="BR14" s="280">
        <v>43</v>
      </c>
      <c r="BS14" s="277">
        <v>81</v>
      </c>
      <c r="BT14" s="279">
        <v>0</v>
      </c>
      <c r="BU14" s="280">
        <v>779</v>
      </c>
      <c r="BV14" s="280">
        <v>807</v>
      </c>
      <c r="BW14" s="280">
        <v>1351</v>
      </c>
      <c r="BX14" s="280">
        <v>1068</v>
      </c>
      <c r="BY14" s="280">
        <v>524</v>
      </c>
      <c r="BZ14" s="277">
        <v>4529</v>
      </c>
      <c r="CA14" s="282">
        <v>4610</v>
      </c>
      <c r="CB14" s="276">
        <v>0</v>
      </c>
      <c r="CC14" s="280">
        <v>0</v>
      </c>
      <c r="CD14" s="277">
        <v>0</v>
      </c>
      <c r="CE14" s="279">
        <v>0</v>
      </c>
      <c r="CF14" s="280">
        <v>22</v>
      </c>
      <c r="CG14" s="280">
        <v>48</v>
      </c>
      <c r="CH14" s="280">
        <v>112</v>
      </c>
      <c r="CI14" s="280">
        <v>71</v>
      </c>
      <c r="CJ14" s="280">
        <v>111</v>
      </c>
      <c r="CK14" s="277">
        <v>364</v>
      </c>
      <c r="CL14" s="282">
        <v>364</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2">
        <v>0</v>
      </c>
      <c r="F15" s="279">
        <v>0</v>
      </c>
      <c r="G15" s="280">
        <v>6470</v>
      </c>
      <c r="H15" s="280">
        <v>9171</v>
      </c>
      <c r="I15" s="280">
        <v>10053</v>
      </c>
      <c r="J15" s="280">
        <v>12888</v>
      </c>
      <c r="K15" s="280">
        <v>13318</v>
      </c>
      <c r="L15" s="281">
        <v>51900</v>
      </c>
      <c r="M15" s="282">
        <v>51900</v>
      </c>
      <c r="N15" s="276">
        <v>0</v>
      </c>
      <c r="O15" s="280">
        <v>29</v>
      </c>
      <c r="P15" s="277">
        <v>29</v>
      </c>
      <c r="Q15" s="279">
        <v>0</v>
      </c>
      <c r="R15" s="280">
        <v>19</v>
      </c>
      <c r="S15" s="280">
        <v>76</v>
      </c>
      <c r="T15" s="280">
        <v>114</v>
      </c>
      <c r="U15" s="280">
        <v>359</v>
      </c>
      <c r="V15" s="280">
        <v>405</v>
      </c>
      <c r="W15" s="277">
        <v>973</v>
      </c>
      <c r="X15" s="282">
        <v>1002</v>
      </c>
      <c r="Y15" s="276">
        <v>501</v>
      </c>
      <c r="Z15" s="280">
        <v>1595</v>
      </c>
      <c r="AA15" s="277">
        <v>2096</v>
      </c>
      <c r="AB15" s="279">
        <v>0</v>
      </c>
      <c r="AC15" s="280">
        <v>2073</v>
      </c>
      <c r="AD15" s="280">
        <v>3134</v>
      </c>
      <c r="AE15" s="280">
        <v>2006</v>
      </c>
      <c r="AF15" s="280">
        <v>1957</v>
      </c>
      <c r="AG15" s="280">
        <v>1615</v>
      </c>
      <c r="AH15" s="277">
        <v>10785</v>
      </c>
      <c r="AI15" s="282">
        <v>12881</v>
      </c>
      <c r="AJ15" s="276">
        <v>26</v>
      </c>
      <c r="AK15" s="280">
        <v>223</v>
      </c>
      <c r="AL15" s="277">
        <v>249</v>
      </c>
      <c r="AM15" s="279">
        <v>0</v>
      </c>
      <c r="AN15" s="280">
        <v>215</v>
      </c>
      <c r="AO15" s="280">
        <v>492</v>
      </c>
      <c r="AP15" s="280">
        <v>418</v>
      </c>
      <c r="AQ15" s="280">
        <v>241</v>
      </c>
      <c r="AR15" s="280">
        <v>194</v>
      </c>
      <c r="AS15" s="277">
        <v>1560</v>
      </c>
      <c r="AT15" s="282">
        <v>1809</v>
      </c>
      <c r="AU15" s="276">
        <v>0</v>
      </c>
      <c r="AV15" s="280">
        <v>0</v>
      </c>
      <c r="AW15" s="277">
        <v>0</v>
      </c>
      <c r="AX15" s="279">
        <v>0</v>
      </c>
      <c r="AY15" s="280">
        <v>5747</v>
      </c>
      <c r="AZ15" s="280">
        <v>4651</v>
      </c>
      <c r="BA15" s="280">
        <v>3085</v>
      </c>
      <c r="BB15" s="280">
        <v>2474</v>
      </c>
      <c r="BC15" s="280">
        <v>1056</v>
      </c>
      <c r="BD15" s="281">
        <v>17013</v>
      </c>
      <c r="BE15" s="282">
        <v>17013</v>
      </c>
      <c r="BF15" s="276">
        <v>0</v>
      </c>
      <c r="BG15" s="280">
        <v>0</v>
      </c>
      <c r="BH15" s="277">
        <v>0</v>
      </c>
      <c r="BI15" s="279">
        <v>0</v>
      </c>
      <c r="BJ15" s="280">
        <v>978</v>
      </c>
      <c r="BK15" s="280">
        <v>1486</v>
      </c>
      <c r="BL15" s="280">
        <v>938</v>
      </c>
      <c r="BM15" s="280">
        <v>693</v>
      </c>
      <c r="BN15" s="280">
        <v>292</v>
      </c>
      <c r="BO15" s="277">
        <v>4387</v>
      </c>
      <c r="BP15" s="282">
        <v>4387</v>
      </c>
      <c r="BQ15" s="276">
        <v>29</v>
      </c>
      <c r="BR15" s="280">
        <v>77</v>
      </c>
      <c r="BS15" s="277">
        <v>106</v>
      </c>
      <c r="BT15" s="279">
        <v>0</v>
      </c>
      <c r="BU15" s="280">
        <v>728</v>
      </c>
      <c r="BV15" s="280">
        <v>781</v>
      </c>
      <c r="BW15" s="280">
        <v>1380</v>
      </c>
      <c r="BX15" s="280">
        <v>967</v>
      </c>
      <c r="BY15" s="280">
        <v>678</v>
      </c>
      <c r="BZ15" s="277">
        <v>4534</v>
      </c>
      <c r="CA15" s="282">
        <v>4640</v>
      </c>
      <c r="CB15" s="276">
        <v>0</v>
      </c>
      <c r="CC15" s="280">
        <v>0</v>
      </c>
      <c r="CD15" s="277">
        <v>0</v>
      </c>
      <c r="CE15" s="279">
        <v>0</v>
      </c>
      <c r="CF15" s="280">
        <v>30</v>
      </c>
      <c r="CG15" s="280">
        <v>66</v>
      </c>
      <c r="CH15" s="280">
        <v>24</v>
      </c>
      <c r="CI15" s="280">
        <v>41</v>
      </c>
      <c r="CJ15" s="280">
        <v>7</v>
      </c>
      <c r="CK15" s="277">
        <v>168</v>
      </c>
      <c r="CL15" s="282">
        <v>168</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2">
        <v>0</v>
      </c>
      <c r="F16" s="279">
        <v>0</v>
      </c>
      <c r="G16" s="280">
        <v>2270</v>
      </c>
      <c r="H16" s="280">
        <v>3497</v>
      </c>
      <c r="I16" s="280">
        <v>4169</v>
      </c>
      <c r="J16" s="280">
        <v>4938</v>
      </c>
      <c r="K16" s="280">
        <v>5915</v>
      </c>
      <c r="L16" s="281">
        <v>20789</v>
      </c>
      <c r="M16" s="282">
        <v>20789</v>
      </c>
      <c r="N16" s="276">
        <v>0</v>
      </c>
      <c r="O16" s="280">
        <v>0</v>
      </c>
      <c r="P16" s="277">
        <v>0</v>
      </c>
      <c r="Q16" s="279">
        <v>0</v>
      </c>
      <c r="R16" s="280">
        <v>3</v>
      </c>
      <c r="S16" s="280">
        <v>6</v>
      </c>
      <c r="T16" s="280">
        <v>23</v>
      </c>
      <c r="U16" s="280">
        <v>54</v>
      </c>
      <c r="V16" s="280">
        <v>203</v>
      </c>
      <c r="W16" s="277">
        <v>289</v>
      </c>
      <c r="X16" s="282">
        <v>289</v>
      </c>
      <c r="Y16" s="276">
        <v>57</v>
      </c>
      <c r="Z16" s="280">
        <v>181</v>
      </c>
      <c r="AA16" s="277">
        <v>238</v>
      </c>
      <c r="AB16" s="279">
        <v>0</v>
      </c>
      <c r="AC16" s="280">
        <v>1104</v>
      </c>
      <c r="AD16" s="280">
        <v>1286</v>
      </c>
      <c r="AE16" s="280">
        <v>916</v>
      </c>
      <c r="AF16" s="280">
        <v>859</v>
      </c>
      <c r="AG16" s="280">
        <v>860</v>
      </c>
      <c r="AH16" s="277">
        <v>5025</v>
      </c>
      <c r="AI16" s="282">
        <v>5263</v>
      </c>
      <c r="AJ16" s="276">
        <v>9</v>
      </c>
      <c r="AK16" s="280">
        <v>87</v>
      </c>
      <c r="AL16" s="277">
        <v>96</v>
      </c>
      <c r="AM16" s="279">
        <v>0</v>
      </c>
      <c r="AN16" s="280">
        <v>194</v>
      </c>
      <c r="AO16" s="280">
        <v>231</v>
      </c>
      <c r="AP16" s="280">
        <v>146</v>
      </c>
      <c r="AQ16" s="280">
        <v>148</v>
      </c>
      <c r="AR16" s="280">
        <v>120</v>
      </c>
      <c r="AS16" s="277">
        <v>839</v>
      </c>
      <c r="AT16" s="282">
        <v>935</v>
      </c>
      <c r="AU16" s="276">
        <v>0</v>
      </c>
      <c r="AV16" s="280">
        <v>0</v>
      </c>
      <c r="AW16" s="277">
        <v>0</v>
      </c>
      <c r="AX16" s="279">
        <v>0</v>
      </c>
      <c r="AY16" s="280">
        <v>1427</v>
      </c>
      <c r="AZ16" s="280">
        <v>1617</v>
      </c>
      <c r="BA16" s="280">
        <v>1035</v>
      </c>
      <c r="BB16" s="280">
        <v>588</v>
      </c>
      <c r="BC16" s="280">
        <v>223</v>
      </c>
      <c r="BD16" s="281">
        <v>4890</v>
      </c>
      <c r="BE16" s="282">
        <v>4890</v>
      </c>
      <c r="BF16" s="276">
        <v>0</v>
      </c>
      <c r="BG16" s="280">
        <v>0</v>
      </c>
      <c r="BH16" s="277">
        <v>0</v>
      </c>
      <c r="BI16" s="279">
        <v>0</v>
      </c>
      <c r="BJ16" s="280">
        <v>174</v>
      </c>
      <c r="BK16" s="280">
        <v>275</v>
      </c>
      <c r="BL16" s="280">
        <v>122</v>
      </c>
      <c r="BM16" s="280">
        <v>240</v>
      </c>
      <c r="BN16" s="280">
        <v>68</v>
      </c>
      <c r="BO16" s="277">
        <v>879</v>
      </c>
      <c r="BP16" s="282">
        <v>879</v>
      </c>
      <c r="BQ16" s="276">
        <v>0</v>
      </c>
      <c r="BR16" s="280">
        <v>6</v>
      </c>
      <c r="BS16" s="277">
        <v>6</v>
      </c>
      <c r="BT16" s="279">
        <v>0</v>
      </c>
      <c r="BU16" s="280">
        <v>165</v>
      </c>
      <c r="BV16" s="280">
        <v>178</v>
      </c>
      <c r="BW16" s="280">
        <v>580</v>
      </c>
      <c r="BX16" s="280">
        <v>355</v>
      </c>
      <c r="BY16" s="280">
        <v>199</v>
      </c>
      <c r="BZ16" s="277">
        <v>1477</v>
      </c>
      <c r="CA16" s="282">
        <v>1483</v>
      </c>
      <c r="CB16" s="276">
        <v>0</v>
      </c>
      <c r="CC16" s="280">
        <v>0</v>
      </c>
      <c r="CD16" s="277">
        <v>0</v>
      </c>
      <c r="CE16" s="279">
        <v>0</v>
      </c>
      <c r="CF16" s="280">
        <v>7</v>
      </c>
      <c r="CG16" s="280">
        <v>24</v>
      </c>
      <c r="CH16" s="280">
        <v>30</v>
      </c>
      <c r="CI16" s="280">
        <v>35</v>
      </c>
      <c r="CJ16" s="280">
        <v>6</v>
      </c>
      <c r="CK16" s="277">
        <v>102</v>
      </c>
      <c r="CL16" s="282">
        <v>102</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2">
        <v>0</v>
      </c>
      <c r="F17" s="279">
        <v>0</v>
      </c>
      <c r="G17" s="280">
        <v>1054</v>
      </c>
      <c r="H17" s="280">
        <v>2500</v>
      </c>
      <c r="I17" s="280">
        <v>1984</v>
      </c>
      <c r="J17" s="280">
        <v>1825</v>
      </c>
      <c r="K17" s="280">
        <v>2578</v>
      </c>
      <c r="L17" s="281">
        <v>9941</v>
      </c>
      <c r="M17" s="282">
        <v>9941</v>
      </c>
      <c r="N17" s="276">
        <v>0</v>
      </c>
      <c r="O17" s="280">
        <v>0</v>
      </c>
      <c r="P17" s="277">
        <v>0</v>
      </c>
      <c r="Q17" s="279">
        <v>0</v>
      </c>
      <c r="R17" s="280">
        <v>0</v>
      </c>
      <c r="S17" s="280">
        <v>4</v>
      </c>
      <c r="T17" s="280">
        <v>55</v>
      </c>
      <c r="U17" s="280">
        <v>84</v>
      </c>
      <c r="V17" s="280">
        <v>116</v>
      </c>
      <c r="W17" s="277">
        <v>259</v>
      </c>
      <c r="X17" s="282">
        <v>259</v>
      </c>
      <c r="Y17" s="276">
        <v>5</v>
      </c>
      <c r="Z17" s="280">
        <v>111</v>
      </c>
      <c r="AA17" s="277">
        <v>116</v>
      </c>
      <c r="AB17" s="279">
        <v>0</v>
      </c>
      <c r="AC17" s="280">
        <v>377</v>
      </c>
      <c r="AD17" s="280">
        <v>564</v>
      </c>
      <c r="AE17" s="280">
        <v>311</v>
      </c>
      <c r="AF17" s="280">
        <v>365</v>
      </c>
      <c r="AG17" s="280">
        <v>373</v>
      </c>
      <c r="AH17" s="277">
        <v>1990</v>
      </c>
      <c r="AI17" s="282">
        <v>2106</v>
      </c>
      <c r="AJ17" s="276">
        <v>0</v>
      </c>
      <c r="AK17" s="280">
        <v>0</v>
      </c>
      <c r="AL17" s="277">
        <v>0</v>
      </c>
      <c r="AM17" s="279">
        <v>0</v>
      </c>
      <c r="AN17" s="280">
        <v>85</v>
      </c>
      <c r="AO17" s="280">
        <v>162</v>
      </c>
      <c r="AP17" s="280">
        <v>42</v>
      </c>
      <c r="AQ17" s="280">
        <v>52</v>
      </c>
      <c r="AR17" s="280">
        <v>74</v>
      </c>
      <c r="AS17" s="277">
        <v>415</v>
      </c>
      <c r="AT17" s="282">
        <v>415</v>
      </c>
      <c r="AU17" s="276">
        <v>0</v>
      </c>
      <c r="AV17" s="280">
        <v>0</v>
      </c>
      <c r="AW17" s="277">
        <v>0</v>
      </c>
      <c r="AX17" s="279">
        <v>0</v>
      </c>
      <c r="AY17" s="280">
        <v>992</v>
      </c>
      <c r="AZ17" s="280">
        <v>1242</v>
      </c>
      <c r="BA17" s="280">
        <v>583</v>
      </c>
      <c r="BB17" s="280">
        <v>258</v>
      </c>
      <c r="BC17" s="280">
        <v>109</v>
      </c>
      <c r="BD17" s="281">
        <v>3184</v>
      </c>
      <c r="BE17" s="282">
        <v>3184</v>
      </c>
      <c r="BF17" s="276">
        <v>0</v>
      </c>
      <c r="BG17" s="280">
        <v>0</v>
      </c>
      <c r="BH17" s="277">
        <v>0</v>
      </c>
      <c r="BI17" s="279">
        <v>0</v>
      </c>
      <c r="BJ17" s="280">
        <v>209</v>
      </c>
      <c r="BK17" s="280">
        <v>232</v>
      </c>
      <c r="BL17" s="280">
        <v>199</v>
      </c>
      <c r="BM17" s="280">
        <v>120</v>
      </c>
      <c r="BN17" s="280">
        <v>30</v>
      </c>
      <c r="BO17" s="277">
        <v>790</v>
      </c>
      <c r="BP17" s="282">
        <v>790</v>
      </c>
      <c r="BQ17" s="276">
        <v>0</v>
      </c>
      <c r="BR17" s="280">
        <v>30</v>
      </c>
      <c r="BS17" s="277">
        <v>30</v>
      </c>
      <c r="BT17" s="279">
        <v>0</v>
      </c>
      <c r="BU17" s="280">
        <v>60</v>
      </c>
      <c r="BV17" s="280">
        <v>388</v>
      </c>
      <c r="BW17" s="280">
        <v>766</v>
      </c>
      <c r="BX17" s="280">
        <v>937</v>
      </c>
      <c r="BY17" s="280">
        <v>245</v>
      </c>
      <c r="BZ17" s="277">
        <v>2396</v>
      </c>
      <c r="CA17" s="282">
        <v>2426</v>
      </c>
      <c r="CB17" s="276">
        <v>0</v>
      </c>
      <c r="CC17" s="280">
        <v>0</v>
      </c>
      <c r="CD17" s="277">
        <v>0</v>
      </c>
      <c r="CE17" s="279">
        <v>0</v>
      </c>
      <c r="CF17" s="280">
        <v>6</v>
      </c>
      <c r="CG17" s="280">
        <v>3</v>
      </c>
      <c r="CH17" s="280">
        <v>8</v>
      </c>
      <c r="CI17" s="280">
        <v>27</v>
      </c>
      <c r="CJ17" s="280">
        <v>3</v>
      </c>
      <c r="CK17" s="277">
        <v>47</v>
      </c>
      <c r="CL17" s="282">
        <v>47</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2">
        <v>0</v>
      </c>
      <c r="F18" s="279">
        <v>0</v>
      </c>
      <c r="G18" s="280">
        <v>2457</v>
      </c>
      <c r="H18" s="280">
        <v>3868</v>
      </c>
      <c r="I18" s="280">
        <v>4681</v>
      </c>
      <c r="J18" s="280">
        <v>5504</v>
      </c>
      <c r="K18" s="280">
        <v>4067</v>
      </c>
      <c r="L18" s="281">
        <v>20577</v>
      </c>
      <c r="M18" s="282">
        <v>20577</v>
      </c>
      <c r="N18" s="276">
        <v>0</v>
      </c>
      <c r="O18" s="280">
        <v>0</v>
      </c>
      <c r="P18" s="277">
        <v>0</v>
      </c>
      <c r="Q18" s="279">
        <v>0</v>
      </c>
      <c r="R18" s="280">
        <v>7</v>
      </c>
      <c r="S18" s="280">
        <v>44</v>
      </c>
      <c r="T18" s="280">
        <v>56</v>
      </c>
      <c r="U18" s="280">
        <v>109</v>
      </c>
      <c r="V18" s="280">
        <v>199</v>
      </c>
      <c r="W18" s="277">
        <v>415</v>
      </c>
      <c r="X18" s="282">
        <v>415</v>
      </c>
      <c r="Y18" s="276">
        <v>139</v>
      </c>
      <c r="Z18" s="280">
        <v>276</v>
      </c>
      <c r="AA18" s="277">
        <v>415</v>
      </c>
      <c r="AB18" s="279">
        <v>0</v>
      </c>
      <c r="AC18" s="280">
        <v>1429</v>
      </c>
      <c r="AD18" s="280">
        <v>2544</v>
      </c>
      <c r="AE18" s="280">
        <v>1701</v>
      </c>
      <c r="AF18" s="280">
        <v>1409</v>
      </c>
      <c r="AG18" s="280">
        <v>1060</v>
      </c>
      <c r="AH18" s="277">
        <v>8143</v>
      </c>
      <c r="AI18" s="282">
        <v>8558</v>
      </c>
      <c r="AJ18" s="276">
        <v>15</v>
      </c>
      <c r="AK18" s="280">
        <v>157</v>
      </c>
      <c r="AL18" s="277">
        <v>172</v>
      </c>
      <c r="AM18" s="279">
        <v>0</v>
      </c>
      <c r="AN18" s="280">
        <v>123</v>
      </c>
      <c r="AO18" s="280">
        <v>583</v>
      </c>
      <c r="AP18" s="280">
        <v>182</v>
      </c>
      <c r="AQ18" s="280">
        <v>123</v>
      </c>
      <c r="AR18" s="280">
        <v>180</v>
      </c>
      <c r="AS18" s="277">
        <v>1191</v>
      </c>
      <c r="AT18" s="282">
        <v>1363</v>
      </c>
      <c r="AU18" s="276">
        <v>0</v>
      </c>
      <c r="AV18" s="280">
        <v>0</v>
      </c>
      <c r="AW18" s="277">
        <v>0</v>
      </c>
      <c r="AX18" s="279">
        <v>0</v>
      </c>
      <c r="AY18" s="280">
        <v>3213</v>
      </c>
      <c r="AZ18" s="280">
        <v>4775</v>
      </c>
      <c r="BA18" s="280">
        <v>2823</v>
      </c>
      <c r="BB18" s="280">
        <v>1903</v>
      </c>
      <c r="BC18" s="280">
        <v>1364</v>
      </c>
      <c r="BD18" s="281">
        <v>14078</v>
      </c>
      <c r="BE18" s="282">
        <v>14078</v>
      </c>
      <c r="BF18" s="276">
        <v>0</v>
      </c>
      <c r="BG18" s="280">
        <v>0</v>
      </c>
      <c r="BH18" s="277">
        <v>0</v>
      </c>
      <c r="BI18" s="279">
        <v>0</v>
      </c>
      <c r="BJ18" s="280">
        <v>1538</v>
      </c>
      <c r="BK18" s="280">
        <v>2205</v>
      </c>
      <c r="BL18" s="280">
        <v>1085</v>
      </c>
      <c r="BM18" s="280">
        <v>435</v>
      </c>
      <c r="BN18" s="280">
        <v>155</v>
      </c>
      <c r="BO18" s="277">
        <v>5418</v>
      </c>
      <c r="BP18" s="282">
        <v>5418</v>
      </c>
      <c r="BQ18" s="276">
        <v>0</v>
      </c>
      <c r="BR18" s="280">
        <v>15</v>
      </c>
      <c r="BS18" s="277">
        <v>15</v>
      </c>
      <c r="BT18" s="279">
        <v>0</v>
      </c>
      <c r="BU18" s="280">
        <v>322</v>
      </c>
      <c r="BV18" s="280">
        <v>659</v>
      </c>
      <c r="BW18" s="280">
        <v>830</v>
      </c>
      <c r="BX18" s="280">
        <v>468</v>
      </c>
      <c r="BY18" s="280">
        <v>221</v>
      </c>
      <c r="BZ18" s="277">
        <v>2500</v>
      </c>
      <c r="CA18" s="282">
        <v>2515</v>
      </c>
      <c r="CB18" s="276">
        <v>0</v>
      </c>
      <c r="CC18" s="280">
        <v>0</v>
      </c>
      <c r="CD18" s="277">
        <v>0</v>
      </c>
      <c r="CE18" s="279">
        <v>0</v>
      </c>
      <c r="CF18" s="280">
        <v>5</v>
      </c>
      <c r="CG18" s="280">
        <v>23</v>
      </c>
      <c r="CH18" s="280">
        <v>44</v>
      </c>
      <c r="CI18" s="280">
        <v>41</v>
      </c>
      <c r="CJ18" s="280">
        <v>28</v>
      </c>
      <c r="CK18" s="277">
        <v>141</v>
      </c>
      <c r="CL18" s="282">
        <v>141</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2">
        <v>0</v>
      </c>
      <c r="F19" s="279">
        <v>0</v>
      </c>
      <c r="G19" s="280">
        <v>3125</v>
      </c>
      <c r="H19" s="280">
        <v>6914</v>
      </c>
      <c r="I19" s="280">
        <v>9447</v>
      </c>
      <c r="J19" s="280">
        <v>10738</v>
      </c>
      <c r="K19" s="280">
        <v>11961</v>
      </c>
      <c r="L19" s="281">
        <v>42185</v>
      </c>
      <c r="M19" s="282">
        <v>42185</v>
      </c>
      <c r="N19" s="276">
        <v>0</v>
      </c>
      <c r="O19" s="280">
        <v>5</v>
      </c>
      <c r="P19" s="277">
        <v>5</v>
      </c>
      <c r="Q19" s="279">
        <v>0</v>
      </c>
      <c r="R19" s="280">
        <v>1</v>
      </c>
      <c r="S19" s="280">
        <v>27</v>
      </c>
      <c r="T19" s="280">
        <v>82</v>
      </c>
      <c r="U19" s="280">
        <v>190</v>
      </c>
      <c r="V19" s="280">
        <v>410</v>
      </c>
      <c r="W19" s="277">
        <v>710</v>
      </c>
      <c r="X19" s="282">
        <v>715</v>
      </c>
      <c r="Y19" s="276">
        <v>146</v>
      </c>
      <c r="Z19" s="280">
        <v>611</v>
      </c>
      <c r="AA19" s="277">
        <v>757</v>
      </c>
      <c r="AB19" s="279">
        <v>0</v>
      </c>
      <c r="AC19" s="280">
        <v>1200</v>
      </c>
      <c r="AD19" s="280">
        <v>2924</v>
      </c>
      <c r="AE19" s="280">
        <v>2120</v>
      </c>
      <c r="AF19" s="280">
        <v>1742</v>
      </c>
      <c r="AG19" s="280">
        <v>1637</v>
      </c>
      <c r="AH19" s="277">
        <v>9623</v>
      </c>
      <c r="AI19" s="282">
        <v>10380</v>
      </c>
      <c r="AJ19" s="276">
        <v>60</v>
      </c>
      <c r="AK19" s="280">
        <v>153</v>
      </c>
      <c r="AL19" s="277">
        <v>213</v>
      </c>
      <c r="AM19" s="279">
        <v>0</v>
      </c>
      <c r="AN19" s="280">
        <v>144</v>
      </c>
      <c r="AO19" s="280">
        <v>517</v>
      </c>
      <c r="AP19" s="280">
        <v>375</v>
      </c>
      <c r="AQ19" s="280">
        <v>320</v>
      </c>
      <c r="AR19" s="280">
        <v>304</v>
      </c>
      <c r="AS19" s="277">
        <v>1660</v>
      </c>
      <c r="AT19" s="282">
        <v>1873</v>
      </c>
      <c r="AU19" s="276">
        <v>0</v>
      </c>
      <c r="AV19" s="280">
        <v>0</v>
      </c>
      <c r="AW19" s="277">
        <v>0</v>
      </c>
      <c r="AX19" s="279">
        <v>0</v>
      </c>
      <c r="AY19" s="280">
        <v>3255</v>
      </c>
      <c r="AZ19" s="280">
        <v>5578</v>
      </c>
      <c r="BA19" s="280">
        <v>3457</v>
      </c>
      <c r="BB19" s="280">
        <v>2164</v>
      </c>
      <c r="BC19" s="280">
        <v>1090</v>
      </c>
      <c r="BD19" s="281">
        <v>15544</v>
      </c>
      <c r="BE19" s="282">
        <v>15544</v>
      </c>
      <c r="BF19" s="276">
        <v>0</v>
      </c>
      <c r="BG19" s="280">
        <v>0</v>
      </c>
      <c r="BH19" s="277">
        <v>0</v>
      </c>
      <c r="BI19" s="279">
        <v>0</v>
      </c>
      <c r="BJ19" s="280">
        <v>566</v>
      </c>
      <c r="BK19" s="280">
        <v>1495</v>
      </c>
      <c r="BL19" s="280">
        <v>819</v>
      </c>
      <c r="BM19" s="280">
        <v>369</v>
      </c>
      <c r="BN19" s="280">
        <v>165</v>
      </c>
      <c r="BO19" s="277">
        <v>3414</v>
      </c>
      <c r="BP19" s="282">
        <v>3414</v>
      </c>
      <c r="BQ19" s="276">
        <v>0</v>
      </c>
      <c r="BR19" s="280">
        <v>10</v>
      </c>
      <c r="BS19" s="277">
        <v>10</v>
      </c>
      <c r="BT19" s="279">
        <v>0</v>
      </c>
      <c r="BU19" s="280">
        <v>448</v>
      </c>
      <c r="BV19" s="280">
        <v>691</v>
      </c>
      <c r="BW19" s="280">
        <v>1373</v>
      </c>
      <c r="BX19" s="280">
        <v>1145</v>
      </c>
      <c r="BY19" s="280">
        <v>496</v>
      </c>
      <c r="BZ19" s="277">
        <v>4153</v>
      </c>
      <c r="CA19" s="282">
        <v>4163</v>
      </c>
      <c r="CB19" s="276">
        <v>0</v>
      </c>
      <c r="CC19" s="280">
        <v>0</v>
      </c>
      <c r="CD19" s="277">
        <v>0</v>
      </c>
      <c r="CE19" s="279">
        <v>0</v>
      </c>
      <c r="CF19" s="280">
        <v>33</v>
      </c>
      <c r="CG19" s="280">
        <v>131</v>
      </c>
      <c r="CH19" s="280">
        <v>87</v>
      </c>
      <c r="CI19" s="280">
        <v>65</v>
      </c>
      <c r="CJ19" s="280">
        <v>139</v>
      </c>
      <c r="CK19" s="277">
        <v>455</v>
      </c>
      <c r="CL19" s="282">
        <v>455</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2">
        <v>0</v>
      </c>
      <c r="F20" s="279">
        <v>0</v>
      </c>
      <c r="G20" s="280">
        <v>5613</v>
      </c>
      <c r="H20" s="280">
        <v>8148</v>
      </c>
      <c r="I20" s="280">
        <v>9570</v>
      </c>
      <c r="J20" s="280">
        <v>11288</v>
      </c>
      <c r="K20" s="280">
        <v>10499</v>
      </c>
      <c r="L20" s="281">
        <v>45118</v>
      </c>
      <c r="M20" s="282">
        <v>45118</v>
      </c>
      <c r="N20" s="276">
        <v>0</v>
      </c>
      <c r="O20" s="280">
        <v>0</v>
      </c>
      <c r="P20" s="277">
        <v>0</v>
      </c>
      <c r="Q20" s="279">
        <v>0</v>
      </c>
      <c r="R20" s="280">
        <v>7</v>
      </c>
      <c r="S20" s="280">
        <v>48</v>
      </c>
      <c r="T20" s="280">
        <v>87</v>
      </c>
      <c r="U20" s="280">
        <v>235</v>
      </c>
      <c r="V20" s="280">
        <v>472</v>
      </c>
      <c r="W20" s="277">
        <v>849</v>
      </c>
      <c r="X20" s="282">
        <v>849</v>
      </c>
      <c r="Y20" s="276">
        <v>374</v>
      </c>
      <c r="Z20" s="280">
        <v>1024</v>
      </c>
      <c r="AA20" s="277">
        <v>1398</v>
      </c>
      <c r="AB20" s="279">
        <v>0</v>
      </c>
      <c r="AC20" s="280">
        <v>3390</v>
      </c>
      <c r="AD20" s="280">
        <v>4055</v>
      </c>
      <c r="AE20" s="280">
        <v>3051</v>
      </c>
      <c r="AF20" s="280">
        <v>2294</v>
      </c>
      <c r="AG20" s="280">
        <v>2161</v>
      </c>
      <c r="AH20" s="277">
        <v>14951</v>
      </c>
      <c r="AI20" s="282">
        <v>16349</v>
      </c>
      <c r="AJ20" s="276">
        <v>70</v>
      </c>
      <c r="AK20" s="280">
        <v>147</v>
      </c>
      <c r="AL20" s="277">
        <v>217</v>
      </c>
      <c r="AM20" s="279">
        <v>0</v>
      </c>
      <c r="AN20" s="280">
        <v>560</v>
      </c>
      <c r="AO20" s="280">
        <v>871</v>
      </c>
      <c r="AP20" s="280">
        <v>502</v>
      </c>
      <c r="AQ20" s="280">
        <v>290</v>
      </c>
      <c r="AR20" s="280">
        <v>229</v>
      </c>
      <c r="AS20" s="277">
        <v>2452</v>
      </c>
      <c r="AT20" s="282">
        <v>2669</v>
      </c>
      <c r="AU20" s="276">
        <v>0</v>
      </c>
      <c r="AV20" s="280">
        <v>0</v>
      </c>
      <c r="AW20" s="277">
        <v>0</v>
      </c>
      <c r="AX20" s="279">
        <v>0</v>
      </c>
      <c r="AY20" s="280">
        <v>6501</v>
      </c>
      <c r="AZ20" s="280">
        <v>6433</v>
      </c>
      <c r="BA20" s="280">
        <v>4361</v>
      </c>
      <c r="BB20" s="280">
        <v>2500</v>
      </c>
      <c r="BC20" s="280">
        <v>1080</v>
      </c>
      <c r="BD20" s="281">
        <v>20875</v>
      </c>
      <c r="BE20" s="282">
        <v>20875</v>
      </c>
      <c r="BF20" s="276">
        <v>0</v>
      </c>
      <c r="BG20" s="280">
        <v>0</v>
      </c>
      <c r="BH20" s="277">
        <v>0</v>
      </c>
      <c r="BI20" s="279">
        <v>0</v>
      </c>
      <c r="BJ20" s="280">
        <v>1360</v>
      </c>
      <c r="BK20" s="280">
        <v>1563</v>
      </c>
      <c r="BL20" s="280">
        <v>919</v>
      </c>
      <c r="BM20" s="280">
        <v>551</v>
      </c>
      <c r="BN20" s="280">
        <v>184</v>
      </c>
      <c r="BO20" s="277">
        <v>4577</v>
      </c>
      <c r="BP20" s="282">
        <v>4577</v>
      </c>
      <c r="BQ20" s="276">
        <v>0</v>
      </c>
      <c r="BR20" s="280">
        <v>11</v>
      </c>
      <c r="BS20" s="277">
        <v>11</v>
      </c>
      <c r="BT20" s="279">
        <v>0</v>
      </c>
      <c r="BU20" s="280">
        <v>426</v>
      </c>
      <c r="BV20" s="280">
        <v>880</v>
      </c>
      <c r="BW20" s="280">
        <v>2055</v>
      </c>
      <c r="BX20" s="280">
        <v>1453</v>
      </c>
      <c r="BY20" s="280">
        <v>941</v>
      </c>
      <c r="BZ20" s="277">
        <v>5755</v>
      </c>
      <c r="CA20" s="282">
        <v>5766</v>
      </c>
      <c r="CB20" s="276">
        <v>0</v>
      </c>
      <c r="CC20" s="280">
        <v>0</v>
      </c>
      <c r="CD20" s="277">
        <v>0</v>
      </c>
      <c r="CE20" s="279">
        <v>0</v>
      </c>
      <c r="CF20" s="280">
        <v>2</v>
      </c>
      <c r="CG20" s="280">
        <v>24</v>
      </c>
      <c r="CH20" s="280">
        <v>0</v>
      </c>
      <c r="CI20" s="280">
        <v>16</v>
      </c>
      <c r="CJ20" s="280">
        <v>9</v>
      </c>
      <c r="CK20" s="277">
        <v>51</v>
      </c>
      <c r="CL20" s="282">
        <v>51</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2">
        <v>0</v>
      </c>
      <c r="F21" s="279">
        <v>0</v>
      </c>
      <c r="G21" s="280">
        <v>1701</v>
      </c>
      <c r="H21" s="280">
        <v>2506</v>
      </c>
      <c r="I21" s="280">
        <v>2907</v>
      </c>
      <c r="J21" s="280">
        <v>3880</v>
      </c>
      <c r="K21" s="280">
        <v>2471</v>
      </c>
      <c r="L21" s="281">
        <v>13465</v>
      </c>
      <c r="M21" s="282">
        <v>13465</v>
      </c>
      <c r="N21" s="276">
        <v>0</v>
      </c>
      <c r="O21" s="280">
        <v>4</v>
      </c>
      <c r="P21" s="277">
        <v>4</v>
      </c>
      <c r="Q21" s="279">
        <v>0</v>
      </c>
      <c r="R21" s="280">
        <v>19</v>
      </c>
      <c r="S21" s="280">
        <v>20</v>
      </c>
      <c r="T21" s="280">
        <v>81</v>
      </c>
      <c r="U21" s="280">
        <v>101</v>
      </c>
      <c r="V21" s="280">
        <v>160</v>
      </c>
      <c r="W21" s="277">
        <v>381</v>
      </c>
      <c r="X21" s="282">
        <v>385</v>
      </c>
      <c r="Y21" s="276">
        <v>181</v>
      </c>
      <c r="Z21" s="280">
        <v>283</v>
      </c>
      <c r="AA21" s="277">
        <v>464</v>
      </c>
      <c r="AB21" s="279">
        <v>0</v>
      </c>
      <c r="AC21" s="280">
        <v>1365</v>
      </c>
      <c r="AD21" s="280">
        <v>1383</v>
      </c>
      <c r="AE21" s="280">
        <v>1196</v>
      </c>
      <c r="AF21" s="280">
        <v>834</v>
      </c>
      <c r="AG21" s="280">
        <v>721</v>
      </c>
      <c r="AH21" s="277">
        <v>5499</v>
      </c>
      <c r="AI21" s="282">
        <v>5963</v>
      </c>
      <c r="AJ21" s="276">
        <v>30</v>
      </c>
      <c r="AK21" s="280">
        <v>58</v>
      </c>
      <c r="AL21" s="277">
        <v>88</v>
      </c>
      <c r="AM21" s="279">
        <v>0</v>
      </c>
      <c r="AN21" s="280">
        <v>291</v>
      </c>
      <c r="AO21" s="280">
        <v>235</v>
      </c>
      <c r="AP21" s="280">
        <v>157</v>
      </c>
      <c r="AQ21" s="280">
        <v>167</v>
      </c>
      <c r="AR21" s="280">
        <v>83</v>
      </c>
      <c r="AS21" s="277">
        <v>933</v>
      </c>
      <c r="AT21" s="282">
        <v>1021</v>
      </c>
      <c r="AU21" s="276">
        <v>0</v>
      </c>
      <c r="AV21" s="280">
        <v>0</v>
      </c>
      <c r="AW21" s="277">
        <v>0</v>
      </c>
      <c r="AX21" s="279">
        <v>0</v>
      </c>
      <c r="AY21" s="280">
        <v>2328</v>
      </c>
      <c r="AZ21" s="280">
        <v>2459</v>
      </c>
      <c r="BA21" s="280">
        <v>1442</v>
      </c>
      <c r="BB21" s="280">
        <v>603</v>
      </c>
      <c r="BC21" s="280">
        <v>433</v>
      </c>
      <c r="BD21" s="281">
        <v>7265</v>
      </c>
      <c r="BE21" s="282">
        <v>7265</v>
      </c>
      <c r="BF21" s="276">
        <v>0</v>
      </c>
      <c r="BG21" s="280">
        <v>0</v>
      </c>
      <c r="BH21" s="277">
        <v>0</v>
      </c>
      <c r="BI21" s="279">
        <v>0</v>
      </c>
      <c r="BJ21" s="280">
        <v>782</v>
      </c>
      <c r="BK21" s="280">
        <v>764</v>
      </c>
      <c r="BL21" s="280">
        <v>488</v>
      </c>
      <c r="BM21" s="280">
        <v>255</v>
      </c>
      <c r="BN21" s="280">
        <v>109</v>
      </c>
      <c r="BO21" s="277">
        <v>2398</v>
      </c>
      <c r="BP21" s="282">
        <v>2398</v>
      </c>
      <c r="BQ21" s="276">
        <v>14</v>
      </c>
      <c r="BR21" s="280">
        <v>6</v>
      </c>
      <c r="BS21" s="277">
        <v>20</v>
      </c>
      <c r="BT21" s="279">
        <v>0</v>
      </c>
      <c r="BU21" s="280">
        <v>146</v>
      </c>
      <c r="BV21" s="280">
        <v>319</v>
      </c>
      <c r="BW21" s="280">
        <v>502</v>
      </c>
      <c r="BX21" s="280">
        <v>185</v>
      </c>
      <c r="BY21" s="280">
        <v>275</v>
      </c>
      <c r="BZ21" s="277">
        <v>1427</v>
      </c>
      <c r="CA21" s="282">
        <v>1447</v>
      </c>
      <c r="CB21" s="276">
        <v>0</v>
      </c>
      <c r="CC21" s="280">
        <v>0</v>
      </c>
      <c r="CD21" s="277">
        <v>0</v>
      </c>
      <c r="CE21" s="279">
        <v>0</v>
      </c>
      <c r="CF21" s="280">
        <v>13</v>
      </c>
      <c r="CG21" s="280">
        <v>80</v>
      </c>
      <c r="CH21" s="280">
        <v>60</v>
      </c>
      <c r="CI21" s="280">
        <v>142</v>
      </c>
      <c r="CJ21" s="280">
        <v>57</v>
      </c>
      <c r="CK21" s="277">
        <v>352</v>
      </c>
      <c r="CL21" s="282">
        <v>352</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2">
        <v>0</v>
      </c>
      <c r="F22" s="279">
        <v>0</v>
      </c>
      <c r="G22" s="280">
        <v>3311</v>
      </c>
      <c r="H22" s="280">
        <v>2694</v>
      </c>
      <c r="I22" s="280">
        <v>5869</v>
      </c>
      <c r="J22" s="280">
        <v>4941</v>
      </c>
      <c r="K22" s="280">
        <v>3565</v>
      </c>
      <c r="L22" s="281">
        <v>20380</v>
      </c>
      <c r="M22" s="282">
        <v>20380</v>
      </c>
      <c r="N22" s="276">
        <v>0</v>
      </c>
      <c r="O22" s="280">
        <v>0</v>
      </c>
      <c r="P22" s="277">
        <v>0</v>
      </c>
      <c r="Q22" s="279">
        <v>0</v>
      </c>
      <c r="R22" s="280">
        <v>5</v>
      </c>
      <c r="S22" s="280">
        <v>13</v>
      </c>
      <c r="T22" s="280">
        <v>71</v>
      </c>
      <c r="U22" s="280">
        <v>127</v>
      </c>
      <c r="V22" s="280">
        <v>203</v>
      </c>
      <c r="W22" s="277">
        <v>419</v>
      </c>
      <c r="X22" s="282">
        <v>419</v>
      </c>
      <c r="Y22" s="276">
        <v>333</v>
      </c>
      <c r="Z22" s="280">
        <v>629</v>
      </c>
      <c r="AA22" s="277">
        <v>962</v>
      </c>
      <c r="AB22" s="279">
        <v>0</v>
      </c>
      <c r="AC22" s="280">
        <v>2509</v>
      </c>
      <c r="AD22" s="280">
        <v>1958</v>
      </c>
      <c r="AE22" s="280">
        <v>1364</v>
      </c>
      <c r="AF22" s="280">
        <v>1033</v>
      </c>
      <c r="AG22" s="280">
        <v>829</v>
      </c>
      <c r="AH22" s="277">
        <v>7693</v>
      </c>
      <c r="AI22" s="282">
        <v>8655</v>
      </c>
      <c r="AJ22" s="276">
        <v>119</v>
      </c>
      <c r="AK22" s="280">
        <v>480</v>
      </c>
      <c r="AL22" s="277">
        <v>599</v>
      </c>
      <c r="AM22" s="279">
        <v>0</v>
      </c>
      <c r="AN22" s="280">
        <v>818</v>
      </c>
      <c r="AO22" s="280">
        <v>744</v>
      </c>
      <c r="AP22" s="280">
        <v>511</v>
      </c>
      <c r="AQ22" s="280">
        <v>408</v>
      </c>
      <c r="AR22" s="280">
        <v>160</v>
      </c>
      <c r="AS22" s="277">
        <v>2641</v>
      </c>
      <c r="AT22" s="282">
        <v>3240</v>
      </c>
      <c r="AU22" s="276">
        <v>0</v>
      </c>
      <c r="AV22" s="280">
        <v>0</v>
      </c>
      <c r="AW22" s="277">
        <v>0</v>
      </c>
      <c r="AX22" s="279">
        <v>0</v>
      </c>
      <c r="AY22" s="280">
        <v>2659</v>
      </c>
      <c r="AZ22" s="280">
        <v>2191</v>
      </c>
      <c r="BA22" s="280">
        <v>1732</v>
      </c>
      <c r="BB22" s="280">
        <v>962</v>
      </c>
      <c r="BC22" s="280">
        <v>336</v>
      </c>
      <c r="BD22" s="281">
        <v>7880</v>
      </c>
      <c r="BE22" s="282">
        <v>7880</v>
      </c>
      <c r="BF22" s="276">
        <v>0</v>
      </c>
      <c r="BG22" s="280">
        <v>0</v>
      </c>
      <c r="BH22" s="277">
        <v>0</v>
      </c>
      <c r="BI22" s="279">
        <v>0</v>
      </c>
      <c r="BJ22" s="280">
        <v>1203</v>
      </c>
      <c r="BK22" s="280">
        <v>1194</v>
      </c>
      <c r="BL22" s="280">
        <v>560</v>
      </c>
      <c r="BM22" s="280">
        <v>419</v>
      </c>
      <c r="BN22" s="280">
        <v>117</v>
      </c>
      <c r="BO22" s="277">
        <v>3493</v>
      </c>
      <c r="BP22" s="282">
        <v>3493</v>
      </c>
      <c r="BQ22" s="276">
        <v>3</v>
      </c>
      <c r="BR22" s="280">
        <v>54</v>
      </c>
      <c r="BS22" s="277">
        <v>57</v>
      </c>
      <c r="BT22" s="279">
        <v>0</v>
      </c>
      <c r="BU22" s="280">
        <v>433</v>
      </c>
      <c r="BV22" s="280">
        <v>587</v>
      </c>
      <c r="BW22" s="280">
        <v>1304</v>
      </c>
      <c r="BX22" s="280">
        <v>941</v>
      </c>
      <c r="BY22" s="280">
        <v>154</v>
      </c>
      <c r="BZ22" s="277">
        <v>3419</v>
      </c>
      <c r="CA22" s="282">
        <v>3476</v>
      </c>
      <c r="CB22" s="276">
        <v>0</v>
      </c>
      <c r="CC22" s="280">
        <v>13</v>
      </c>
      <c r="CD22" s="277">
        <v>13</v>
      </c>
      <c r="CE22" s="279">
        <v>0</v>
      </c>
      <c r="CF22" s="280">
        <v>34</v>
      </c>
      <c r="CG22" s="280">
        <v>23</v>
      </c>
      <c r="CH22" s="280">
        <v>62</v>
      </c>
      <c r="CI22" s="280">
        <v>40</v>
      </c>
      <c r="CJ22" s="280">
        <v>22</v>
      </c>
      <c r="CK22" s="277">
        <v>181</v>
      </c>
      <c r="CL22" s="282">
        <v>194</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2">
        <v>0</v>
      </c>
      <c r="F23" s="279">
        <v>0</v>
      </c>
      <c r="G23" s="280">
        <v>2599</v>
      </c>
      <c r="H23" s="280">
        <v>6114</v>
      </c>
      <c r="I23" s="280">
        <v>6404</v>
      </c>
      <c r="J23" s="280">
        <v>8163</v>
      </c>
      <c r="K23" s="280">
        <v>5485</v>
      </c>
      <c r="L23" s="281">
        <v>28765</v>
      </c>
      <c r="M23" s="282">
        <v>28765</v>
      </c>
      <c r="N23" s="276">
        <v>0</v>
      </c>
      <c r="O23" s="280">
        <v>0</v>
      </c>
      <c r="P23" s="277">
        <v>0</v>
      </c>
      <c r="Q23" s="279">
        <v>0</v>
      </c>
      <c r="R23" s="280">
        <v>0</v>
      </c>
      <c r="S23" s="280">
        <v>30</v>
      </c>
      <c r="T23" s="280">
        <v>58</v>
      </c>
      <c r="U23" s="280">
        <v>143</v>
      </c>
      <c r="V23" s="280">
        <v>234</v>
      </c>
      <c r="W23" s="277">
        <v>465</v>
      </c>
      <c r="X23" s="282">
        <v>465</v>
      </c>
      <c r="Y23" s="276">
        <v>349</v>
      </c>
      <c r="Z23" s="280">
        <v>706</v>
      </c>
      <c r="AA23" s="277">
        <v>1055</v>
      </c>
      <c r="AB23" s="279">
        <v>0</v>
      </c>
      <c r="AC23" s="280">
        <v>1978</v>
      </c>
      <c r="AD23" s="280">
        <v>2928</v>
      </c>
      <c r="AE23" s="280">
        <v>1521</v>
      </c>
      <c r="AF23" s="280">
        <v>1700</v>
      </c>
      <c r="AG23" s="280">
        <v>941</v>
      </c>
      <c r="AH23" s="277">
        <v>9068</v>
      </c>
      <c r="AI23" s="282">
        <v>10123</v>
      </c>
      <c r="AJ23" s="276">
        <v>147</v>
      </c>
      <c r="AK23" s="280">
        <v>310</v>
      </c>
      <c r="AL23" s="277">
        <v>457</v>
      </c>
      <c r="AM23" s="279">
        <v>0</v>
      </c>
      <c r="AN23" s="280">
        <v>232</v>
      </c>
      <c r="AO23" s="280">
        <v>441</v>
      </c>
      <c r="AP23" s="280">
        <v>221</v>
      </c>
      <c r="AQ23" s="280">
        <v>145</v>
      </c>
      <c r="AR23" s="280">
        <v>116</v>
      </c>
      <c r="AS23" s="277">
        <v>1155</v>
      </c>
      <c r="AT23" s="282">
        <v>1612</v>
      </c>
      <c r="AU23" s="276">
        <v>0</v>
      </c>
      <c r="AV23" s="280">
        <v>0</v>
      </c>
      <c r="AW23" s="277">
        <v>0</v>
      </c>
      <c r="AX23" s="279">
        <v>0</v>
      </c>
      <c r="AY23" s="280">
        <v>2596</v>
      </c>
      <c r="AZ23" s="280">
        <v>3278</v>
      </c>
      <c r="BA23" s="280">
        <v>2128</v>
      </c>
      <c r="BB23" s="280">
        <v>997</v>
      </c>
      <c r="BC23" s="280">
        <v>361</v>
      </c>
      <c r="BD23" s="281">
        <v>9360</v>
      </c>
      <c r="BE23" s="282">
        <v>9360</v>
      </c>
      <c r="BF23" s="276">
        <v>0</v>
      </c>
      <c r="BG23" s="280">
        <v>0</v>
      </c>
      <c r="BH23" s="277">
        <v>0</v>
      </c>
      <c r="BI23" s="279">
        <v>0</v>
      </c>
      <c r="BJ23" s="280">
        <v>472</v>
      </c>
      <c r="BK23" s="280">
        <v>575</v>
      </c>
      <c r="BL23" s="280">
        <v>271</v>
      </c>
      <c r="BM23" s="280">
        <v>144</v>
      </c>
      <c r="BN23" s="280">
        <v>65</v>
      </c>
      <c r="BO23" s="277">
        <v>1527</v>
      </c>
      <c r="BP23" s="282">
        <v>1527</v>
      </c>
      <c r="BQ23" s="276">
        <v>3</v>
      </c>
      <c r="BR23" s="280">
        <v>3</v>
      </c>
      <c r="BS23" s="277">
        <v>6</v>
      </c>
      <c r="BT23" s="279">
        <v>0</v>
      </c>
      <c r="BU23" s="280">
        <v>166</v>
      </c>
      <c r="BV23" s="280">
        <v>422</v>
      </c>
      <c r="BW23" s="280">
        <v>1038</v>
      </c>
      <c r="BX23" s="280">
        <v>835</v>
      </c>
      <c r="BY23" s="280">
        <v>513</v>
      </c>
      <c r="BZ23" s="277">
        <v>2974</v>
      </c>
      <c r="CA23" s="282">
        <v>2980</v>
      </c>
      <c r="CB23" s="276">
        <v>0</v>
      </c>
      <c r="CC23" s="280">
        <v>0</v>
      </c>
      <c r="CD23" s="277">
        <v>0</v>
      </c>
      <c r="CE23" s="279">
        <v>0</v>
      </c>
      <c r="CF23" s="280">
        <v>6</v>
      </c>
      <c r="CG23" s="280">
        <v>17</v>
      </c>
      <c r="CH23" s="280">
        <v>34</v>
      </c>
      <c r="CI23" s="280">
        <v>74</v>
      </c>
      <c r="CJ23" s="280">
        <v>10</v>
      </c>
      <c r="CK23" s="277">
        <v>141</v>
      </c>
      <c r="CL23" s="282">
        <v>141</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2">
        <v>0</v>
      </c>
      <c r="F24" s="279">
        <v>0</v>
      </c>
      <c r="G24" s="280">
        <v>607</v>
      </c>
      <c r="H24" s="280">
        <v>981</v>
      </c>
      <c r="I24" s="280">
        <v>868</v>
      </c>
      <c r="J24" s="280">
        <v>1466</v>
      </c>
      <c r="K24" s="280">
        <v>1943</v>
      </c>
      <c r="L24" s="281">
        <v>5865</v>
      </c>
      <c r="M24" s="282">
        <v>5865</v>
      </c>
      <c r="N24" s="276">
        <v>0</v>
      </c>
      <c r="O24" s="280">
        <v>0</v>
      </c>
      <c r="P24" s="277">
        <v>0</v>
      </c>
      <c r="Q24" s="279">
        <v>0</v>
      </c>
      <c r="R24" s="280">
        <v>6</v>
      </c>
      <c r="S24" s="280">
        <v>6</v>
      </c>
      <c r="T24" s="280">
        <v>25</v>
      </c>
      <c r="U24" s="280">
        <v>50</v>
      </c>
      <c r="V24" s="280">
        <v>97</v>
      </c>
      <c r="W24" s="277">
        <v>184</v>
      </c>
      <c r="X24" s="282">
        <v>184</v>
      </c>
      <c r="Y24" s="276">
        <v>21</v>
      </c>
      <c r="Z24" s="280">
        <v>46</v>
      </c>
      <c r="AA24" s="277">
        <v>67</v>
      </c>
      <c r="AB24" s="279">
        <v>0</v>
      </c>
      <c r="AC24" s="280">
        <v>374</v>
      </c>
      <c r="AD24" s="280">
        <v>518</v>
      </c>
      <c r="AE24" s="280">
        <v>331</v>
      </c>
      <c r="AF24" s="280">
        <v>339</v>
      </c>
      <c r="AG24" s="280">
        <v>297</v>
      </c>
      <c r="AH24" s="277">
        <v>1859</v>
      </c>
      <c r="AI24" s="282">
        <v>1926</v>
      </c>
      <c r="AJ24" s="276">
        <v>0</v>
      </c>
      <c r="AK24" s="280">
        <v>33</v>
      </c>
      <c r="AL24" s="277">
        <v>33</v>
      </c>
      <c r="AM24" s="279">
        <v>0</v>
      </c>
      <c r="AN24" s="280">
        <v>95</v>
      </c>
      <c r="AO24" s="280">
        <v>207</v>
      </c>
      <c r="AP24" s="280">
        <v>87</v>
      </c>
      <c r="AQ24" s="280">
        <v>37</v>
      </c>
      <c r="AR24" s="280">
        <v>42</v>
      </c>
      <c r="AS24" s="277">
        <v>468</v>
      </c>
      <c r="AT24" s="282">
        <v>501</v>
      </c>
      <c r="AU24" s="276">
        <v>0</v>
      </c>
      <c r="AV24" s="280">
        <v>0</v>
      </c>
      <c r="AW24" s="277">
        <v>0</v>
      </c>
      <c r="AX24" s="279">
        <v>0</v>
      </c>
      <c r="AY24" s="280">
        <v>1133</v>
      </c>
      <c r="AZ24" s="280">
        <v>1213</v>
      </c>
      <c r="BA24" s="280">
        <v>634</v>
      </c>
      <c r="BB24" s="280">
        <v>465</v>
      </c>
      <c r="BC24" s="280">
        <v>186</v>
      </c>
      <c r="BD24" s="281">
        <v>3631</v>
      </c>
      <c r="BE24" s="282">
        <v>3631</v>
      </c>
      <c r="BF24" s="276">
        <v>0</v>
      </c>
      <c r="BG24" s="280">
        <v>0</v>
      </c>
      <c r="BH24" s="277">
        <v>0</v>
      </c>
      <c r="BI24" s="279">
        <v>0</v>
      </c>
      <c r="BJ24" s="280">
        <v>164</v>
      </c>
      <c r="BK24" s="280">
        <v>215</v>
      </c>
      <c r="BL24" s="280">
        <v>130</v>
      </c>
      <c r="BM24" s="280">
        <v>107</v>
      </c>
      <c r="BN24" s="280">
        <v>42</v>
      </c>
      <c r="BO24" s="277">
        <v>658</v>
      </c>
      <c r="BP24" s="282">
        <v>658</v>
      </c>
      <c r="BQ24" s="276">
        <v>0</v>
      </c>
      <c r="BR24" s="280">
        <v>7</v>
      </c>
      <c r="BS24" s="277">
        <v>7</v>
      </c>
      <c r="BT24" s="279">
        <v>0</v>
      </c>
      <c r="BU24" s="280">
        <v>102</v>
      </c>
      <c r="BV24" s="280">
        <v>148</v>
      </c>
      <c r="BW24" s="280">
        <v>353</v>
      </c>
      <c r="BX24" s="280">
        <v>198</v>
      </c>
      <c r="BY24" s="280">
        <v>175</v>
      </c>
      <c r="BZ24" s="277">
        <v>976</v>
      </c>
      <c r="CA24" s="282">
        <v>983</v>
      </c>
      <c r="CB24" s="276">
        <v>0</v>
      </c>
      <c r="CC24" s="280">
        <v>0</v>
      </c>
      <c r="CD24" s="277">
        <v>0</v>
      </c>
      <c r="CE24" s="279">
        <v>0</v>
      </c>
      <c r="CF24" s="280">
        <v>12</v>
      </c>
      <c r="CG24" s="280">
        <v>17</v>
      </c>
      <c r="CH24" s="280">
        <v>30</v>
      </c>
      <c r="CI24" s="280">
        <v>30</v>
      </c>
      <c r="CJ24" s="280">
        <v>16</v>
      </c>
      <c r="CK24" s="277">
        <v>105</v>
      </c>
      <c r="CL24" s="282">
        <v>105</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2">
        <v>0</v>
      </c>
      <c r="F25" s="279">
        <v>0</v>
      </c>
      <c r="G25" s="280">
        <v>1733</v>
      </c>
      <c r="H25" s="280">
        <v>2372</v>
      </c>
      <c r="I25" s="280">
        <v>2752</v>
      </c>
      <c r="J25" s="280">
        <v>3520</v>
      </c>
      <c r="K25" s="280">
        <v>2250</v>
      </c>
      <c r="L25" s="281">
        <v>12627</v>
      </c>
      <c r="M25" s="282">
        <v>12627</v>
      </c>
      <c r="N25" s="276">
        <v>0</v>
      </c>
      <c r="O25" s="280">
        <v>0</v>
      </c>
      <c r="P25" s="277">
        <v>0</v>
      </c>
      <c r="Q25" s="279">
        <v>0</v>
      </c>
      <c r="R25" s="280">
        <v>5</v>
      </c>
      <c r="S25" s="280">
        <v>17</v>
      </c>
      <c r="T25" s="280">
        <v>14</v>
      </c>
      <c r="U25" s="280">
        <v>73</v>
      </c>
      <c r="V25" s="280">
        <v>90</v>
      </c>
      <c r="W25" s="277">
        <v>199</v>
      </c>
      <c r="X25" s="282">
        <v>199</v>
      </c>
      <c r="Y25" s="276">
        <v>238</v>
      </c>
      <c r="Z25" s="280">
        <v>523</v>
      </c>
      <c r="AA25" s="277">
        <v>761</v>
      </c>
      <c r="AB25" s="279">
        <v>0</v>
      </c>
      <c r="AC25" s="280">
        <v>1137</v>
      </c>
      <c r="AD25" s="280">
        <v>1612</v>
      </c>
      <c r="AE25" s="280">
        <v>832</v>
      </c>
      <c r="AF25" s="280">
        <v>900</v>
      </c>
      <c r="AG25" s="280">
        <v>413</v>
      </c>
      <c r="AH25" s="277">
        <v>4894</v>
      </c>
      <c r="AI25" s="282">
        <v>5655</v>
      </c>
      <c r="AJ25" s="276">
        <v>40</v>
      </c>
      <c r="AK25" s="280">
        <v>78</v>
      </c>
      <c r="AL25" s="277">
        <v>118</v>
      </c>
      <c r="AM25" s="279">
        <v>0</v>
      </c>
      <c r="AN25" s="280">
        <v>104</v>
      </c>
      <c r="AO25" s="280">
        <v>347</v>
      </c>
      <c r="AP25" s="280">
        <v>136</v>
      </c>
      <c r="AQ25" s="280">
        <v>153</v>
      </c>
      <c r="AR25" s="280">
        <v>154</v>
      </c>
      <c r="AS25" s="277">
        <v>894</v>
      </c>
      <c r="AT25" s="282">
        <v>1012</v>
      </c>
      <c r="AU25" s="276">
        <v>0</v>
      </c>
      <c r="AV25" s="280">
        <v>0</v>
      </c>
      <c r="AW25" s="277">
        <v>0</v>
      </c>
      <c r="AX25" s="279">
        <v>0</v>
      </c>
      <c r="AY25" s="280">
        <v>2685</v>
      </c>
      <c r="AZ25" s="280">
        <v>2478</v>
      </c>
      <c r="BA25" s="280">
        <v>1470</v>
      </c>
      <c r="BB25" s="280">
        <v>1021</v>
      </c>
      <c r="BC25" s="280">
        <v>382</v>
      </c>
      <c r="BD25" s="281">
        <v>8036</v>
      </c>
      <c r="BE25" s="282">
        <v>8036</v>
      </c>
      <c r="BF25" s="276">
        <v>0</v>
      </c>
      <c r="BG25" s="280">
        <v>0</v>
      </c>
      <c r="BH25" s="277">
        <v>0</v>
      </c>
      <c r="BI25" s="279">
        <v>0</v>
      </c>
      <c r="BJ25" s="280">
        <v>314</v>
      </c>
      <c r="BK25" s="280">
        <v>380</v>
      </c>
      <c r="BL25" s="280">
        <v>343</v>
      </c>
      <c r="BM25" s="280">
        <v>236</v>
      </c>
      <c r="BN25" s="280">
        <v>32</v>
      </c>
      <c r="BO25" s="277">
        <v>1305</v>
      </c>
      <c r="BP25" s="282">
        <v>1305</v>
      </c>
      <c r="BQ25" s="276">
        <v>57</v>
      </c>
      <c r="BR25" s="280">
        <v>6</v>
      </c>
      <c r="BS25" s="277">
        <v>63</v>
      </c>
      <c r="BT25" s="279">
        <v>0</v>
      </c>
      <c r="BU25" s="280">
        <v>100</v>
      </c>
      <c r="BV25" s="280">
        <v>429</v>
      </c>
      <c r="BW25" s="280">
        <v>501</v>
      </c>
      <c r="BX25" s="280">
        <v>541</v>
      </c>
      <c r="BY25" s="280">
        <v>133</v>
      </c>
      <c r="BZ25" s="277">
        <v>1704</v>
      </c>
      <c r="CA25" s="282">
        <v>1767</v>
      </c>
      <c r="CB25" s="276">
        <v>0</v>
      </c>
      <c r="CC25" s="280">
        <v>3</v>
      </c>
      <c r="CD25" s="277">
        <v>3</v>
      </c>
      <c r="CE25" s="279">
        <v>0</v>
      </c>
      <c r="CF25" s="280">
        <v>3</v>
      </c>
      <c r="CG25" s="280">
        <v>12</v>
      </c>
      <c r="CH25" s="280">
        <v>19</v>
      </c>
      <c r="CI25" s="280">
        <v>12</v>
      </c>
      <c r="CJ25" s="280">
        <v>31</v>
      </c>
      <c r="CK25" s="277">
        <v>77</v>
      </c>
      <c r="CL25" s="282">
        <v>8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2">
        <v>0</v>
      </c>
      <c r="F26" s="279">
        <v>0</v>
      </c>
      <c r="G26" s="280">
        <v>773</v>
      </c>
      <c r="H26" s="280">
        <v>1118</v>
      </c>
      <c r="I26" s="280">
        <v>1566</v>
      </c>
      <c r="J26" s="280">
        <v>1312</v>
      </c>
      <c r="K26" s="280">
        <v>1747</v>
      </c>
      <c r="L26" s="281">
        <v>6516</v>
      </c>
      <c r="M26" s="282">
        <v>6516</v>
      </c>
      <c r="N26" s="276">
        <v>0</v>
      </c>
      <c r="O26" s="280">
        <v>0</v>
      </c>
      <c r="P26" s="277">
        <v>0</v>
      </c>
      <c r="Q26" s="279">
        <v>0</v>
      </c>
      <c r="R26" s="280">
        <v>3</v>
      </c>
      <c r="S26" s="280">
        <v>14</v>
      </c>
      <c r="T26" s="280">
        <v>26</v>
      </c>
      <c r="U26" s="280">
        <v>52</v>
      </c>
      <c r="V26" s="280">
        <v>126</v>
      </c>
      <c r="W26" s="277">
        <v>221</v>
      </c>
      <c r="X26" s="282">
        <v>221</v>
      </c>
      <c r="Y26" s="276">
        <v>98</v>
      </c>
      <c r="Z26" s="280">
        <v>250</v>
      </c>
      <c r="AA26" s="277">
        <v>348</v>
      </c>
      <c r="AB26" s="279">
        <v>0</v>
      </c>
      <c r="AC26" s="280">
        <v>362</v>
      </c>
      <c r="AD26" s="280">
        <v>534</v>
      </c>
      <c r="AE26" s="280">
        <v>406</v>
      </c>
      <c r="AF26" s="280">
        <v>324</v>
      </c>
      <c r="AG26" s="280">
        <v>319</v>
      </c>
      <c r="AH26" s="277">
        <v>1945</v>
      </c>
      <c r="AI26" s="282">
        <v>2293</v>
      </c>
      <c r="AJ26" s="276">
        <v>0</v>
      </c>
      <c r="AK26" s="280">
        <v>8</v>
      </c>
      <c r="AL26" s="277">
        <v>8</v>
      </c>
      <c r="AM26" s="279">
        <v>0</v>
      </c>
      <c r="AN26" s="280">
        <v>51</v>
      </c>
      <c r="AO26" s="280">
        <v>101</v>
      </c>
      <c r="AP26" s="280">
        <v>20</v>
      </c>
      <c r="AQ26" s="280">
        <v>38</v>
      </c>
      <c r="AR26" s="280">
        <v>34</v>
      </c>
      <c r="AS26" s="277">
        <v>244</v>
      </c>
      <c r="AT26" s="282">
        <v>252</v>
      </c>
      <c r="AU26" s="276">
        <v>0</v>
      </c>
      <c r="AV26" s="280">
        <v>0</v>
      </c>
      <c r="AW26" s="277">
        <v>0</v>
      </c>
      <c r="AX26" s="279">
        <v>0</v>
      </c>
      <c r="AY26" s="280">
        <v>1066</v>
      </c>
      <c r="AZ26" s="280">
        <v>783</v>
      </c>
      <c r="BA26" s="280">
        <v>489</v>
      </c>
      <c r="BB26" s="280">
        <v>277</v>
      </c>
      <c r="BC26" s="280">
        <v>61</v>
      </c>
      <c r="BD26" s="281">
        <v>2676</v>
      </c>
      <c r="BE26" s="282">
        <v>2676</v>
      </c>
      <c r="BF26" s="276">
        <v>0</v>
      </c>
      <c r="BG26" s="280">
        <v>0</v>
      </c>
      <c r="BH26" s="277">
        <v>0</v>
      </c>
      <c r="BI26" s="279">
        <v>0</v>
      </c>
      <c r="BJ26" s="280">
        <v>360</v>
      </c>
      <c r="BK26" s="280">
        <v>334</v>
      </c>
      <c r="BL26" s="280">
        <v>184</v>
      </c>
      <c r="BM26" s="280">
        <v>85</v>
      </c>
      <c r="BN26" s="280">
        <v>142</v>
      </c>
      <c r="BO26" s="277">
        <v>1105</v>
      </c>
      <c r="BP26" s="282">
        <v>1105</v>
      </c>
      <c r="BQ26" s="276">
        <v>4</v>
      </c>
      <c r="BR26" s="280">
        <v>6</v>
      </c>
      <c r="BS26" s="277">
        <v>10</v>
      </c>
      <c r="BT26" s="279">
        <v>0</v>
      </c>
      <c r="BU26" s="280">
        <v>122</v>
      </c>
      <c r="BV26" s="280">
        <v>151</v>
      </c>
      <c r="BW26" s="280">
        <v>283</v>
      </c>
      <c r="BX26" s="280">
        <v>302</v>
      </c>
      <c r="BY26" s="280">
        <v>75</v>
      </c>
      <c r="BZ26" s="277">
        <v>933</v>
      </c>
      <c r="CA26" s="282">
        <v>943</v>
      </c>
      <c r="CB26" s="276">
        <v>0</v>
      </c>
      <c r="CC26" s="280">
        <v>0</v>
      </c>
      <c r="CD26" s="277">
        <v>0</v>
      </c>
      <c r="CE26" s="279">
        <v>0</v>
      </c>
      <c r="CF26" s="280">
        <v>10</v>
      </c>
      <c r="CG26" s="280">
        <v>10</v>
      </c>
      <c r="CH26" s="280">
        <v>9</v>
      </c>
      <c r="CI26" s="280">
        <v>8</v>
      </c>
      <c r="CJ26" s="280">
        <v>11</v>
      </c>
      <c r="CK26" s="277">
        <v>48</v>
      </c>
      <c r="CL26" s="282">
        <v>48</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2">
        <v>0</v>
      </c>
      <c r="F27" s="279">
        <v>0</v>
      </c>
      <c r="G27" s="280">
        <v>1426</v>
      </c>
      <c r="H27" s="280">
        <v>1757</v>
      </c>
      <c r="I27" s="280">
        <v>1841</v>
      </c>
      <c r="J27" s="280">
        <v>2522</v>
      </c>
      <c r="K27" s="280">
        <v>2313</v>
      </c>
      <c r="L27" s="281">
        <v>9859</v>
      </c>
      <c r="M27" s="282">
        <v>9859</v>
      </c>
      <c r="N27" s="276">
        <v>0</v>
      </c>
      <c r="O27" s="280">
        <v>0</v>
      </c>
      <c r="P27" s="277">
        <v>0</v>
      </c>
      <c r="Q27" s="279">
        <v>0</v>
      </c>
      <c r="R27" s="280">
        <v>12</v>
      </c>
      <c r="S27" s="280">
        <v>49</v>
      </c>
      <c r="T27" s="280">
        <v>56</v>
      </c>
      <c r="U27" s="280">
        <v>84</v>
      </c>
      <c r="V27" s="280">
        <v>128</v>
      </c>
      <c r="W27" s="277">
        <v>329</v>
      </c>
      <c r="X27" s="282">
        <v>329</v>
      </c>
      <c r="Y27" s="276">
        <v>109</v>
      </c>
      <c r="Z27" s="280">
        <v>308</v>
      </c>
      <c r="AA27" s="277">
        <v>417</v>
      </c>
      <c r="AB27" s="279">
        <v>0</v>
      </c>
      <c r="AC27" s="280">
        <v>617</v>
      </c>
      <c r="AD27" s="280">
        <v>727</v>
      </c>
      <c r="AE27" s="280">
        <v>408</v>
      </c>
      <c r="AF27" s="280">
        <v>295</v>
      </c>
      <c r="AG27" s="280">
        <v>299</v>
      </c>
      <c r="AH27" s="277">
        <v>2346</v>
      </c>
      <c r="AI27" s="282">
        <v>2763</v>
      </c>
      <c r="AJ27" s="276">
        <v>6</v>
      </c>
      <c r="AK27" s="280">
        <v>64</v>
      </c>
      <c r="AL27" s="277">
        <v>70</v>
      </c>
      <c r="AM27" s="279">
        <v>0</v>
      </c>
      <c r="AN27" s="280">
        <v>2</v>
      </c>
      <c r="AO27" s="280">
        <v>158</v>
      </c>
      <c r="AP27" s="280">
        <v>134</v>
      </c>
      <c r="AQ27" s="280">
        <v>46</v>
      </c>
      <c r="AR27" s="280">
        <v>63</v>
      </c>
      <c r="AS27" s="277">
        <v>403</v>
      </c>
      <c r="AT27" s="282">
        <v>473</v>
      </c>
      <c r="AU27" s="276">
        <v>0</v>
      </c>
      <c r="AV27" s="280">
        <v>0</v>
      </c>
      <c r="AW27" s="277">
        <v>0</v>
      </c>
      <c r="AX27" s="279">
        <v>0</v>
      </c>
      <c r="AY27" s="280">
        <v>1121</v>
      </c>
      <c r="AZ27" s="280">
        <v>845</v>
      </c>
      <c r="BA27" s="280">
        <v>685</v>
      </c>
      <c r="BB27" s="280">
        <v>548</v>
      </c>
      <c r="BC27" s="280">
        <v>42</v>
      </c>
      <c r="BD27" s="281">
        <v>3241</v>
      </c>
      <c r="BE27" s="282">
        <v>3241</v>
      </c>
      <c r="BF27" s="276">
        <v>0</v>
      </c>
      <c r="BG27" s="280">
        <v>0</v>
      </c>
      <c r="BH27" s="277">
        <v>0</v>
      </c>
      <c r="BI27" s="279">
        <v>0</v>
      </c>
      <c r="BJ27" s="280">
        <v>240</v>
      </c>
      <c r="BK27" s="280">
        <v>490</v>
      </c>
      <c r="BL27" s="280">
        <v>207</v>
      </c>
      <c r="BM27" s="280">
        <v>131</v>
      </c>
      <c r="BN27" s="280">
        <v>17</v>
      </c>
      <c r="BO27" s="277">
        <v>1085</v>
      </c>
      <c r="BP27" s="282">
        <v>1085</v>
      </c>
      <c r="BQ27" s="276">
        <v>4</v>
      </c>
      <c r="BR27" s="280">
        <v>7</v>
      </c>
      <c r="BS27" s="277">
        <v>11</v>
      </c>
      <c r="BT27" s="279">
        <v>0</v>
      </c>
      <c r="BU27" s="280">
        <v>98</v>
      </c>
      <c r="BV27" s="280">
        <v>136</v>
      </c>
      <c r="BW27" s="280">
        <v>324</v>
      </c>
      <c r="BX27" s="280">
        <v>133</v>
      </c>
      <c r="BY27" s="280">
        <v>26</v>
      </c>
      <c r="BZ27" s="277">
        <v>717</v>
      </c>
      <c r="CA27" s="282">
        <v>728</v>
      </c>
      <c r="CB27" s="276">
        <v>0</v>
      </c>
      <c r="CC27" s="280">
        <v>0</v>
      </c>
      <c r="CD27" s="277">
        <v>0</v>
      </c>
      <c r="CE27" s="279">
        <v>0</v>
      </c>
      <c r="CF27" s="280">
        <v>33</v>
      </c>
      <c r="CG27" s="280">
        <v>29</v>
      </c>
      <c r="CH27" s="280">
        <v>18</v>
      </c>
      <c r="CI27" s="280">
        <v>42</v>
      </c>
      <c r="CJ27" s="280">
        <v>9</v>
      </c>
      <c r="CK27" s="277">
        <v>131</v>
      </c>
      <c r="CL27" s="282">
        <v>131</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2">
        <v>0</v>
      </c>
      <c r="F28" s="279">
        <v>0</v>
      </c>
      <c r="G28" s="280">
        <v>918</v>
      </c>
      <c r="H28" s="280">
        <v>1336</v>
      </c>
      <c r="I28" s="280">
        <v>1468</v>
      </c>
      <c r="J28" s="280">
        <v>1756</v>
      </c>
      <c r="K28" s="280">
        <v>1972</v>
      </c>
      <c r="L28" s="281">
        <v>7450</v>
      </c>
      <c r="M28" s="282">
        <v>7450</v>
      </c>
      <c r="N28" s="276">
        <v>0</v>
      </c>
      <c r="O28" s="280">
        <v>0</v>
      </c>
      <c r="P28" s="277">
        <v>0</v>
      </c>
      <c r="Q28" s="279">
        <v>0</v>
      </c>
      <c r="R28" s="280">
        <v>0</v>
      </c>
      <c r="S28" s="280">
        <v>2</v>
      </c>
      <c r="T28" s="280">
        <v>17</v>
      </c>
      <c r="U28" s="280">
        <v>49</v>
      </c>
      <c r="V28" s="280">
        <v>67</v>
      </c>
      <c r="W28" s="277">
        <v>135</v>
      </c>
      <c r="X28" s="282">
        <v>135</v>
      </c>
      <c r="Y28" s="276">
        <v>78</v>
      </c>
      <c r="Z28" s="280">
        <v>65</v>
      </c>
      <c r="AA28" s="277">
        <v>143</v>
      </c>
      <c r="AB28" s="279">
        <v>0</v>
      </c>
      <c r="AC28" s="280">
        <v>432</v>
      </c>
      <c r="AD28" s="280">
        <v>483</v>
      </c>
      <c r="AE28" s="280">
        <v>331</v>
      </c>
      <c r="AF28" s="280">
        <v>343</v>
      </c>
      <c r="AG28" s="280">
        <v>329</v>
      </c>
      <c r="AH28" s="277">
        <v>1918</v>
      </c>
      <c r="AI28" s="282">
        <v>2061</v>
      </c>
      <c r="AJ28" s="276">
        <v>0</v>
      </c>
      <c r="AK28" s="280">
        <v>0</v>
      </c>
      <c r="AL28" s="277">
        <v>0</v>
      </c>
      <c r="AM28" s="279">
        <v>0</v>
      </c>
      <c r="AN28" s="280">
        <v>15</v>
      </c>
      <c r="AO28" s="280">
        <v>98</v>
      </c>
      <c r="AP28" s="280">
        <v>95</v>
      </c>
      <c r="AQ28" s="280">
        <v>62</v>
      </c>
      <c r="AR28" s="280">
        <v>45</v>
      </c>
      <c r="AS28" s="277">
        <v>315</v>
      </c>
      <c r="AT28" s="282">
        <v>315</v>
      </c>
      <c r="AU28" s="276">
        <v>0</v>
      </c>
      <c r="AV28" s="280">
        <v>0</v>
      </c>
      <c r="AW28" s="277">
        <v>0</v>
      </c>
      <c r="AX28" s="279">
        <v>0</v>
      </c>
      <c r="AY28" s="280">
        <v>965</v>
      </c>
      <c r="AZ28" s="280">
        <v>881</v>
      </c>
      <c r="BA28" s="280">
        <v>512</v>
      </c>
      <c r="BB28" s="280">
        <v>238</v>
      </c>
      <c r="BC28" s="280">
        <v>171</v>
      </c>
      <c r="BD28" s="281">
        <v>2767</v>
      </c>
      <c r="BE28" s="282">
        <v>2767</v>
      </c>
      <c r="BF28" s="276">
        <v>0</v>
      </c>
      <c r="BG28" s="280">
        <v>0</v>
      </c>
      <c r="BH28" s="277">
        <v>0</v>
      </c>
      <c r="BI28" s="279">
        <v>0</v>
      </c>
      <c r="BJ28" s="280">
        <v>122</v>
      </c>
      <c r="BK28" s="280">
        <v>242</v>
      </c>
      <c r="BL28" s="280">
        <v>79</v>
      </c>
      <c r="BM28" s="280">
        <v>94</v>
      </c>
      <c r="BN28" s="280">
        <v>30</v>
      </c>
      <c r="BO28" s="277">
        <v>567</v>
      </c>
      <c r="BP28" s="282">
        <v>567</v>
      </c>
      <c r="BQ28" s="276">
        <v>0</v>
      </c>
      <c r="BR28" s="280">
        <v>14</v>
      </c>
      <c r="BS28" s="277">
        <v>14</v>
      </c>
      <c r="BT28" s="279">
        <v>0</v>
      </c>
      <c r="BU28" s="280">
        <v>138</v>
      </c>
      <c r="BV28" s="280">
        <v>145</v>
      </c>
      <c r="BW28" s="280">
        <v>142</v>
      </c>
      <c r="BX28" s="280">
        <v>124</v>
      </c>
      <c r="BY28" s="280">
        <v>67</v>
      </c>
      <c r="BZ28" s="277">
        <v>616</v>
      </c>
      <c r="CA28" s="282">
        <v>630</v>
      </c>
      <c r="CB28" s="276">
        <v>0</v>
      </c>
      <c r="CC28" s="280">
        <v>0</v>
      </c>
      <c r="CD28" s="277">
        <v>0</v>
      </c>
      <c r="CE28" s="279">
        <v>0</v>
      </c>
      <c r="CF28" s="280">
        <v>29</v>
      </c>
      <c r="CG28" s="280">
        <v>20</v>
      </c>
      <c r="CH28" s="280">
        <v>20</v>
      </c>
      <c r="CI28" s="280">
        <v>22</v>
      </c>
      <c r="CJ28" s="280">
        <v>12</v>
      </c>
      <c r="CK28" s="277">
        <v>103</v>
      </c>
      <c r="CL28" s="282">
        <v>103</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2">
        <v>0</v>
      </c>
      <c r="F29" s="279">
        <v>0</v>
      </c>
      <c r="G29" s="280">
        <v>770</v>
      </c>
      <c r="H29" s="280">
        <v>846</v>
      </c>
      <c r="I29" s="280">
        <v>941</v>
      </c>
      <c r="J29" s="280">
        <v>1173</v>
      </c>
      <c r="K29" s="280">
        <v>1341</v>
      </c>
      <c r="L29" s="281">
        <v>5071</v>
      </c>
      <c r="M29" s="282">
        <v>5071</v>
      </c>
      <c r="N29" s="276">
        <v>0</v>
      </c>
      <c r="O29" s="280">
        <v>0</v>
      </c>
      <c r="P29" s="277">
        <v>0</v>
      </c>
      <c r="Q29" s="279">
        <v>0</v>
      </c>
      <c r="R29" s="280">
        <v>6</v>
      </c>
      <c r="S29" s="280">
        <v>39</v>
      </c>
      <c r="T29" s="280">
        <v>13</v>
      </c>
      <c r="U29" s="280">
        <v>43</v>
      </c>
      <c r="V29" s="280">
        <v>81</v>
      </c>
      <c r="W29" s="277">
        <v>182</v>
      </c>
      <c r="X29" s="282">
        <v>182</v>
      </c>
      <c r="Y29" s="276">
        <v>174</v>
      </c>
      <c r="Z29" s="280">
        <v>290</v>
      </c>
      <c r="AA29" s="277">
        <v>464</v>
      </c>
      <c r="AB29" s="279">
        <v>0</v>
      </c>
      <c r="AC29" s="280">
        <v>263</v>
      </c>
      <c r="AD29" s="280">
        <v>337</v>
      </c>
      <c r="AE29" s="280">
        <v>368</v>
      </c>
      <c r="AF29" s="280">
        <v>316</v>
      </c>
      <c r="AG29" s="280">
        <v>307</v>
      </c>
      <c r="AH29" s="277">
        <v>1591</v>
      </c>
      <c r="AI29" s="282">
        <v>2055</v>
      </c>
      <c r="AJ29" s="276">
        <v>0</v>
      </c>
      <c r="AK29" s="280">
        <v>10</v>
      </c>
      <c r="AL29" s="277">
        <v>10</v>
      </c>
      <c r="AM29" s="279">
        <v>0</v>
      </c>
      <c r="AN29" s="280">
        <v>0</v>
      </c>
      <c r="AO29" s="280">
        <v>15</v>
      </c>
      <c r="AP29" s="280">
        <v>0</v>
      </c>
      <c r="AQ29" s="280">
        <v>0</v>
      </c>
      <c r="AR29" s="280">
        <v>12</v>
      </c>
      <c r="AS29" s="277">
        <v>27</v>
      </c>
      <c r="AT29" s="282">
        <v>37</v>
      </c>
      <c r="AU29" s="276">
        <v>0</v>
      </c>
      <c r="AV29" s="280">
        <v>0</v>
      </c>
      <c r="AW29" s="277">
        <v>0</v>
      </c>
      <c r="AX29" s="279">
        <v>0</v>
      </c>
      <c r="AY29" s="280">
        <v>1087</v>
      </c>
      <c r="AZ29" s="280">
        <v>738</v>
      </c>
      <c r="BA29" s="280">
        <v>363</v>
      </c>
      <c r="BB29" s="280">
        <v>325</v>
      </c>
      <c r="BC29" s="280">
        <v>130</v>
      </c>
      <c r="BD29" s="281">
        <v>2643</v>
      </c>
      <c r="BE29" s="282">
        <v>2643</v>
      </c>
      <c r="BF29" s="276">
        <v>0</v>
      </c>
      <c r="BG29" s="280">
        <v>0</v>
      </c>
      <c r="BH29" s="277">
        <v>0</v>
      </c>
      <c r="BI29" s="279">
        <v>0</v>
      </c>
      <c r="BJ29" s="280">
        <v>106</v>
      </c>
      <c r="BK29" s="280">
        <v>217</v>
      </c>
      <c r="BL29" s="280">
        <v>96</v>
      </c>
      <c r="BM29" s="280">
        <v>49</v>
      </c>
      <c r="BN29" s="280">
        <v>29</v>
      </c>
      <c r="BO29" s="277">
        <v>497</v>
      </c>
      <c r="BP29" s="282">
        <v>497</v>
      </c>
      <c r="BQ29" s="276">
        <v>0</v>
      </c>
      <c r="BR29" s="280">
        <v>0</v>
      </c>
      <c r="BS29" s="277">
        <v>0</v>
      </c>
      <c r="BT29" s="279">
        <v>0</v>
      </c>
      <c r="BU29" s="280">
        <v>71</v>
      </c>
      <c r="BV29" s="280">
        <v>151</v>
      </c>
      <c r="BW29" s="280">
        <v>293</v>
      </c>
      <c r="BX29" s="280">
        <v>160</v>
      </c>
      <c r="BY29" s="280">
        <v>57</v>
      </c>
      <c r="BZ29" s="277">
        <v>732</v>
      </c>
      <c r="CA29" s="282">
        <v>732</v>
      </c>
      <c r="CB29" s="276">
        <v>0</v>
      </c>
      <c r="CC29" s="280">
        <v>0</v>
      </c>
      <c r="CD29" s="277">
        <v>0</v>
      </c>
      <c r="CE29" s="279">
        <v>0</v>
      </c>
      <c r="CF29" s="280">
        <v>17</v>
      </c>
      <c r="CG29" s="280">
        <v>33</v>
      </c>
      <c r="CH29" s="280">
        <v>34</v>
      </c>
      <c r="CI29" s="280">
        <v>7</v>
      </c>
      <c r="CJ29" s="280">
        <v>5</v>
      </c>
      <c r="CK29" s="277">
        <v>96</v>
      </c>
      <c r="CL29" s="282">
        <v>96</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2">
        <v>0</v>
      </c>
      <c r="F30" s="279">
        <v>0</v>
      </c>
      <c r="G30" s="280">
        <v>77</v>
      </c>
      <c r="H30" s="280">
        <v>322</v>
      </c>
      <c r="I30" s="280">
        <v>172</v>
      </c>
      <c r="J30" s="280">
        <v>210</v>
      </c>
      <c r="K30" s="280">
        <v>161</v>
      </c>
      <c r="L30" s="281">
        <v>942</v>
      </c>
      <c r="M30" s="282">
        <v>942</v>
      </c>
      <c r="N30" s="276">
        <v>0</v>
      </c>
      <c r="O30" s="280">
        <v>0</v>
      </c>
      <c r="P30" s="277">
        <v>0</v>
      </c>
      <c r="Q30" s="279">
        <v>0</v>
      </c>
      <c r="R30" s="280">
        <v>0</v>
      </c>
      <c r="S30" s="280">
        <v>4</v>
      </c>
      <c r="T30" s="280">
        <v>11</v>
      </c>
      <c r="U30" s="280">
        <v>8</v>
      </c>
      <c r="V30" s="280">
        <v>14</v>
      </c>
      <c r="W30" s="277">
        <v>37</v>
      </c>
      <c r="X30" s="282">
        <v>37</v>
      </c>
      <c r="Y30" s="276">
        <v>6</v>
      </c>
      <c r="Z30" s="280">
        <v>15</v>
      </c>
      <c r="AA30" s="277">
        <v>21</v>
      </c>
      <c r="AB30" s="279">
        <v>0</v>
      </c>
      <c r="AC30" s="280">
        <v>26</v>
      </c>
      <c r="AD30" s="280">
        <v>118</v>
      </c>
      <c r="AE30" s="280">
        <v>106</v>
      </c>
      <c r="AF30" s="280">
        <v>118</v>
      </c>
      <c r="AG30" s="280">
        <v>29</v>
      </c>
      <c r="AH30" s="277">
        <v>397</v>
      </c>
      <c r="AI30" s="282">
        <v>418</v>
      </c>
      <c r="AJ30" s="276">
        <v>0</v>
      </c>
      <c r="AK30" s="280">
        <v>6</v>
      </c>
      <c r="AL30" s="277">
        <v>6</v>
      </c>
      <c r="AM30" s="279">
        <v>0</v>
      </c>
      <c r="AN30" s="280">
        <v>33</v>
      </c>
      <c r="AO30" s="280">
        <v>0</v>
      </c>
      <c r="AP30" s="280">
        <v>0</v>
      </c>
      <c r="AQ30" s="280">
        <v>0</v>
      </c>
      <c r="AR30" s="280">
        <v>15</v>
      </c>
      <c r="AS30" s="277">
        <v>48</v>
      </c>
      <c r="AT30" s="282">
        <v>54</v>
      </c>
      <c r="AU30" s="276">
        <v>0</v>
      </c>
      <c r="AV30" s="280">
        <v>0</v>
      </c>
      <c r="AW30" s="277">
        <v>0</v>
      </c>
      <c r="AX30" s="279">
        <v>0</v>
      </c>
      <c r="AY30" s="280">
        <v>303</v>
      </c>
      <c r="AZ30" s="280">
        <v>246</v>
      </c>
      <c r="BA30" s="280">
        <v>238</v>
      </c>
      <c r="BB30" s="280">
        <v>137</v>
      </c>
      <c r="BC30" s="280">
        <v>70</v>
      </c>
      <c r="BD30" s="281">
        <v>994</v>
      </c>
      <c r="BE30" s="282">
        <v>994</v>
      </c>
      <c r="BF30" s="276">
        <v>0</v>
      </c>
      <c r="BG30" s="280">
        <v>0</v>
      </c>
      <c r="BH30" s="277">
        <v>0</v>
      </c>
      <c r="BI30" s="279">
        <v>0</v>
      </c>
      <c r="BJ30" s="280">
        <v>35</v>
      </c>
      <c r="BK30" s="280">
        <v>133</v>
      </c>
      <c r="BL30" s="280">
        <v>69</v>
      </c>
      <c r="BM30" s="280">
        <v>78</v>
      </c>
      <c r="BN30" s="280">
        <v>21</v>
      </c>
      <c r="BO30" s="277">
        <v>336</v>
      </c>
      <c r="BP30" s="282">
        <v>336</v>
      </c>
      <c r="BQ30" s="276">
        <v>0</v>
      </c>
      <c r="BR30" s="280">
        <v>4</v>
      </c>
      <c r="BS30" s="277">
        <v>4</v>
      </c>
      <c r="BT30" s="279">
        <v>0</v>
      </c>
      <c r="BU30" s="280">
        <v>19</v>
      </c>
      <c r="BV30" s="280">
        <v>30</v>
      </c>
      <c r="BW30" s="280">
        <v>88</v>
      </c>
      <c r="BX30" s="280">
        <v>54</v>
      </c>
      <c r="BY30" s="280">
        <v>33</v>
      </c>
      <c r="BZ30" s="277">
        <v>224</v>
      </c>
      <c r="CA30" s="282">
        <v>228</v>
      </c>
      <c r="CB30" s="276">
        <v>0</v>
      </c>
      <c r="CC30" s="280">
        <v>0</v>
      </c>
      <c r="CD30" s="277">
        <v>0</v>
      </c>
      <c r="CE30" s="279">
        <v>0</v>
      </c>
      <c r="CF30" s="280">
        <v>5</v>
      </c>
      <c r="CG30" s="280">
        <v>22</v>
      </c>
      <c r="CH30" s="280">
        <v>12</v>
      </c>
      <c r="CI30" s="280">
        <v>19</v>
      </c>
      <c r="CJ30" s="280">
        <v>10</v>
      </c>
      <c r="CK30" s="277">
        <v>68</v>
      </c>
      <c r="CL30" s="282">
        <v>68</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2">
        <v>0</v>
      </c>
      <c r="F31" s="279">
        <v>0</v>
      </c>
      <c r="G31" s="280">
        <v>276</v>
      </c>
      <c r="H31" s="280">
        <v>384</v>
      </c>
      <c r="I31" s="280">
        <v>98</v>
      </c>
      <c r="J31" s="280">
        <v>608</v>
      </c>
      <c r="K31" s="280">
        <v>634</v>
      </c>
      <c r="L31" s="281">
        <v>2000</v>
      </c>
      <c r="M31" s="282">
        <v>2000</v>
      </c>
      <c r="N31" s="276">
        <v>0</v>
      </c>
      <c r="O31" s="280">
        <v>1</v>
      </c>
      <c r="P31" s="277">
        <v>1</v>
      </c>
      <c r="Q31" s="279">
        <v>0</v>
      </c>
      <c r="R31" s="280">
        <v>0</v>
      </c>
      <c r="S31" s="280">
        <v>3</v>
      </c>
      <c r="T31" s="280">
        <v>0</v>
      </c>
      <c r="U31" s="280">
        <v>9</v>
      </c>
      <c r="V31" s="280">
        <v>25</v>
      </c>
      <c r="W31" s="277">
        <v>37</v>
      </c>
      <c r="X31" s="282">
        <v>38</v>
      </c>
      <c r="Y31" s="276">
        <v>8</v>
      </c>
      <c r="Z31" s="280">
        <v>37</v>
      </c>
      <c r="AA31" s="277">
        <v>45</v>
      </c>
      <c r="AB31" s="279">
        <v>0</v>
      </c>
      <c r="AC31" s="280">
        <v>179</v>
      </c>
      <c r="AD31" s="280">
        <v>186</v>
      </c>
      <c r="AE31" s="280">
        <v>174</v>
      </c>
      <c r="AF31" s="280">
        <v>80</v>
      </c>
      <c r="AG31" s="280">
        <v>76</v>
      </c>
      <c r="AH31" s="277">
        <v>695</v>
      </c>
      <c r="AI31" s="282">
        <v>740</v>
      </c>
      <c r="AJ31" s="276">
        <v>12</v>
      </c>
      <c r="AK31" s="280">
        <v>12</v>
      </c>
      <c r="AL31" s="277">
        <v>24</v>
      </c>
      <c r="AM31" s="279">
        <v>0</v>
      </c>
      <c r="AN31" s="280">
        <v>24</v>
      </c>
      <c r="AO31" s="280">
        <v>39</v>
      </c>
      <c r="AP31" s="280">
        <v>12</v>
      </c>
      <c r="AQ31" s="280">
        <v>64</v>
      </c>
      <c r="AR31" s="280">
        <v>0</v>
      </c>
      <c r="AS31" s="277">
        <v>139</v>
      </c>
      <c r="AT31" s="282">
        <v>163</v>
      </c>
      <c r="AU31" s="276">
        <v>0</v>
      </c>
      <c r="AV31" s="280">
        <v>0</v>
      </c>
      <c r="AW31" s="277">
        <v>0</v>
      </c>
      <c r="AX31" s="279">
        <v>0</v>
      </c>
      <c r="AY31" s="280">
        <v>376</v>
      </c>
      <c r="AZ31" s="280">
        <v>432</v>
      </c>
      <c r="BA31" s="280">
        <v>330</v>
      </c>
      <c r="BB31" s="280">
        <v>204</v>
      </c>
      <c r="BC31" s="280">
        <v>47</v>
      </c>
      <c r="BD31" s="281">
        <v>1389</v>
      </c>
      <c r="BE31" s="282">
        <v>1389</v>
      </c>
      <c r="BF31" s="276">
        <v>0</v>
      </c>
      <c r="BG31" s="280">
        <v>0</v>
      </c>
      <c r="BH31" s="277">
        <v>0</v>
      </c>
      <c r="BI31" s="279">
        <v>0</v>
      </c>
      <c r="BJ31" s="280">
        <v>142</v>
      </c>
      <c r="BK31" s="280">
        <v>95</v>
      </c>
      <c r="BL31" s="280">
        <v>72</v>
      </c>
      <c r="BM31" s="280">
        <v>30</v>
      </c>
      <c r="BN31" s="280">
        <v>1</v>
      </c>
      <c r="BO31" s="277">
        <v>340</v>
      </c>
      <c r="BP31" s="282">
        <v>340</v>
      </c>
      <c r="BQ31" s="276">
        <v>4</v>
      </c>
      <c r="BR31" s="280">
        <v>2</v>
      </c>
      <c r="BS31" s="277">
        <v>6</v>
      </c>
      <c r="BT31" s="279">
        <v>0</v>
      </c>
      <c r="BU31" s="280">
        <v>20</v>
      </c>
      <c r="BV31" s="280">
        <v>64</v>
      </c>
      <c r="BW31" s="280">
        <v>135</v>
      </c>
      <c r="BX31" s="280">
        <v>45</v>
      </c>
      <c r="BY31" s="280">
        <v>58</v>
      </c>
      <c r="BZ31" s="277">
        <v>322</v>
      </c>
      <c r="CA31" s="282">
        <v>328</v>
      </c>
      <c r="CB31" s="276">
        <v>0</v>
      </c>
      <c r="CC31" s="280">
        <v>0</v>
      </c>
      <c r="CD31" s="277">
        <v>0</v>
      </c>
      <c r="CE31" s="279">
        <v>0</v>
      </c>
      <c r="CF31" s="280">
        <v>5</v>
      </c>
      <c r="CG31" s="280">
        <v>21</v>
      </c>
      <c r="CH31" s="280">
        <v>6</v>
      </c>
      <c r="CI31" s="280">
        <v>0</v>
      </c>
      <c r="CJ31" s="280">
        <v>0</v>
      </c>
      <c r="CK31" s="277">
        <v>32</v>
      </c>
      <c r="CL31" s="282">
        <v>32</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2">
        <v>0</v>
      </c>
      <c r="F32" s="279">
        <v>0</v>
      </c>
      <c r="G32" s="280">
        <v>321</v>
      </c>
      <c r="H32" s="280">
        <v>345</v>
      </c>
      <c r="I32" s="280">
        <v>607</v>
      </c>
      <c r="J32" s="280">
        <v>493</v>
      </c>
      <c r="K32" s="280">
        <v>623</v>
      </c>
      <c r="L32" s="281">
        <v>2389</v>
      </c>
      <c r="M32" s="282">
        <v>2389</v>
      </c>
      <c r="N32" s="276">
        <v>0</v>
      </c>
      <c r="O32" s="280">
        <v>0</v>
      </c>
      <c r="P32" s="277">
        <v>0</v>
      </c>
      <c r="Q32" s="279">
        <v>0</v>
      </c>
      <c r="R32" s="280">
        <v>8</v>
      </c>
      <c r="S32" s="280">
        <v>0</v>
      </c>
      <c r="T32" s="280">
        <v>5</v>
      </c>
      <c r="U32" s="280">
        <v>48</v>
      </c>
      <c r="V32" s="280">
        <v>22</v>
      </c>
      <c r="W32" s="277">
        <v>83</v>
      </c>
      <c r="X32" s="282">
        <v>83</v>
      </c>
      <c r="Y32" s="276">
        <v>22</v>
      </c>
      <c r="Z32" s="280">
        <v>28</v>
      </c>
      <c r="AA32" s="277">
        <v>50</v>
      </c>
      <c r="AB32" s="279">
        <v>0</v>
      </c>
      <c r="AC32" s="280">
        <v>232</v>
      </c>
      <c r="AD32" s="280">
        <v>111</v>
      </c>
      <c r="AE32" s="280">
        <v>220</v>
      </c>
      <c r="AF32" s="280">
        <v>138</v>
      </c>
      <c r="AG32" s="280">
        <v>51</v>
      </c>
      <c r="AH32" s="277">
        <v>752</v>
      </c>
      <c r="AI32" s="282">
        <v>802</v>
      </c>
      <c r="AJ32" s="276">
        <v>0</v>
      </c>
      <c r="AK32" s="280">
        <v>0</v>
      </c>
      <c r="AL32" s="277">
        <v>0</v>
      </c>
      <c r="AM32" s="279">
        <v>0</v>
      </c>
      <c r="AN32" s="280">
        <v>15</v>
      </c>
      <c r="AO32" s="280">
        <v>0</v>
      </c>
      <c r="AP32" s="280">
        <v>60</v>
      </c>
      <c r="AQ32" s="280">
        <v>0</v>
      </c>
      <c r="AR32" s="280">
        <v>0</v>
      </c>
      <c r="AS32" s="277">
        <v>75</v>
      </c>
      <c r="AT32" s="282">
        <v>75</v>
      </c>
      <c r="AU32" s="276">
        <v>0</v>
      </c>
      <c r="AV32" s="280">
        <v>0</v>
      </c>
      <c r="AW32" s="277">
        <v>0</v>
      </c>
      <c r="AX32" s="279">
        <v>0</v>
      </c>
      <c r="AY32" s="280">
        <v>331</v>
      </c>
      <c r="AZ32" s="280">
        <v>228</v>
      </c>
      <c r="BA32" s="280">
        <v>177</v>
      </c>
      <c r="BB32" s="280">
        <v>114</v>
      </c>
      <c r="BC32" s="280">
        <v>22</v>
      </c>
      <c r="BD32" s="281">
        <v>872</v>
      </c>
      <c r="BE32" s="282">
        <v>872</v>
      </c>
      <c r="BF32" s="276">
        <v>0</v>
      </c>
      <c r="BG32" s="280">
        <v>0</v>
      </c>
      <c r="BH32" s="277">
        <v>0</v>
      </c>
      <c r="BI32" s="279">
        <v>0</v>
      </c>
      <c r="BJ32" s="280">
        <v>45</v>
      </c>
      <c r="BK32" s="280">
        <v>73</v>
      </c>
      <c r="BL32" s="280">
        <v>49</v>
      </c>
      <c r="BM32" s="280">
        <v>45</v>
      </c>
      <c r="BN32" s="280">
        <v>0</v>
      </c>
      <c r="BO32" s="277">
        <v>212</v>
      </c>
      <c r="BP32" s="282">
        <v>212</v>
      </c>
      <c r="BQ32" s="276">
        <v>0</v>
      </c>
      <c r="BR32" s="280">
        <v>0</v>
      </c>
      <c r="BS32" s="277">
        <v>0</v>
      </c>
      <c r="BT32" s="279">
        <v>0</v>
      </c>
      <c r="BU32" s="280">
        <v>37</v>
      </c>
      <c r="BV32" s="280">
        <v>42</v>
      </c>
      <c r="BW32" s="280">
        <v>83</v>
      </c>
      <c r="BX32" s="280">
        <v>88</v>
      </c>
      <c r="BY32" s="280">
        <v>4</v>
      </c>
      <c r="BZ32" s="277">
        <v>254</v>
      </c>
      <c r="CA32" s="282">
        <v>254</v>
      </c>
      <c r="CB32" s="276">
        <v>0</v>
      </c>
      <c r="CC32" s="280">
        <v>0</v>
      </c>
      <c r="CD32" s="277">
        <v>0</v>
      </c>
      <c r="CE32" s="279">
        <v>0</v>
      </c>
      <c r="CF32" s="280">
        <v>2</v>
      </c>
      <c r="CG32" s="280">
        <v>12</v>
      </c>
      <c r="CH32" s="280">
        <v>2</v>
      </c>
      <c r="CI32" s="280">
        <v>12</v>
      </c>
      <c r="CJ32" s="280">
        <v>4</v>
      </c>
      <c r="CK32" s="277">
        <v>32</v>
      </c>
      <c r="CL32" s="282">
        <v>3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2">
        <v>0</v>
      </c>
      <c r="F33" s="279">
        <v>0</v>
      </c>
      <c r="G33" s="280">
        <v>105</v>
      </c>
      <c r="H33" s="280">
        <v>185</v>
      </c>
      <c r="I33" s="280">
        <v>338</v>
      </c>
      <c r="J33" s="280">
        <v>246</v>
      </c>
      <c r="K33" s="280">
        <v>353</v>
      </c>
      <c r="L33" s="281">
        <v>1227</v>
      </c>
      <c r="M33" s="282">
        <v>1227</v>
      </c>
      <c r="N33" s="276">
        <v>0</v>
      </c>
      <c r="O33" s="280">
        <v>0</v>
      </c>
      <c r="P33" s="277">
        <v>0</v>
      </c>
      <c r="Q33" s="279">
        <v>0</v>
      </c>
      <c r="R33" s="280">
        <v>0</v>
      </c>
      <c r="S33" s="280">
        <v>7</v>
      </c>
      <c r="T33" s="280">
        <v>32</v>
      </c>
      <c r="U33" s="280">
        <v>36</v>
      </c>
      <c r="V33" s="280">
        <v>32</v>
      </c>
      <c r="W33" s="277">
        <v>107</v>
      </c>
      <c r="X33" s="282">
        <v>107</v>
      </c>
      <c r="Y33" s="276">
        <v>10</v>
      </c>
      <c r="Z33" s="280">
        <v>49</v>
      </c>
      <c r="AA33" s="277">
        <v>59</v>
      </c>
      <c r="AB33" s="279">
        <v>0</v>
      </c>
      <c r="AC33" s="280">
        <v>79</v>
      </c>
      <c r="AD33" s="280">
        <v>147</v>
      </c>
      <c r="AE33" s="280">
        <v>119</v>
      </c>
      <c r="AF33" s="280">
        <v>179</v>
      </c>
      <c r="AG33" s="280">
        <v>107</v>
      </c>
      <c r="AH33" s="277">
        <v>631</v>
      </c>
      <c r="AI33" s="282">
        <v>690</v>
      </c>
      <c r="AJ33" s="276">
        <v>12</v>
      </c>
      <c r="AK33" s="280">
        <v>21</v>
      </c>
      <c r="AL33" s="277">
        <v>33</v>
      </c>
      <c r="AM33" s="279">
        <v>0</v>
      </c>
      <c r="AN33" s="280">
        <v>10</v>
      </c>
      <c r="AO33" s="280">
        <v>24</v>
      </c>
      <c r="AP33" s="280">
        <v>33</v>
      </c>
      <c r="AQ33" s="280">
        <v>60</v>
      </c>
      <c r="AR33" s="280">
        <v>16</v>
      </c>
      <c r="AS33" s="277">
        <v>143</v>
      </c>
      <c r="AT33" s="282">
        <v>176</v>
      </c>
      <c r="AU33" s="276">
        <v>0</v>
      </c>
      <c r="AV33" s="280">
        <v>0</v>
      </c>
      <c r="AW33" s="277">
        <v>0</v>
      </c>
      <c r="AX33" s="279">
        <v>0</v>
      </c>
      <c r="AY33" s="280">
        <v>268</v>
      </c>
      <c r="AZ33" s="280">
        <v>363</v>
      </c>
      <c r="BA33" s="280">
        <v>244</v>
      </c>
      <c r="BB33" s="280">
        <v>114</v>
      </c>
      <c r="BC33" s="280">
        <v>26</v>
      </c>
      <c r="BD33" s="281">
        <v>1015</v>
      </c>
      <c r="BE33" s="282">
        <v>1015</v>
      </c>
      <c r="BF33" s="276">
        <v>0</v>
      </c>
      <c r="BG33" s="280">
        <v>0</v>
      </c>
      <c r="BH33" s="277">
        <v>0</v>
      </c>
      <c r="BI33" s="279">
        <v>0</v>
      </c>
      <c r="BJ33" s="280">
        <v>34</v>
      </c>
      <c r="BK33" s="280">
        <v>66</v>
      </c>
      <c r="BL33" s="280">
        <v>28</v>
      </c>
      <c r="BM33" s="280">
        <v>27</v>
      </c>
      <c r="BN33" s="280">
        <v>0</v>
      </c>
      <c r="BO33" s="277">
        <v>155</v>
      </c>
      <c r="BP33" s="282">
        <v>155</v>
      </c>
      <c r="BQ33" s="276">
        <v>0</v>
      </c>
      <c r="BR33" s="280">
        <v>0</v>
      </c>
      <c r="BS33" s="277">
        <v>0</v>
      </c>
      <c r="BT33" s="279">
        <v>0</v>
      </c>
      <c r="BU33" s="280">
        <v>26</v>
      </c>
      <c r="BV33" s="280">
        <v>81</v>
      </c>
      <c r="BW33" s="280">
        <v>135</v>
      </c>
      <c r="BX33" s="280">
        <v>48</v>
      </c>
      <c r="BY33" s="280">
        <v>13</v>
      </c>
      <c r="BZ33" s="277">
        <v>303</v>
      </c>
      <c r="CA33" s="282">
        <v>303</v>
      </c>
      <c r="CB33" s="276">
        <v>0</v>
      </c>
      <c r="CC33" s="280">
        <v>0</v>
      </c>
      <c r="CD33" s="277">
        <v>0</v>
      </c>
      <c r="CE33" s="279">
        <v>0</v>
      </c>
      <c r="CF33" s="280">
        <v>0</v>
      </c>
      <c r="CG33" s="280">
        <v>14</v>
      </c>
      <c r="CH33" s="280">
        <v>0</v>
      </c>
      <c r="CI33" s="280">
        <v>0</v>
      </c>
      <c r="CJ33" s="280">
        <v>0</v>
      </c>
      <c r="CK33" s="277">
        <v>14</v>
      </c>
      <c r="CL33" s="282">
        <v>14</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2">
        <v>0</v>
      </c>
      <c r="F34" s="279">
        <v>0</v>
      </c>
      <c r="G34" s="280">
        <v>308</v>
      </c>
      <c r="H34" s="280">
        <v>603</v>
      </c>
      <c r="I34" s="280">
        <v>470</v>
      </c>
      <c r="J34" s="280">
        <v>510</v>
      </c>
      <c r="K34" s="280">
        <v>636</v>
      </c>
      <c r="L34" s="281">
        <v>2527</v>
      </c>
      <c r="M34" s="282">
        <v>2527</v>
      </c>
      <c r="N34" s="276">
        <v>0</v>
      </c>
      <c r="O34" s="280">
        <v>0</v>
      </c>
      <c r="P34" s="277">
        <v>0</v>
      </c>
      <c r="Q34" s="279">
        <v>0</v>
      </c>
      <c r="R34" s="280">
        <v>0</v>
      </c>
      <c r="S34" s="280">
        <v>0</v>
      </c>
      <c r="T34" s="280">
        <v>13</v>
      </c>
      <c r="U34" s="280">
        <v>8</v>
      </c>
      <c r="V34" s="280">
        <v>40</v>
      </c>
      <c r="W34" s="277">
        <v>61</v>
      </c>
      <c r="X34" s="282">
        <v>61</v>
      </c>
      <c r="Y34" s="276">
        <v>26</v>
      </c>
      <c r="Z34" s="280">
        <v>43</v>
      </c>
      <c r="AA34" s="277">
        <v>69</v>
      </c>
      <c r="AB34" s="279">
        <v>0</v>
      </c>
      <c r="AC34" s="280">
        <v>191</v>
      </c>
      <c r="AD34" s="280">
        <v>179</v>
      </c>
      <c r="AE34" s="280">
        <v>129</v>
      </c>
      <c r="AF34" s="280">
        <v>121</v>
      </c>
      <c r="AG34" s="280">
        <v>81</v>
      </c>
      <c r="AH34" s="277">
        <v>701</v>
      </c>
      <c r="AI34" s="282">
        <v>770</v>
      </c>
      <c r="AJ34" s="276">
        <v>16</v>
      </c>
      <c r="AK34" s="280">
        <v>0</v>
      </c>
      <c r="AL34" s="277">
        <v>16</v>
      </c>
      <c r="AM34" s="279">
        <v>0</v>
      </c>
      <c r="AN34" s="280">
        <v>57</v>
      </c>
      <c r="AO34" s="280">
        <v>12</v>
      </c>
      <c r="AP34" s="280">
        <v>9</v>
      </c>
      <c r="AQ34" s="280">
        <v>54</v>
      </c>
      <c r="AR34" s="280">
        <v>17</v>
      </c>
      <c r="AS34" s="277">
        <v>149</v>
      </c>
      <c r="AT34" s="282">
        <v>165</v>
      </c>
      <c r="AU34" s="276">
        <v>0</v>
      </c>
      <c r="AV34" s="280">
        <v>0</v>
      </c>
      <c r="AW34" s="277">
        <v>0</v>
      </c>
      <c r="AX34" s="279">
        <v>0</v>
      </c>
      <c r="AY34" s="280">
        <v>548</v>
      </c>
      <c r="AZ34" s="280">
        <v>483</v>
      </c>
      <c r="BA34" s="280">
        <v>264</v>
      </c>
      <c r="BB34" s="280">
        <v>233</v>
      </c>
      <c r="BC34" s="280">
        <v>53</v>
      </c>
      <c r="BD34" s="281">
        <v>1581</v>
      </c>
      <c r="BE34" s="282">
        <v>1581</v>
      </c>
      <c r="BF34" s="276">
        <v>0</v>
      </c>
      <c r="BG34" s="280">
        <v>0</v>
      </c>
      <c r="BH34" s="277">
        <v>0</v>
      </c>
      <c r="BI34" s="279">
        <v>0</v>
      </c>
      <c r="BJ34" s="280">
        <v>82</v>
      </c>
      <c r="BK34" s="280">
        <v>86</v>
      </c>
      <c r="BL34" s="280">
        <v>41</v>
      </c>
      <c r="BM34" s="280">
        <v>37</v>
      </c>
      <c r="BN34" s="280">
        <v>29</v>
      </c>
      <c r="BO34" s="277">
        <v>275</v>
      </c>
      <c r="BP34" s="282">
        <v>275</v>
      </c>
      <c r="BQ34" s="276">
        <v>5</v>
      </c>
      <c r="BR34" s="280">
        <v>3</v>
      </c>
      <c r="BS34" s="277">
        <v>8</v>
      </c>
      <c r="BT34" s="279">
        <v>0</v>
      </c>
      <c r="BU34" s="280">
        <v>19</v>
      </c>
      <c r="BV34" s="280">
        <v>75</v>
      </c>
      <c r="BW34" s="280">
        <v>96</v>
      </c>
      <c r="BX34" s="280">
        <v>28</v>
      </c>
      <c r="BY34" s="280">
        <v>53</v>
      </c>
      <c r="BZ34" s="277">
        <v>271</v>
      </c>
      <c r="CA34" s="282">
        <v>279</v>
      </c>
      <c r="CB34" s="276">
        <v>0</v>
      </c>
      <c r="CC34" s="280">
        <v>0</v>
      </c>
      <c r="CD34" s="277">
        <v>0</v>
      </c>
      <c r="CE34" s="279">
        <v>0</v>
      </c>
      <c r="CF34" s="280">
        <v>0</v>
      </c>
      <c r="CG34" s="280">
        <v>26</v>
      </c>
      <c r="CH34" s="280">
        <v>6</v>
      </c>
      <c r="CI34" s="280">
        <v>13</v>
      </c>
      <c r="CJ34" s="280">
        <v>5</v>
      </c>
      <c r="CK34" s="277">
        <v>50</v>
      </c>
      <c r="CL34" s="282">
        <v>5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2">
        <v>0</v>
      </c>
      <c r="F35" s="279">
        <v>0</v>
      </c>
      <c r="G35" s="280">
        <v>221</v>
      </c>
      <c r="H35" s="280">
        <v>268</v>
      </c>
      <c r="I35" s="280">
        <v>360</v>
      </c>
      <c r="J35" s="280">
        <v>338</v>
      </c>
      <c r="K35" s="280">
        <v>701</v>
      </c>
      <c r="L35" s="281">
        <v>1888</v>
      </c>
      <c r="M35" s="282">
        <v>1888</v>
      </c>
      <c r="N35" s="276">
        <v>0</v>
      </c>
      <c r="O35" s="280">
        <v>0</v>
      </c>
      <c r="P35" s="277">
        <v>0</v>
      </c>
      <c r="Q35" s="279">
        <v>0</v>
      </c>
      <c r="R35" s="280">
        <v>0</v>
      </c>
      <c r="S35" s="280">
        <v>0</v>
      </c>
      <c r="T35" s="280">
        <v>14</v>
      </c>
      <c r="U35" s="280">
        <v>9</v>
      </c>
      <c r="V35" s="280">
        <v>22</v>
      </c>
      <c r="W35" s="277">
        <v>45</v>
      </c>
      <c r="X35" s="282">
        <v>45</v>
      </c>
      <c r="Y35" s="276">
        <v>5</v>
      </c>
      <c r="Z35" s="280">
        <v>13</v>
      </c>
      <c r="AA35" s="277">
        <v>18</v>
      </c>
      <c r="AB35" s="279">
        <v>0</v>
      </c>
      <c r="AC35" s="280">
        <v>134</v>
      </c>
      <c r="AD35" s="280">
        <v>97</v>
      </c>
      <c r="AE35" s="280">
        <v>39</v>
      </c>
      <c r="AF35" s="280">
        <v>35</v>
      </c>
      <c r="AG35" s="280">
        <v>44</v>
      </c>
      <c r="AH35" s="277">
        <v>349</v>
      </c>
      <c r="AI35" s="282">
        <v>367</v>
      </c>
      <c r="AJ35" s="276">
        <v>148</v>
      </c>
      <c r="AK35" s="280">
        <v>253</v>
      </c>
      <c r="AL35" s="277">
        <v>401</v>
      </c>
      <c r="AM35" s="279">
        <v>0</v>
      </c>
      <c r="AN35" s="280">
        <v>438</v>
      </c>
      <c r="AO35" s="280">
        <v>306</v>
      </c>
      <c r="AP35" s="280">
        <v>112</v>
      </c>
      <c r="AQ35" s="280">
        <v>60</v>
      </c>
      <c r="AR35" s="280">
        <v>63</v>
      </c>
      <c r="AS35" s="277">
        <v>979</v>
      </c>
      <c r="AT35" s="282">
        <v>1380</v>
      </c>
      <c r="AU35" s="276">
        <v>0</v>
      </c>
      <c r="AV35" s="280">
        <v>0</v>
      </c>
      <c r="AW35" s="277">
        <v>0</v>
      </c>
      <c r="AX35" s="279">
        <v>0</v>
      </c>
      <c r="AY35" s="280">
        <v>121</v>
      </c>
      <c r="AZ35" s="280">
        <v>66</v>
      </c>
      <c r="BA35" s="280">
        <v>42</v>
      </c>
      <c r="BB35" s="280">
        <v>29</v>
      </c>
      <c r="BC35" s="280">
        <v>23</v>
      </c>
      <c r="BD35" s="281">
        <v>281</v>
      </c>
      <c r="BE35" s="282">
        <v>281</v>
      </c>
      <c r="BF35" s="276">
        <v>0</v>
      </c>
      <c r="BG35" s="280">
        <v>0</v>
      </c>
      <c r="BH35" s="277">
        <v>0</v>
      </c>
      <c r="BI35" s="279">
        <v>0</v>
      </c>
      <c r="BJ35" s="280">
        <v>177</v>
      </c>
      <c r="BK35" s="280">
        <v>95</v>
      </c>
      <c r="BL35" s="280">
        <v>73</v>
      </c>
      <c r="BM35" s="280">
        <v>8</v>
      </c>
      <c r="BN35" s="280">
        <v>14</v>
      </c>
      <c r="BO35" s="277">
        <v>367</v>
      </c>
      <c r="BP35" s="282">
        <v>367</v>
      </c>
      <c r="BQ35" s="276">
        <v>0</v>
      </c>
      <c r="BR35" s="280">
        <v>0</v>
      </c>
      <c r="BS35" s="277">
        <v>0</v>
      </c>
      <c r="BT35" s="279">
        <v>0</v>
      </c>
      <c r="BU35" s="280">
        <v>39</v>
      </c>
      <c r="BV35" s="280">
        <v>85</v>
      </c>
      <c r="BW35" s="280">
        <v>79</v>
      </c>
      <c r="BX35" s="280">
        <v>49</v>
      </c>
      <c r="BY35" s="280">
        <v>0</v>
      </c>
      <c r="BZ35" s="277">
        <v>252</v>
      </c>
      <c r="CA35" s="282">
        <v>252</v>
      </c>
      <c r="CB35" s="276">
        <v>0</v>
      </c>
      <c r="CC35" s="280">
        <v>0</v>
      </c>
      <c r="CD35" s="277">
        <v>0</v>
      </c>
      <c r="CE35" s="279">
        <v>0</v>
      </c>
      <c r="CF35" s="280">
        <v>0</v>
      </c>
      <c r="CG35" s="280">
        <v>10</v>
      </c>
      <c r="CH35" s="280">
        <v>0</v>
      </c>
      <c r="CI35" s="280">
        <v>8</v>
      </c>
      <c r="CJ35" s="280">
        <v>0</v>
      </c>
      <c r="CK35" s="277">
        <v>18</v>
      </c>
      <c r="CL35" s="282">
        <v>18</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2">
        <v>0</v>
      </c>
      <c r="F36" s="279">
        <v>0</v>
      </c>
      <c r="G36" s="280">
        <v>132</v>
      </c>
      <c r="H36" s="280">
        <v>82</v>
      </c>
      <c r="I36" s="280">
        <v>213</v>
      </c>
      <c r="J36" s="280">
        <v>331</v>
      </c>
      <c r="K36" s="280">
        <v>32</v>
      </c>
      <c r="L36" s="281">
        <v>790</v>
      </c>
      <c r="M36" s="282">
        <v>790</v>
      </c>
      <c r="N36" s="276">
        <v>0</v>
      </c>
      <c r="O36" s="280">
        <v>0</v>
      </c>
      <c r="P36" s="277">
        <v>0</v>
      </c>
      <c r="Q36" s="279">
        <v>0</v>
      </c>
      <c r="R36" s="280">
        <v>0</v>
      </c>
      <c r="S36" s="280">
        <v>0</v>
      </c>
      <c r="T36" s="280">
        <v>0</v>
      </c>
      <c r="U36" s="280">
        <v>10</v>
      </c>
      <c r="V36" s="280">
        <v>33</v>
      </c>
      <c r="W36" s="277">
        <v>43</v>
      </c>
      <c r="X36" s="282">
        <v>43</v>
      </c>
      <c r="Y36" s="276">
        <v>4</v>
      </c>
      <c r="Z36" s="280">
        <v>77</v>
      </c>
      <c r="AA36" s="277">
        <v>81</v>
      </c>
      <c r="AB36" s="279">
        <v>0</v>
      </c>
      <c r="AC36" s="280">
        <v>99</v>
      </c>
      <c r="AD36" s="280">
        <v>85</v>
      </c>
      <c r="AE36" s="280">
        <v>57</v>
      </c>
      <c r="AF36" s="280">
        <v>57</v>
      </c>
      <c r="AG36" s="280">
        <v>54</v>
      </c>
      <c r="AH36" s="277">
        <v>352</v>
      </c>
      <c r="AI36" s="282">
        <v>433</v>
      </c>
      <c r="AJ36" s="276">
        <v>0</v>
      </c>
      <c r="AK36" s="280">
        <v>0</v>
      </c>
      <c r="AL36" s="277">
        <v>0</v>
      </c>
      <c r="AM36" s="279">
        <v>0</v>
      </c>
      <c r="AN36" s="280">
        <v>67</v>
      </c>
      <c r="AO36" s="280">
        <v>59</v>
      </c>
      <c r="AP36" s="280">
        <v>33</v>
      </c>
      <c r="AQ36" s="280">
        <v>12</v>
      </c>
      <c r="AR36" s="280">
        <v>39</v>
      </c>
      <c r="AS36" s="277">
        <v>210</v>
      </c>
      <c r="AT36" s="282">
        <v>210</v>
      </c>
      <c r="AU36" s="276">
        <v>0</v>
      </c>
      <c r="AV36" s="280">
        <v>0</v>
      </c>
      <c r="AW36" s="277">
        <v>0</v>
      </c>
      <c r="AX36" s="279">
        <v>0</v>
      </c>
      <c r="AY36" s="280">
        <v>275</v>
      </c>
      <c r="AZ36" s="280">
        <v>277</v>
      </c>
      <c r="BA36" s="280">
        <v>156</v>
      </c>
      <c r="BB36" s="280">
        <v>137</v>
      </c>
      <c r="BC36" s="280">
        <v>14</v>
      </c>
      <c r="BD36" s="281">
        <v>859</v>
      </c>
      <c r="BE36" s="282">
        <v>859</v>
      </c>
      <c r="BF36" s="276">
        <v>0</v>
      </c>
      <c r="BG36" s="280">
        <v>0</v>
      </c>
      <c r="BH36" s="277">
        <v>0</v>
      </c>
      <c r="BI36" s="279">
        <v>0</v>
      </c>
      <c r="BJ36" s="280">
        <v>65</v>
      </c>
      <c r="BK36" s="280">
        <v>12</v>
      </c>
      <c r="BL36" s="280">
        <v>8</v>
      </c>
      <c r="BM36" s="280">
        <v>37</v>
      </c>
      <c r="BN36" s="280">
        <v>0</v>
      </c>
      <c r="BO36" s="277">
        <v>122</v>
      </c>
      <c r="BP36" s="282">
        <v>122</v>
      </c>
      <c r="BQ36" s="276">
        <v>0</v>
      </c>
      <c r="BR36" s="280">
        <v>0</v>
      </c>
      <c r="BS36" s="277">
        <v>0</v>
      </c>
      <c r="BT36" s="279">
        <v>0</v>
      </c>
      <c r="BU36" s="280">
        <v>18</v>
      </c>
      <c r="BV36" s="280">
        <v>2</v>
      </c>
      <c r="BW36" s="280">
        <v>7</v>
      </c>
      <c r="BX36" s="280">
        <v>18</v>
      </c>
      <c r="BY36" s="280">
        <v>23</v>
      </c>
      <c r="BZ36" s="277">
        <v>68</v>
      </c>
      <c r="CA36" s="282">
        <v>68</v>
      </c>
      <c r="CB36" s="276">
        <v>0</v>
      </c>
      <c r="CC36" s="280">
        <v>0</v>
      </c>
      <c r="CD36" s="277">
        <v>0</v>
      </c>
      <c r="CE36" s="279">
        <v>0</v>
      </c>
      <c r="CF36" s="280">
        <v>3</v>
      </c>
      <c r="CG36" s="280">
        <v>0</v>
      </c>
      <c r="CH36" s="280">
        <v>0</v>
      </c>
      <c r="CI36" s="280">
        <v>39</v>
      </c>
      <c r="CJ36" s="280">
        <v>0</v>
      </c>
      <c r="CK36" s="277">
        <v>42</v>
      </c>
      <c r="CL36" s="282">
        <v>42</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2">
        <v>0</v>
      </c>
      <c r="F37" s="279">
        <v>0</v>
      </c>
      <c r="G37" s="280">
        <v>1253</v>
      </c>
      <c r="H37" s="280">
        <v>1021</v>
      </c>
      <c r="I37" s="280">
        <v>1374</v>
      </c>
      <c r="J37" s="280">
        <v>1634</v>
      </c>
      <c r="K37" s="280">
        <v>1347</v>
      </c>
      <c r="L37" s="281">
        <v>6629</v>
      </c>
      <c r="M37" s="282">
        <v>6629</v>
      </c>
      <c r="N37" s="276">
        <v>0</v>
      </c>
      <c r="O37" s="280">
        <v>0</v>
      </c>
      <c r="P37" s="277">
        <v>0</v>
      </c>
      <c r="Q37" s="279">
        <v>0</v>
      </c>
      <c r="R37" s="280">
        <v>5</v>
      </c>
      <c r="S37" s="280">
        <v>36</v>
      </c>
      <c r="T37" s="280">
        <v>10</v>
      </c>
      <c r="U37" s="280">
        <v>55</v>
      </c>
      <c r="V37" s="280">
        <v>69</v>
      </c>
      <c r="W37" s="277">
        <v>175</v>
      </c>
      <c r="X37" s="282">
        <v>175</v>
      </c>
      <c r="Y37" s="276">
        <v>37</v>
      </c>
      <c r="Z37" s="280">
        <v>55</v>
      </c>
      <c r="AA37" s="277">
        <v>92</v>
      </c>
      <c r="AB37" s="279">
        <v>0</v>
      </c>
      <c r="AC37" s="280">
        <v>458</v>
      </c>
      <c r="AD37" s="280">
        <v>255</v>
      </c>
      <c r="AE37" s="280">
        <v>221</v>
      </c>
      <c r="AF37" s="280">
        <v>294</v>
      </c>
      <c r="AG37" s="280">
        <v>156</v>
      </c>
      <c r="AH37" s="277">
        <v>1384</v>
      </c>
      <c r="AI37" s="282">
        <v>1476</v>
      </c>
      <c r="AJ37" s="276">
        <v>18</v>
      </c>
      <c r="AK37" s="280">
        <v>54</v>
      </c>
      <c r="AL37" s="277">
        <v>72</v>
      </c>
      <c r="AM37" s="279">
        <v>0</v>
      </c>
      <c r="AN37" s="280">
        <v>278</v>
      </c>
      <c r="AO37" s="280">
        <v>142</v>
      </c>
      <c r="AP37" s="280">
        <v>108</v>
      </c>
      <c r="AQ37" s="280">
        <v>176</v>
      </c>
      <c r="AR37" s="280">
        <v>40</v>
      </c>
      <c r="AS37" s="277">
        <v>744</v>
      </c>
      <c r="AT37" s="282">
        <v>816</v>
      </c>
      <c r="AU37" s="276">
        <v>0</v>
      </c>
      <c r="AV37" s="280">
        <v>0</v>
      </c>
      <c r="AW37" s="277">
        <v>0</v>
      </c>
      <c r="AX37" s="279">
        <v>0</v>
      </c>
      <c r="AY37" s="280">
        <v>1364</v>
      </c>
      <c r="AZ37" s="280">
        <v>954</v>
      </c>
      <c r="BA37" s="280">
        <v>626</v>
      </c>
      <c r="BB37" s="280">
        <v>445</v>
      </c>
      <c r="BC37" s="280">
        <v>240</v>
      </c>
      <c r="BD37" s="281">
        <v>3629</v>
      </c>
      <c r="BE37" s="282">
        <v>3629</v>
      </c>
      <c r="BF37" s="276">
        <v>0</v>
      </c>
      <c r="BG37" s="280">
        <v>0</v>
      </c>
      <c r="BH37" s="277">
        <v>0</v>
      </c>
      <c r="BI37" s="279">
        <v>0</v>
      </c>
      <c r="BJ37" s="280">
        <v>556</v>
      </c>
      <c r="BK37" s="280">
        <v>222</v>
      </c>
      <c r="BL37" s="280">
        <v>81</v>
      </c>
      <c r="BM37" s="280">
        <v>87</v>
      </c>
      <c r="BN37" s="280">
        <v>1</v>
      </c>
      <c r="BO37" s="277">
        <v>947</v>
      </c>
      <c r="BP37" s="282">
        <v>947</v>
      </c>
      <c r="BQ37" s="276">
        <v>0</v>
      </c>
      <c r="BR37" s="280">
        <v>0</v>
      </c>
      <c r="BS37" s="277">
        <v>0</v>
      </c>
      <c r="BT37" s="279">
        <v>0</v>
      </c>
      <c r="BU37" s="280">
        <v>67</v>
      </c>
      <c r="BV37" s="280">
        <v>81</v>
      </c>
      <c r="BW37" s="280">
        <v>64</v>
      </c>
      <c r="BX37" s="280">
        <v>212</v>
      </c>
      <c r="BY37" s="280">
        <v>30</v>
      </c>
      <c r="BZ37" s="277">
        <v>454</v>
      </c>
      <c r="CA37" s="282">
        <v>454</v>
      </c>
      <c r="CB37" s="276">
        <v>0</v>
      </c>
      <c r="CC37" s="280">
        <v>4</v>
      </c>
      <c r="CD37" s="277">
        <v>4</v>
      </c>
      <c r="CE37" s="279">
        <v>0</v>
      </c>
      <c r="CF37" s="280">
        <v>46</v>
      </c>
      <c r="CG37" s="280">
        <v>33</v>
      </c>
      <c r="CH37" s="280">
        <v>4</v>
      </c>
      <c r="CI37" s="280">
        <v>12</v>
      </c>
      <c r="CJ37" s="280">
        <v>0</v>
      </c>
      <c r="CK37" s="277">
        <v>95</v>
      </c>
      <c r="CL37" s="282">
        <v>99</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2">
        <v>0</v>
      </c>
      <c r="F38" s="279">
        <v>0</v>
      </c>
      <c r="G38" s="280">
        <v>605</v>
      </c>
      <c r="H38" s="280">
        <v>1304</v>
      </c>
      <c r="I38" s="280">
        <v>1607</v>
      </c>
      <c r="J38" s="280">
        <v>2578</v>
      </c>
      <c r="K38" s="280">
        <v>1925</v>
      </c>
      <c r="L38" s="281">
        <v>8019</v>
      </c>
      <c r="M38" s="282">
        <v>8019</v>
      </c>
      <c r="N38" s="276">
        <v>0</v>
      </c>
      <c r="O38" s="280">
        <v>0</v>
      </c>
      <c r="P38" s="277">
        <v>0</v>
      </c>
      <c r="Q38" s="279">
        <v>0</v>
      </c>
      <c r="R38" s="280">
        <v>31</v>
      </c>
      <c r="S38" s="280">
        <v>33</v>
      </c>
      <c r="T38" s="280">
        <v>22</v>
      </c>
      <c r="U38" s="280">
        <v>46</v>
      </c>
      <c r="V38" s="280">
        <v>57</v>
      </c>
      <c r="W38" s="277">
        <v>189</v>
      </c>
      <c r="X38" s="282">
        <v>189</v>
      </c>
      <c r="Y38" s="276">
        <v>82</v>
      </c>
      <c r="Z38" s="280">
        <v>176</v>
      </c>
      <c r="AA38" s="277">
        <v>258</v>
      </c>
      <c r="AB38" s="279">
        <v>0</v>
      </c>
      <c r="AC38" s="280">
        <v>640</v>
      </c>
      <c r="AD38" s="280">
        <v>591</v>
      </c>
      <c r="AE38" s="280">
        <v>282</v>
      </c>
      <c r="AF38" s="280">
        <v>374</v>
      </c>
      <c r="AG38" s="280">
        <v>345</v>
      </c>
      <c r="AH38" s="277">
        <v>2232</v>
      </c>
      <c r="AI38" s="282">
        <v>2490</v>
      </c>
      <c r="AJ38" s="276">
        <v>36</v>
      </c>
      <c r="AK38" s="280">
        <v>124</v>
      </c>
      <c r="AL38" s="277">
        <v>160</v>
      </c>
      <c r="AM38" s="279">
        <v>0</v>
      </c>
      <c r="AN38" s="280">
        <v>164</v>
      </c>
      <c r="AO38" s="280">
        <v>183</v>
      </c>
      <c r="AP38" s="280">
        <v>100</v>
      </c>
      <c r="AQ38" s="280">
        <v>108</v>
      </c>
      <c r="AR38" s="280">
        <v>107</v>
      </c>
      <c r="AS38" s="277">
        <v>662</v>
      </c>
      <c r="AT38" s="282">
        <v>822</v>
      </c>
      <c r="AU38" s="276">
        <v>0</v>
      </c>
      <c r="AV38" s="280">
        <v>0</v>
      </c>
      <c r="AW38" s="277">
        <v>0</v>
      </c>
      <c r="AX38" s="279">
        <v>0</v>
      </c>
      <c r="AY38" s="280">
        <v>811</v>
      </c>
      <c r="AZ38" s="280">
        <v>933</v>
      </c>
      <c r="BA38" s="280">
        <v>405</v>
      </c>
      <c r="BB38" s="280">
        <v>305</v>
      </c>
      <c r="BC38" s="280">
        <v>184</v>
      </c>
      <c r="BD38" s="281">
        <v>2638</v>
      </c>
      <c r="BE38" s="282">
        <v>2638</v>
      </c>
      <c r="BF38" s="276">
        <v>0</v>
      </c>
      <c r="BG38" s="280">
        <v>0</v>
      </c>
      <c r="BH38" s="277">
        <v>0</v>
      </c>
      <c r="BI38" s="279">
        <v>0</v>
      </c>
      <c r="BJ38" s="280">
        <v>208</v>
      </c>
      <c r="BK38" s="280">
        <v>184</v>
      </c>
      <c r="BL38" s="280">
        <v>132</v>
      </c>
      <c r="BM38" s="280">
        <v>37</v>
      </c>
      <c r="BN38" s="280">
        <v>15</v>
      </c>
      <c r="BO38" s="277">
        <v>576</v>
      </c>
      <c r="BP38" s="282">
        <v>576</v>
      </c>
      <c r="BQ38" s="276">
        <v>0</v>
      </c>
      <c r="BR38" s="280">
        <v>0</v>
      </c>
      <c r="BS38" s="277">
        <v>0</v>
      </c>
      <c r="BT38" s="279">
        <v>0</v>
      </c>
      <c r="BU38" s="280">
        <v>196</v>
      </c>
      <c r="BV38" s="280">
        <v>161</v>
      </c>
      <c r="BW38" s="280">
        <v>301</v>
      </c>
      <c r="BX38" s="280">
        <v>258</v>
      </c>
      <c r="BY38" s="280">
        <v>101</v>
      </c>
      <c r="BZ38" s="277">
        <v>1017</v>
      </c>
      <c r="CA38" s="282">
        <v>1017</v>
      </c>
      <c r="CB38" s="276">
        <v>0</v>
      </c>
      <c r="CC38" s="280">
        <v>0</v>
      </c>
      <c r="CD38" s="277">
        <v>0</v>
      </c>
      <c r="CE38" s="279">
        <v>0</v>
      </c>
      <c r="CF38" s="280">
        <v>0</v>
      </c>
      <c r="CG38" s="280">
        <v>0</v>
      </c>
      <c r="CH38" s="280">
        <v>3</v>
      </c>
      <c r="CI38" s="280">
        <v>9</v>
      </c>
      <c r="CJ38" s="280">
        <v>3</v>
      </c>
      <c r="CK38" s="277">
        <v>15</v>
      </c>
      <c r="CL38" s="282">
        <v>15</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3">
        <v>0</v>
      </c>
      <c r="F39" s="286">
        <v>0</v>
      </c>
      <c r="G39" s="287">
        <v>13</v>
      </c>
      <c r="H39" s="287">
        <v>54</v>
      </c>
      <c r="I39" s="287">
        <v>93</v>
      </c>
      <c r="J39" s="287">
        <v>31</v>
      </c>
      <c r="K39" s="287">
        <v>142</v>
      </c>
      <c r="L39" s="288">
        <v>333</v>
      </c>
      <c r="M39" s="289">
        <v>333</v>
      </c>
      <c r="N39" s="283">
        <v>0</v>
      </c>
      <c r="O39" s="287">
        <v>0</v>
      </c>
      <c r="P39" s="284">
        <v>0</v>
      </c>
      <c r="Q39" s="286">
        <v>0</v>
      </c>
      <c r="R39" s="287">
        <v>0</v>
      </c>
      <c r="S39" s="287">
        <v>0</v>
      </c>
      <c r="T39" s="287">
        <v>0</v>
      </c>
      <c r="U39" s="287">
        <v>0</v>
      </c>
      <c r="V39" s="287">
        <v>0</v>
      </c>
      <c r="W39" s="284">
        <v>0</v>
      </c>
      <c r="X39" s="289">
        <v>0</v>
      </c>
      <c r="Y39" s="283">
        <v>5</v>
      </c>
      <c r="Z39" s="287">
        <v>6</v>
      </c>
      <c r="AA39" s="284">
        <v>11</v>
      </c>
      <c r="AB39" s="286">
        <v>0</v>
      </c>
      <c r="AC39" s="287">
        <v>12</v>
      </c>
      <c r="AD39" s="287">
        <v>29</v>
      </c>
      <c r="AE39" s="287">
        <v>10</v>
      </c>
      <c r="AF39" s="287">
        <v>24</v>
      </c>
      <c r="AG39" s="287">
        <v>0</v>
      </c>
      <c r="AH39" s="284">
        <v>75</v>
      </c>
      <c r="AI39" s="289">
        <v>86</v>
      </c>
      <c r="AJ39" s="283">
        <v>0</v>
      </c>
      <c r="AK39" s="287">
        <v>0</v>
      </c>
      <c r="AL39" s="284">
        <v>0</v>
      </c>
      <c r="AM39" s="286">
        <v>0</v>
      </c>
      <c r="AN39" s="287">
        <v>0</v>
      </c>
      <c r="AO39" s="287">
        <v>10</v>
      </c>
      <c r="AP39" s="287">
        <v>0</v>
      </c>
      <c r="AQ39" s="287">
        <v>20</v>
      </c>
      <c r="AR39" s="287">
        <v>0</v>
      </c>
      <c r="AS39" s="284">
        <v>30</v>
      </c>
      <c r="AT39" s="289">
        <v>30</v>
      </c>
      <c r="AU39" s="283">
        <v>0</v>
      </c>
      <c r="AV39" s="287">
        <v>0</v>
      </c>
      <c r="AW39" s="284">
        <v>0</v>
      </c>
      <c r="AX39" s="286">
        <v>0</v>
      </c>
      <c r="AY39" s="287">
        <v>47</v>
      </c>
      <c r="AZ39" s="287">
        <v>28</v>
      </c>
      <c r="BA39" s="287">
        <v>115</v>
      </c>
      <c r="BB39" s="287">
        <v>24</v>
      </c>
      <c r="BC39" s="287">
        <v>10</v>
      </c>
      <c r="BD39" s="288">
        <v>224</v>
      </c>
      <c r="BE39" s="289">
        <v>224</v>
      </c>
      <c r="BF39" s="283">
        <v>0</v>
      </c>
      <c r="BG39" s="287">
        <v>0</v>
      </c>
      <c r="BH39" s="284">
        <v>0</v>
      </c>
      <c r="BI39" s="286">
        <v>0</v>
      </c>
      <c r="BJ39" s="287">
        <v>42</v>
      </c>
      <c r="BK39" s="287">
        <v>9</v>
      </c>
      <c r="BL39" s="287">
        <v>23</v>
      </c>
      <c r="BM39" s="287">
        <v>33</v>
      </c>
      <c r="BN39" s="287">
        <v>0</v>
      </c>
      <c r="BO39" s="284">
        <v>107</v>
      </c>
      <c r="BP39" s="289">
        <v>107</v>
      </c>
      <c r="BQ39" s="283">
        <v>0</v>
      </c>
      <c r="BR39" s="287">
        <v>0</v>
      </c>
      <c r="BS39" s="284">
        <v>0</v>
      </c>
      <c r="BT39" s="286">
        <v>0</v>
      </c>
      <c r="BU39" s="287">
        <v>0</v>
      </c>
      <c r="BV39" s="287">
        <v>6</v>
      </c>
      <c r="BW39" s="287">
        <v>44</v>
      </c>
      <c r="BX39" s="287">
        <v>11</v>
      </c>
      <c r="BY39" s="287">
        <v>0</v>
      </c>
      <c r="BZ39" s="284">
        <v>61</v>
      </c>
      <c r="CA39" s="289">
        <v>61</v>
      </c>
      <c r="CB39" s="283">
        <v>0</v>
      </c>
      <c r="CC39" s="287">
        <v>0</v>
      </c>
      <c r="CD39" s="284">
        <v>0</v>
      </c>
      <c r="CE39" s="286">
        <v>0</v>
      </c>
      <c r="CF39" s="287">
        <v>5</v>
      </c>
      <c r="CG39" s="287">
        <v>0</v>
      </c>
      <c r="CH39" s="287">
        <v>8</v>
      </c>
      <c r="CI39" s="287">
        <v>0</v>
      </c>
      <c r="CJ39" s="287">
        <v>4</v>
      </c>
      <c r="CK39" s="284">
        <v>17</v>
      </c>
      <c r="CL39" s="289">
        <v>17</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08-03T06:17:57Z</cp:lastPrinted>
  <dcterms:created xsi:type="dcterms:W3CDTF">2008-02-08T04:23:07Z</dcterms:created>
  <dcterms:modified xsi:type="dcterms:W3CDTF">2023-08-03T06:19:48Z</dcterms:modified>
</cp:coreProperties>
</file>